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fileSharing readOnlyRecommended="1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93\01企画Ｇ\23_統計\厚生労働省\01_介護保険事業状況報告\02_月報HP\"/>
    </mc:Choice>
  </mc:AlternateContent>
  <bookViews>
    <workbookView xWindow="240" yWindow="72" windowWidth="14940" windowHeight="8556" tabRatio="853"/>
  </bookViews>
  <sheets>
    <sheet name="第１表" sheetId="1" r:id="rId1"/>
    <sheet name="第２-1表" sheetId="8" r:id="rId2"/>
    <sheet name="第２-2表" sheetId="19" r:id="rId3"/>
    <sheet name="第２-3表" sheetId="28" r:id="rId4"/>
    <sheet name="第３-1表" sheetId="9" r:id="rId5"/>
    <sheet name="第３-2-1表" sheetId="10" r:id="rId6"/>
    <sheet name="第３-2-2表" sheetId="21" r:id="rId7"/>
    <sheet name="第３-2-3表 " sheetId="29" r:id="rId8"/>
    <sheet name="第3-3-1表" sheetId="11" r:id="rId9"/>
    <sheet name="第3-3-2表" sheetId="22" r:id="rId10"/>
    <sheet name="第3-3-3表 " sheetId="30" r:id="rId11"/>
    <sheet name="第４-1表" sheetId="4" r:id="rId12"/>
    <sheet name="第4-2-1表" sheetId="13" r:id="rId13"/>
    <sheet name="第4-2-2表" sheetId="23" r:id="rId14"/>
    <sheet name="第4-2-3表" sheetId="31" r:id="rId15"/>
    <sheet name="第4-3-1表" sheetId="14" r:id="rId16"/>
    <sheet name="第4-3-2表" sheetId="24" r:id="rId17"/>
    <sheet name="第4-3-3表" sheetId="32" r:id="rId18"/>
    <sheet name="第5-1表" sheetId="5" r:id="rId19"/>
    <sheet name="第5-2表" sheetId="25" r:id="rId20"/>
    <sheet name="第5-3表" sheetId="33" r:id="rId21"/>
    <sheet name="第６-1表" sheetId="6" r:id="rId22"/>
    <sheet name="第６-2表" sheetId="26" r:id="rId23"/>
    <sheet name="第６-3表 " sheetId="34" r:id="rId24"/>
    <sheet name="第7表" sheetId="18" r:id="rId25"/>
  </sheets>
  <definedNames>
    <definedName name="_xlnm.Print_Area" localSheetId="0">第１表!$A$1:$J$41</definedName>
    <definedName name="_xlnm.Print_Area" localSheetId="1">'第２-1表'!$A$1:$KM$41</definedName>
    <definedName name="_xlnm.Print_Area" localSheetId="2">'第２-2表'!$A$1:$KM$41</definedName>
    <definedName name="_xlnm.Print_Area" localSheetId="3">'第２-3表'!$A$1:$KM$41</definedName>
    <definedName name="_xlnm.Print_Area" localSheetId="8">'第3-3-1表'!$B$1:$CW$40</definedName>
    <definedName name="_xlnm.Print_Area" localSheetId="9">'第3-3-2表'!$B$1:$CW$40</definedName>
    <definedName name="_xlnm.Print_Area" localSheetId="10">'第3-3-3表 '!$B$1:$CW$40</definedName>
    <definedName name="_xlnm.Print_Titles" localSheetId="1">'第２-1表'!$B:$B,'第２-1表'!$1:$2</definedName>
    <definedName name="_xlnm.Print_Titles" localSheetId="2">'第２-2表'!$B:$B,'第２-2表'!$1:$2</definedName>
    <definedName name="_xlnm.Print_Titles" localSheetId="3">'第２-3表'!$B:$B,'第２-3表'!$1:$2</definedName>
    <definedName name="_xlnm.Print_Titles" localSheetId="4">'第３-1表'!$B:$B</definedName>
    <definedName name="_xlnm.Print_Titles" localSheetId="5">'第３-2-1表'!$B:$B,'第３-2-1表'!$1:$2</definedName>
    <definedName name="_xlnm.Print_Titles" localSheetId="6">'第３-2-2表'!$B:$B,'第３-2-2表'!$1:$2</definedName>
    <definedName name="_xlnm.Print_Titles" localSheetId="7">'第３-2-3表 '!$B:$B,'第３-2-3表 '!$1:$2</definedName>
    <definedName name="_xlnm.Print_Titles" localSheetId="11">'第４-1表'!$B:$B</definedName>
    <definedName name="_xlnm.Print_Titles" localSheetId="18">'第5-1表'!$B:$B</definedName>
    <definedName name="_xlnm.Print_Titles" localSheetId="19">'第5-2表'!$B:$B</definedName>
    <definedName name="_xlnm.Print_Titles" localSheetId="20">'第5-3表'!$B:$B</definedName>
    <definedName name="_xlnm.Print_Titles" localSheetId="21">'第６-1表'!$B:$B</definedName>
    <definedName name="_xlnm.Print_Titles" localSheetId="22">'第６-2表'!$B:$B</definedName>
    <definedName name="_xlnm.Print_Titles" localSheetId="23">'第６-3表 '!$B:$B</definedName>
    <definedName name="_xlnm.Print_Titles" localSheetId="24">第7表!$B:$B</definedName>
  </definedNames>
  <calcPr calcId="162913"/>
</workbook>
</file>

<file path=xl/calcChain.xml><?xml version="1.0" encoding="utf-8"?>
<calcChain xmlns="http://schemas.openxmlformats.org/spreadsheetml/2006/main">
  <c r="H4" i="1" l="1"/>
  <c r="I1" i="10" l="1"/>
  <c r="F1" i="34" l="1"/>
  <c r="G1" i="34" s="1"/>
  <c r="E1" i="34"/>
  <c r="F1" i="6"/>
  <c r="G1" i="6" s="1"/>
  <c r="G1" i="33"/>
  <c r="H1" i="33" s="1"/>
  <c r="F1" i="33"/>
  <c r="H1" i="5"/>
  <c r="I1" i="5" s="1"/>
  <c r="F1" i="5"/>
  <c r="J1" i="30"/>
  <c r="G1" i="25" l="1"/>
  <c r="H1" i="25" s="1"/>
  <c r="F1" i="25"/>
  <c r="J1" i="32" l="1"/>
  <c r="K1" i="32" s="1"/>
  <c r="H1" i="32"/>
  <c r="K1" i="31"/>
  <c r="L1" i="31" s="1"/>
  <c r="I1" i="31"/>
  <c r="L1" i="30"/>
  <c r="M1" i="30" s="1"/>
  <c r="K1" i="29"/>
  <c r="L1" i="29" s="1"/>
  <c r="I1" i="29"/>
  <c r="H1" i="28"/>
  <c r="I1" i="28" s="1"/>
  <c r="F1" i="28"/>
  <c r="E1" i="18" l="1"/>
  <c r="E1" i="26"/>
  <c r="E1" i="6"/>
  <c r="H1" i="24"/>
  <c r="H1" i="14"/>
  <c r="I1" i="23"/>
  <c r="I1" i="13"/>
  <c r="H1" i="4"/>
  <c r="J1" i="22"/>
  <c r="J1" i="11"/>
  <c r="I1" i="21"/>
  <c r="G1" i="9"/>
  <c r="F1" i="19"/>
  <c r="F1" i="8"/>
  <c r="F1" i="18" l="1"/>
  <c r="F1" i="26"/>
  <c r="J1" i="24"/>
  <c r="J1" i="14"/>
  <c r="K1" i="23"/>
  <c r="K1" i="13"/>
  <c r="J1" i="4"/>
  <c r="L1" i="22"/>
  <c r="L1" i="11"/>
  <c r="K1" i="21"/>
  <c r="K1" i="10"/>
  <c r="I1" i="9"/>
  <c r="H1" i="19"/>
  <c r="I1" i="19" s="1"/>
  <c r="H1" i="8"/>
  <c r="I1" i="8" s="1"/>
  <c r="J1" i="9" l="1"/>
  <c r="G1" i="26"/>
  <c r="K1" i="24"/>
  <c r="L1" i="23"/>
  <c r="M1" i="22"/>
  <c r="L1" i="21"/>
  <c r="G1" i="18"/>
  <c r="K1" i="14"/>
  <c r="L1" i="13"/>
  <c r="M1" i="11"/>
  <c r="L1" i="10"/>
  <c r="K1" i="4"/>
</calcChain>
</file>

<file path=xl/sharedStrings.xml><?xml version="1.0" encoding="utf-8"?>
<sst xmlns="http://schemas.openxmlformats.org/spreadsheetml/2006/main" count="5569" uniqueCount="162">
  <si>
    <t>介護保険事業状況報告</t>
  </si>
  <si>
    <t>第1号被保険者数（人）</t>
  </si>
  <si>
    <t>当月末現在</t>
  </si>
  <si>
    <t>６５歳以上７５歳未満</t>
  </si>
  <si>
    <t>神奈川県</t>
  </si>
  <si>
    <t>横浜市</t>
  </si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区分</t>
  </si>
  <si>
    <t>第１号被保険者</t>
  </si>
  <si>
    <t>第２号被保険者</t>
  </si>
  <si>
    <t>総数</t>
  </si>
  <si>
    <t>市町村名</t>
  </si>
  <si>
    <t>要支援１</t>
  </si>
  <si>
    <t>要支援２</t>
  </si>
  <si>
    <t>計</t>
  </si>
  <si>
    <t>経過的
要介護</t>
  </si>
  <si>
    <t>要介護１</t>
  </si>
  <si>
    <t>要介護２</t>
  </si>
  <si>
    <t>要介護３</t>
  </si>
  <si>
    <t>要介護４</t>
  </si>
  <si>
    <t>要介護５</t>
  </si>
  <si>
    <t>合計</t>
  </si>
  <si>
    <t>第１被保険者</t>
  </si>
  <si>
    <t>第２被保険者</t>
  </si>
  <si>
    <t>総　　　計</t>
  </si>
  <si>
    <t>施設介護サービス受給者数（人）</t>
  </si>
  <si>
    <t>介護老人福祉施設</t>
  </si>
  <si>
    <t>介護老人保健施設</t>
  </si>
  <si>
    <t>介護療養型医療施設</t>
  </si>
  <si>
    <t>総計</t>
  </si>
  <si>
    <t>予防給付</t>
  </si>
  <si>
    <t>介護給付</t>
  </si>
  <si>
    <t>居宅(介護予防)サービス</t>
  </si>
  <si>
    <t>訪問サービス</t>
  </si>
  <si>
    <t>通所サービス</t>
  </si>
  <si>
    <t>短期入所サービス</t>
  </si>
  <si>
    <t>福祉用具・住宅改修サービス</t>
  </si>
  <si>
    <t>特定施設入居者生活介護</t>
  </si>
  <si>
    <t>介護予防支援・居宅介護支援</t>
  </si>
  <si>
    <t>訪問介護</t>
  </si>
  <si>
    <t>訪問入浴介護</t>
  </si>
  <si>
    <t>訪問看護</t>
  </si>
  <si>
    <t>訪問リハビリテーション</t>
  </si>
  <si>
    <t>居宅療養管理指導</t>
  </si>
  <si>
    <t>通所介護</t>
  </si>
  <si>
    <t>通所リハビリテーション</t>
  </si>
  <si>
    <t>短期入所生活介護</t>
  </si>
  <si>
    <t>短期入所療養介護（介護老人保健施設）</t>
  </si>
  <si>
    <t>短期入所療養介護（介護療養型医療施設等）</t>
  </si>
  <si>
    <t>福祉用具貸与</t>
  </si>
  <si>
    <t>福祉用具購入費</t>
  </si>
  <si>
    <t>住宅改修費</t>
  </si>
  <si>
    <t>経過的要介護</t>
  </si>
  <si>
    <t>※　千円未満四捨五入処理のため、計は合わない。</t>
  </si>
  <si>
    <t>地域密着型(介護予防)サービス</t>
  </si>
  <si>
    <t>施設サービス</t>
  </si>
  <si>
    <t>　</t>
    <phoneticPr fontId="4"/>
  </si>
  <si>
    <t>夜間対応型訪問介護</t>
    <phoneticPr fontId="4"/>
  </si>
  <si>
    <t>小規模多機能型居宅介護</t>
    <phoneticPr fontId="4"/>
  </si>
  <si>
    <t>認知症対応型通所介護</t>
    <phoneticPr fontId="4"/>
  </si>
  <si>
    <t>認知症対応型共同生活介護</t>
    <phoneticPr fontId="4"/>
  </si>
  <si>
    <t>地域密着型特定施設入居者生活介護</t>
    <phoneticPr fontId="4"/>
  </si>
  <si>
    <t>地域密着型介護老人福祉施設入所者生活介護</t>
    <phoneticPr fontId="4"/>
  </si>
  <si>
    <t>定期巡回・随時対応型訪問介護看護</t>
    <phoneticPr fontId="4"/>
  </si>
  <si>
    <t>計</t>
    <phoneticPr fontId="4"/>
  </si>
  <si>
    <t>男</t>
    <rPh sb="0" eb="1">
      <t>オトコ</t>
    </rPh>
    <phoneticPr fontId="4"/>
  </si>
  <si>
    <t>６５歳以上７０歳未満</t>
    <phoneticPr fontId="4"/>
  </si>
  <si>
    <t>７０歳以上７５歳未満</t>
    <phoneticPr fontId="4"/>
  </si>
  <si>
    <t>７５歳以上８０歳未満</t>
    <phoneticPr fontId="4"/>
  </si>
  <si>
    <t>８０歳以上８５歳未満</t>
    <phoneticPr fontId="4"/>
  </si>
  <si>
    <t>９０歳以上</t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短期入所療養介護（介護療養型医療施設等）（日）</t>
  </si>
  <si>
    <t>短期入所生活介護（日）</t>
  </si>
  <si>
    <t>通所リハビリテーション（回）</t>
  </si>
  <si>
    <t>通所介護（回）</t>
  </si>
  <si>
    <t>訪問リハビリテーション（回）</t>
  </si>
  <si>
    <t>訪問看護（回）</t>
  </si>
  <si>
    <t>訪問入浴介護（回）</t>
  </si>
  <si>
    <t>訪問介護（回）</t>
  </si>
  <si>
    <t>認知症対応型通所介護</t>
  </si>
  <si>
    <t>定期巡回・随時対応型訪問介護看護</t>
    <phoneticPr fontId="4"/>
  </si>
  <si>
    <t>夜間対応型訪問介護</t>
    <phoneticPr fontId="4"/>
  </si>
  <si>
    <t>食費</t>
  </si>
  <si>
    <t>地域密着型介護老人福祉施設入所者生活介護</t>
  </si>
  <si>
    <t>居住費（滞在費）</t>
  </si>
  <si>
    <t>要支援１</t>
    <phoneticPr fontId="4"/>
  </si>
  <si>
    <t xml:space="preserve">要介護（要支援）認定者数（人） </t>
    <phoneticPr fontId="4"/>
  </si>
  <si>
    <t>居宅介護(介護予防)サービスのサービス別受給者数【現物給付分】</t>
    <rPh sb="25" eb="27">
      <t>ゲンブツ</t>
    </rPh>
    <rPh sb="27" eb="29">
      <t>キュウフ</t>
    </rPh>
    <rPh sb="29" eb="30">
      <t>ブン</t>
    </rPh>
    <phoneticPr fontId="4"/>
  </si>
  <si>
    <t>居宅介護(介護予防)サービスのサービス別利用回（日）数【現物給付分】</t>
    <rPh sb="28" eb="30">
      <t>ゲンブツ</t>
    </rPh>
    <rPh sb="30" eb="32">
      <t>キュウフ</t>
    </rPh>
    <rPh sb="32" eb="33">
      <t>ブン</t>
    </rPh>
    <phoneticPr fontId="4"/>
  </si>
  <si>
    <t>地域密着型(介護予防)サービスのサービス別受給者数【現物給付分】</t>
    <rPh sb="26" eb="28">
      <t>ゲンブツ</t>
    </rPh>
    <rPh sb="28" eb="30">
      <t>キュウフ</t>
    </rPh>
    <rPh sb="30" eb="31">
      <t>ブン</t>
    </rPh>
    <phoneticPr fontId="4"/>
  </si>
  <si>
    <t>地域密着型(介護予防)サービスの利用回数【現物給付分】</t>
    <phoneticPr fontId="4"/>
  </si>
  <si>
    <t>短期入所療養介護（介護老人保健施設）（日）</t>
    <phoneticPr fontId="4"/>
  </si>
  <si>
    <t>地域密着型（介護予防）サービス受給者数（人）</t>
    <phoneticPr fontId="4"/>
  </si>
  <si>
    <t>①総数</t>
    <rPh sb="1" eb="3">
      <t>ソウスウ</t>
    </rPh>
    <phoneticPr fontId="4"/>
  </si>
  <si>
    <t>②総数（再掲：第1号被保険者の2割負担対象者分）</t>
  </si>
  <si>
    <t>②総数（再掲：第1号被保険者の2割負担対象者分）</t>
    <rPh sb="1" eb="3">
      <t>ソウスウ</t>
    </rPh>
    <rPh sb="4" eb="6">
      <t>サイケイ</t>
    </rPh>
    <rPh sb="7" eb="8">
      <t>ダイ</t>
    </rPh>
    <rPh sb="9" eb="10">
      <t>ゴウ</t>
    </rPh>
    <rPh sb="10" eb="14">
      <t>ヒホケンジャ</t>
    </rPh>
    <rPh sb="16" eb="17">
      <t>ワリ</t>
    </rPh>
    <rPh sb="17" eb="19">
      <t>フタン</t>
    </rPh>
    <rPh sb="19" eb="22">
      <t>タイショウシャ</t>
    </rPh>
    <rPh sb="22" eb="23">
      <t>ブン</t>
    </rPh>
    <phoneticPr fontId="4"/>
  </si>
  <si>
    <t>①総数</t>
    <phoneticPr fontId="4"/>
  </si>
  <si>
    <t>居宅介護（介護予防）サービス受給者数</t>
    <phoneticPr fontId="4"/>
  </si>
  <si>
    <t>②総数（再掲：第1号被保険者の2割負担対象者分）</t>
    <phoneticPr fontId="4"/>
  </si>
  <si>
    <t>保険給付決定状況</t>
  </si>
  <si>
    <t>②総数（給付費・千円）（再掲：第1号被保険者の2割負担対象者分）</t>
    <rPh sb="12" eb="14">
      <t>サイケイ</t>
    </rPh>
    <rPh sb="15" eb="16">
      <t>ダイ</t>
    </rPh>
    <rPh sb="17" eb="18">
      <t>ゴウ</t>
    </rPh>
    <rPh sb="18" eb="22">
      <t>ヒホケンジャ</t>
    </rPh>
    <rPh sb="24" eb="25">
      <t>ワリ</t>
    </rPh>
    <rPh sb="25" eb="27">
      <t>フタン</t>
    </rPh>
    <rPh sb="27" eb="30">
      <t>タイショウシャ</t>
    </rPh>
    <rPh sb="30" eb="31">
      <t>ブン</t>
    </rPh>
    <phoneticPr fontId="4"/>
  </si>
  <si>
    <t>①総数</t>
    <phoneticPr fontId="4"/>
  </si>
  <si>
    <t>①総数</t>
    <rPh sb="1" eb="3">
      <t>ソウスウ</t>
    </rPh>
    <phoneticPr fontId="4"/>
  </si>
  <si>
    <t>【現物給付分】</t>
    <rPh sb="1" eb="3">
      <t>ゲンブツ</t>
    </rPh>
    <rPh sb="3" eb="5">
      <t>キュウフ</t>
    </rPh>
    <rPh sb="5" eb="6">
      <t>ブン</t>
    </rPh>
    <phoneticPr fontId="4"/>
  </si>
  <si>
    <t>複合型サービス(看護小規模多機能型居宅介護）</t>
    <rPh sb="8" eb="10">
      <t>カンゴ</t>
    </rPh>
    <rPh sb="10" eb="13">
      <t>ショウキボ</t>
    </rPh>
    <rPh sb="13" eb="17">
      <t>タキノウガタ</t>
    </rPh>
    <rPh sb="17" eb="19">
      <t>キョタク</t>
    </rPh>
    <rPh sb="19" eb="21">
      <t>カイゴ</t>
    </rPh>
    <phoneticPr fontId="4"/>
  </si>
  <si>
    <t>地域密着型通所介護</t>
    <rPh sb="0" eb="2">
      <t>チイキ</t>
    </rPh>
    <rPh sb="2" eb="4">
      <t>ミッチャク</t>
    </rPh>
    <phoneticPr fontId="4"/>
  </si>
  <si>
    <t>地域密着型通所介護</t>
    <rPh sb="0" eb="2">
      <t>チイキ</t>
    </rPh>
    <rPh sb="2" eb="4">
      <t>ミッチャク</t>
    </rPh>
    <phoneticPr fontId="4"/>
  </si>
  <si>
    <t>地域密着型通所介護</t>
    <rPh sb="0" eb="4">
      <t>チイキミッチャク</t>
    </rPh>
    <phoneticPr fontId="4"/>
  </si>
  <si>
    <t>複合型サービス(看護小規模多機能型居宅介護）</t>
    <phoneticPr fontId="4"/>
  </si>
  <si>
    <t>保険給付決定状況</t>
    <phoneticPr fontId="4"/>
  </si>
  <si>
    <t>介護給付・予防給付</t>
    <rPh sb="0" eb="2">
      <t>カイゴ</t>
    </rPh>
    <rPh sb="2" eb="4">
      <t>キュウフ</t>
    </rPh>
    <rPh sb="5" eb="7">
      <t>ヨボウ</t>
    </rPh>
    <rPh sb="7" eb="9">
      <t>キュウフ</t>
    </rPh>
    <phoneticPr fontId="4"/>
  </si>
  <si>
    <t>①総数（給付費・千円）</t>
    <phoneticPr fontId="4"/>
  </si>
  <si>
    <t>８５歳以上</t>
    <phoneticPr fontId="4"/>
  </si>
  <si>
    <t>７５歳以上８５歳未満</t>
    <rPh sb="7" eb="10">
      <t>サイミマン</t>
    </rPh>
    <phoneticPr fontId="4"/>
  </si>
  <si>
    <t>介護医療院</t>
    <rPh sb="4" eb="5">
      <t>イン</t>
    </rPh>
    <phoneticPr fontId="4"/>
  </si>
  <si>
    <t>短期入所療養介護（介護医療院）</t>
    <rPh sb="13" eb="14">
      <t>イン</t>
    </rPh>
    <phoneticPr fontId="4"/>
  </si>
  <si>
    <t>②総数（再掲：第1号被保険者の3割負担対象者分）</t>
    <rPh sb="1" eb="3">
      <t>ソウスウ</t>
    </rPh>
    <rPh sb="4" eb="6">
      <t>サイケイ</t>
    </rPh>
    <rPh sb="7" eb="8">
      <t>ダイ</t>
    </rPh>
    <rPh sb="9" eb="10">
      <t>ゴウ</t>
    </rPh>
    <rPh sb="10" eb="14">
      <t>ヒホケンジャ</t>
    </rPh>
    <rPh sb="16" eb="17">
      <t>ワリ</t>
    </rPh>
    <rPh sb="17" eb="19">
      <t>フタン</t>
    </rPh>
    <rPh sb="19" eb="22">
      <t>タイショウシャ</t>
    </rPh>
    <rPh sb="22" eb="23">
      <t>ブン</t>
    </rPh>
    <phoneticPr fontId="4"/>
  </si>
  <si>
    <t>②総数（再掲：第1号被保険者の3割負担対象者分）</t>
    <phoneticPr fontId="4"/>
  </si>
  <si>
    <t>②総数（再掲：第1号被保険者の3割負担対象者分）</t>
    <phoneticPr fontId="4"/>
  </si>
  <si>
    <t>②総数（給付費・千円）（再掲：第1号被保険者の3割負担対象者分）</t>
    <rPh sb="12" eb="14">
      <t>サイケイ</t>
    </rPh>
    <rPh sb="15" eb="16">
      <t>ダイ</t>
    </rPh>
    <rPh sb="17" eb="18">
      <t>ゴウ</t>
    </rPh>
    <rPh sb="18" eb="22">
      <t>ヒホケンジャ</t>
    </rPh>
    <rPh sb="24" eb="25">
      <t>ワリ</t>
    </rPh>
    <rPh sb="25" eb="27">
      <t>フタン</t>
    </rPh>
    <rPh sb="27" eb="30">
      <t>タイショウシャ</t>
    </rPh>
    <rPh sb="30" eb="31">
      <t>ブン</t>
    </rPh>
    <phoneticPr fontId="4"/>
  </si>
  <si>
    <t>短期入所療養介護（介護医療院）（日）</t>
    <rPh sb="13" eb="14">
      <t>イン</t>
    </rPh>
    <phoneticPr fontId="4"/>
  </si>
  <si>
    <t>（再掲：第1号被保険者の2割負担対象者分）</t>
    <phoneticPr fontId="4"/>
  </si>
  <si>
    <t>（再掲：第1号被保険者の3割負担対象者分）</t>
    <phoneticPr fontId="4"/>
  </si>
  <si>
    <t>短期入所療養介護（介護医療院）（日）</t>
    <rPh sb="11" eb="13">
      <t>イリョウ</t>
    </rPh>
    <rPh sb="13" eb="14">
      <t>イン</t>
    </rPh>
    <phoneticPr fontId="4"/>
  </si>
  <si>
    <t>短期入所療養介護（介護療養型医療施設等）（日）</t>
    <rPh sb="11" eb="14">
      <t>リョウヨウガタ</t>
    </rPh>
    <rPh sb="16" eb="19">
      <t>シセツトウ</t>
    </rPh>
    <phoneticPr fontId="4"/>
  </si>
  <si>
    <t>要支援２</t>
    <phoneticPr fontId="4"/>
  </si>
  <si>
    <t xml:space="preserve">保険給付決定状況 </t>
  </si>
  <si>
    <t>特定入所者介護（介護予防）サービス費　総数　給付費（千円）</t>
    <rPh sb="24" eb="25">
      <t>ヒ</t>
    </rPh>
    <rPh sb="26" eb="28">
      <t>センエン</t>
    </rPh>
    <phoneticPr fontId="4"/>
  </si>
  <si>
    <r>
      <t>８５歳以上９０</t>
    </r>
    <r>
      <rPr>
        <sz val="11"/>
        <rFont val="ＭＳ Ｐゴシック"/>
        <family val="3"/>
        <charset val="128"/>
      </rPr>
      <t>歳未満</t>
    </r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176" formatCode="#,##0_ "/>
    <numFmt numFmtId="177" formatCode="#,##0_ ;[Red]\-#,##0\ "/>
    <numFmt numFmtId="178" formatCode="#,##0_);[Red]\(#,##0\)"/>
    <numFmt numFmtId="179" formatCode="#,##0,\ ;\-#,##0,\ "/>
    <numFmt numFmtId="180" formatCode="#,##0,;\-#,##0,"/>
    <numFmt numFmtId="181" formatCode="\(&quot;平成&quot;##&quot;年&quot;"/>
    <numFmt numFmtId="182" formatCode="\(##&quot;月サービス分&quot;\)"/>
    <numFmt numFmtId="183" formatCode="##&quot;月分&quot;\)"/>
    <numFmt numFmtId="184" formatCode="0&quot;月末現在&quot;"/>
    <numFmt numFmtId="185" formatCode="\(##&quot;月末現在&quot;\)"/>
    <numFmt numFmtId="186" formatCode="\(&quot;令和&quot;##&quot;年&quot;"/>
  </numFmts>
  <fonts count="9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double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double">
        <color indexed="64"/>
      </right>
      <top/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double">
        <color indexed="64"/>
      </left>
      <right style="medium">
        <color indexed="64"/>
      </right>
      <top style="thin">
        <color indexed="64"/>
      </top>
      <bottom/>
      <diagonal/>
    </border>
    <border>
      <left style="double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/>
      <diagonal/>
    </border>
    <border>
      <left style="double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</borders>
  <cellStyleXfs count="5">
    <xf numFmtId="0" fontId="0" fillId="0" borderId="0"/>
    <xf numFmtId="38" fontId="3" fillId="0" borderId="0" applyFont="0" applyFill="0" applyBorder="0" applyAlignment="0" applyProtection="0"/>
    <xf numFmtId="0" fontId="2" fillId="0" borderId="0">
      <alignment vertical="center"/>
    </xf>
    <xf numFmtId="0" fontId="1" fillId="0" borderId="0">
      <alignment vertical="center"/>
    </xf>
    <xf numFmtId="38" fontId="2" fillId="0" borderId="0" applyFont="0" applyFill="0" applyBorder="0" applyAlignment="0" applyProtection="0"/>
  </cellStyleXfs>
  <cellXfs count="581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3" xfId="0" applyFont="1" applyBorder="1" applyAlignment="1">
      <alignment vertical="center"/>
    </xf>
    <xf numFmtId="38" fontId="3" fillId="0" borderId="4" xfId="1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 shrinkToFit="1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vertical="center"/>
    </xf>
    <xf numFmtId="0" fontId="7" fillId="0" borderId="0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horizontal="right" vertical="center"/>
    </xf>
    <xf numFmtId="183" fontId="5" fillId="0" borderId="0" xfId="0" applyNumberFormat="1" applyFont="1" applyAlignment="1">
      <alignment horizontal="left" vertical="center"/>
    </xf>
    <xf numFmtId="181" fontId="5" fillId="0" borderId="0" xfId="0" applyNumberFormat="1" applyFont="1" applyBorder="1" applyAlignment="1">
      <alignment vertical="center"/>
    </xf>
    <xf numFmtId="183" fontId="5" fillId="0" borderId="0" xfId="0" applyNumberFormat="1" applyFont="1" applyBorder="1" applyAlignment="1">
      <alignment horizontal="left" vertical="center"/>
    </xf>
    <xf numFmtId="181" fontId="8" fillId="0" borderId="0" xfId="0" applyNumberFormat="1" applyFont="1" applyAlignment="1">
      <alignment vertical="center"/>
    </xf>
    <xf numFmtId="183" fontId="8" fillId="0" borderId="0" xfId="0" applyNumberFormat="1" applyFont="1" applyAlignment="1">
      <alignment horizontal="left" vertical="center"/>
    </xf>
    <xf numFmtId="181" fontId="8" fillId="0" borderId="0" xfId="0" applyNumberFormat="1" applyFont="1" applyFill="1" applyAlignment="1">
      <alignment vertical="center"/>
    </xf>
    <xf numFmtId="183" fontId="8" fillId="0" borderId="0" xfId="0" applyNumberFormat="1" applyFont="1" applyFill="1" applyAlignment="1">
      <alignment horizontal="left" vertical="center"/>
    </xf>
    <xf numFmtId="184" fontId="3" fillId="0" borderId="0" xfId="0" applyNumberFormat="1" applyFont="1" applyAlignment="1">
      <alignment vertical="center"/>
    </xf>
    <xf numFmtId="180" fontId="0" fillId="0" borderId="8" xfId="1" applyNumberFormat="1" applyFont="1" applyBorder="1" applyAlignment="1">
      <alignment vertical="center"/>
    </xf>
    <xf numFmtId="180" fontId="0" fillId="0" borderId="5" xfId="1" applyNumberFormat="1" applyFont="1" applyBorder="1" applyAlignment="1">
      <alignment vertical="center"/>
    </xf>
    <xf numFmtId="180" fontId="0" fillId="0" borderId="38" xfId="1" applyNumberFormat="1" applyFont="1" applyBorder="1" applyAlignment="1">
      <alignment vertical="center"/>
    </xf>
    <xf numFmtId="180" fontId="0" fillId="0" borderId="53" xfId="1" applyNumberFormat="1" applyFont="1" applyBorder="1" applyAlignment="1">
      <alignment vertical="center"/>
    </xf>
    <xf numFmtId="180" fontId="0" fillId="0" borderId="46" xfId="1" applyNumberFormat="1" applyFont="1" applyBorder="1" applyAlignment="1">
      <alignment vertical="center"/>
    </xf>
    <xf numFmtId="180" fontId="0" fillId="0" borderId="48" xfId="1" applyNumberFormat="1" applyFont="1" applyBorder="1" applyAlignment="1">
      <alignment vertical="center"/>
    </xf>
    <xf numFmtId="180" fontId="0" fillId="0" borderId="56" xfId="1" applyNumberFormat="1" applyFont="1" applyBorder="1" applyAlignment="1">
      <alignment vertical="center"/>
    </xf>
    <xf numFmtId="180" fontId="0" fillId="0" borderId="9" xfId="1" applyNumberFormat="1" applyFont="1" applyBorder="1" applyAlignment="1">
      <alignment vertical="center"/>
    </xf>
    <xf numFmtId="180" fontId="0" fillId="0" borderId="12" xfId="1" applyNumberFormat="1" applyFont="1" applyBorder="1" applyAlignment="1">
      <alignment vertical="center"/>
    </xf>
    <xf numFmtId="180" fontId="0" fillId="0" borderId="25" xfId="1" applyNumberFormat="1" applyFont="1" applyBorder="1" applyAlignment="1">
      <alignment vertical="center"/>
    </xf>
    <xf numFmtId="180" fontId="0" fillId="0" borderId="26" xfId="1" applyNumberFormat="1" applyFont="1" applyBorder="1" applyAlignment="1">
      <alignment vertical="center"/>
    </xf>
    <xf numFmtId="180" fontId="0" fillId="0" borderId="13" xfId="1" applyNumberFormat="1" applyFont="1" applyBorder="1" applyAlignment="1">
      <alignment vertical="center"/>
    </xf>
    <xf numFmtId="180" fontId="0" fillId="0" borderId="30" xfId="1" applyNumberFormat="1" applyFont="1" applyBorder="1" applyAlignment="1">
      <alignment vertical="center"/>
    </xf>
    <xf numFmtId="180" fontId="0" fillId="0" borderId="66" xfId="1" applyNumberFormat="1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0" fillId="0" borderId="38" xfId="0" applyFont="1" applyBorder="1" applyAlignment="1">
      <alignment horizontal="center" vertical="center" shrinkToFit="1"/>
    </xf>
    <xf numFmtId="0" fontId="0" fillId="0" borderId="6" xfId="0" applyFont="1" applyBorder="1" applyAlignment="1">
      <alignment horizontal="center" vertical="center"/>
    </xf>
    <xf numFmtId="186" fontId="5" fillId="0" borderId="0" xfId="0" applyNumberFormat="1" applyFont="1" applyAlignment="1">
      <alignment horizontal="right" vertical="center"/>
    </xf>
    <xf numFmtId="186" fontId="8" fillId="0" borderId="0" xfId="0" applyNumberFormat="1" applyFont="1" applyAlignment="1">
      <alignment vertical="center"/>
    </xf>
    <xf numFmtId="177" fontId="0" fillId="0" borderId="5" xfId="0" applyNumberFormat="1" applyFill="1" applyBorder="1" applyAlignment="1">
      <alignment horizontal="right" vertical="center"/>
    </xf>
    <xf numFmtId="177" fontId="0" fillId="0" borderId="6" xfId="0" applyNumberFormat="1" applyFill="1" applyBorder="1" applyAlignment="1">
      <alignment horizontal="right" vertical="center"/>
    </xf>
    <xf numFmtId="177" fontId="3" fillId="0" borderId="38" xfId="1" applyNumberFormat="1" applyFont="1" applyBorder="1" applyAlignment="1">
      <alignment horizontal="right" vertical="center"/>
    </xf>
    <xf numFmtId="177" fontId="3" fillId="0" borderId="6" xfId="1" applyNumberFormat="1" applyFont="1" applyBorder="1" applyAlignment="1">
      <alignment horizontal="right" vertical="center"/>
    </xf>
    <xf numFmtId="177" fontId="3" fillId="0" borderId="25" xfId="1" applyNumberFormat="1" applyFont="1" applyBorder="1" applyAlignment="1">
      <alignment horizontal="right" vertical="center"/>
    </xf>
    <xf numFmtId="177" fontId="3" fillId="0" borderId="41" xfId="1" applyNumberFormat="1" applyFont="1" applyBorder="1" applyAlignment="1">
      <alignment horizontal="right" vertical="center"/>
    </xf>
    <xf numFmtId="180" fontId="0" fillId="0" borderId="49" xfId="1" applyNumberFormat="1" applyFont="1" applyBorder="1" applyAlignment="1">
      <alignment vertical="center" shrinkToFit="1"/>
    </xf>
    <xf numFmtId="180" fontId="0" fillId="0" borderId="42" xfId="1" applyNumberFormat="1" applyFont="1" applyBorder="1" applyAlignment="1">
      <alignment vertical="center" shrinkToFit="1"/>
    </xf>
    <xf numFmtId="180" fontId="0" fillId="0" borderId="4" xfId="1" applyNumberFormat="1" applyFont="1" applyBorder="1" applyAlignment="1">
      <alignment vertical="center" shrinkToFit="1"/>
    </xf>
    <xf numFmtId="180" fontId="0" fillId="0" borderId="90" xfId="1" applyNumberFormat="1" applyFont="1" applyBorder="1" applyAlignment="1">
      <alignment vertical="center" shrinkToFit="1"/>
    </xf>
    <xf numFmtId="180" fontId="0" fillId="0" borderId="73" xfId="1" applyNumberFormat="1" applyFont="1" applyBorder="1" applyAlignment="1">
      <alignment vertical="center" shrinkToFit="1"/>
    </xf>
    <xf numFmtId="180" fontId="0" fillId="0" borderId="59" xfId="1" applyNumberFormat="1" applyFont="1" applyBorder="1" applyAlignment="1">
      <alignment vertical="center" shrinkToFit="1"/>
    </xf>
    <xf numFmtId="180" fontId="0" fillId="0" borderId="57" xfId="1" applyNumberFormat="1" applyFont="1" applyBorder="1" applyAlignment="1">
      <alignment vertical="center" shrinkToFit="1"/>
    </xf>
    <xf numFmtId="180" fontId="0" fillId="0" borderId="8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0" fontId="0" fillId="0" borderId="38" xfId="1" applyNumberFormat="1" applyFont="1" applyBorder="1" applyAlignment="1">
      <alignment vertical="center" shrinkToFit="1"/>
    </xf>
    <xf numFmtId="180" fontId="0" fillId="0" borderId="53" xfId="1" applyNumberFormat="1" applyFont="1" applyBorder="1" applyAlignment="1">
      <alignment vertical="center" shrinkToFit="1"/>
    </xf>
    <xf numFmtId="180" fontId="0" fillId="0" borderId="46" xfId="1" applyNumberFormat="1" applyFont="1" applyBorder="1" applyAlignment="1">
      <alignment vertical="center" shrinkToFit="1"/>
    </xf>
    <xf numFmtId="180" fontId="0" fillId="0" borderId="48" xfId="1" applyNumberFormat="1" applyFont="1" applyBorder="1" applyAlignment="1">
      <alignment vertical="center" shrinkToFit="1"/>
    </xf>
    <xf numFmtId="180" fontId="0" fillId="0" borderId="56" xfId="1" applyNumberFormat="1" applyFont="1" applyBorder="1" applyAlignment="1">
      <alignment vertical="center" shrinkToFit="1"/>
    </xf>
    <xf numFmtId="186" fontId="5" fillId="0" borderId="0" xfId="0" applyNumberFormat="1" applyFont="1" applyAlignment="1">
      <alignment vertical="center"/>
    </xf>
    <xf numFmtId="183" fontId="5" fillId="0" borderId="0" xfId="0" applyNumberFormat="1" applyFont="1" applyFill="1" applyAlignment="1">
      <alignment horizontal="left" vertical="center"/>
    </xf>
    <xf numFmtId="0" fontId="3" fillId="0" borderId="7" xfId="0" applyFont="1" applyBorder="1" applyAlignment="1">
      <alignment vertical="center"/>
    </xf>
    <xf numFmtId="176" fontId="3" fillId="0" borderId="8" xfId="0" applyNumberFormat="1" applyFont="1" applyBorder="1" applyAlignment="1">
      <alignment vertical="center"/>
    </xf>
    <xf numFmtId="176" fontId="3" fillId="0" borderId="9" xfId="0" applyNumberFormat="1" applyFont="1" applyBorder="1" applyAlignment="1">
      <alignment vertical="center"/>
    </xf>
    <xf numFmtId="182" fontId="2" fillId="0" borderId="0" xfId="0" applyNumberFormat="1" applyFont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0" fillId="0" borderId="0" xfId="0" applyFont="1" applyAlignment="1">
      <alignment vertical="center"/>
    </xf>
    <xf numFmtId="0" fontId="0" fillId="0" borderId="19" xfId="0" applyFont="1" applyBorder="1" applyAlignment="1">
      <alignment horizontal="center" vertical="center"/>
    </xf>
    <xf numFmtId="0" fontId="0" fillId="0" borderId="9" xfId="0" applyFont="1" applyBorder="1" applyAlignment="1">
      <alignment horizontal="center" vertical="center"/>
    </xf>
    <xf numFmtId="0" fontId="0" fillId="0" borderId="12" xfId="0" applyFont="1" applyBorder="1" applyAlignment="1">
      <alignment horizontal="center" vertical="center"/>
    </xf>
    <xf numFmtId="0" fontId="0" fillId="0" borderId="13" xfId="0" applyFont="1" applyBorder="1" applyAlignment="1">
      <alignment horizontal="center" vertical="center"/>
    </xf>
    <xf numFmtId="0" fontId="0" fillId="0" borderId="26" xfId="0" applyFont="1" applyBorder="1" applyAlignment="1">
      <alignment horizontal="center" vertical="center" wrapText="1"/>
    </xf>
    <xf numFmtId="0" fontId="0" fillId="0" borderId="30" xfId="0" applyFont="1" applyBorder="1" applyAlignment="1">
      <alignment horizontal="center" vertical="center"/>
    </xf>
    <xf numFmtId="0" fontId="0" fillId="0" borderId="96" xfId="0" applyFont="1" applyBorder="1" applyAlignment="1">
      <alignment horizontal="center" vertical="center"/>
    </xf>
    <xf numFmtId="0" fontId="0" fillId="0" borderId="68" xfId="0" applyFont="1" applyBorder="1" applyAlignment="1">
      <alignment horizontal="center" vertical="center"/>
    </xf>
    <xf numFmtId="0" fontId="0" fillId="0" borderId="71" xfId="0" applyFont="1" applyBorder="1" applyAlignment="1">
      <alignment horizontal="center" vertical="center"/>
    </xf>
    <xf numFmtId="0" fontId="0" fillId="0" borderId="69" xfId="0" applyFont="1" applyBorder="1" applyAlignment="1">
      <alignment horizontal="center" vertical="center" wrapText="1"/>
    </xf>
    <xf numFmtId="0" fontId="0" fillId="0" borderId="84" xfId="0" applyFont="1" applyBorder="1" applyAlignment="1">
      <alignment horizontal="center" vertical="center"/>
    </xf>
    <xf numFmtId="0" fontId="0" fillId="0" borderId="86" xfId="0" applyFont="1" applyBorder="1" applyAlignment="1">
      <alignment horizontal="center" vertical="center"/>
    </xf>
    <xf numFmtId="0" fontId="0" fillId="0" borderId="3" xfId="0" applyFont="1" applyBorder="1" applyAlignment="1">
      <alignment horizontal="left" vertical="center" shrinkToFit="1"/>
    </xf>
    <xf numFmtId="178" fontId="0" fillId="0" borderId="49" xfId="0" applyNumberFormat="1" applyFont="1" applyBorder="1" applyAlignment="1">
      <alignment vertical="center"/>
    </xf>
    <xf numFmtId="178" fontId="0" fillId="0" borderId="42" xfId="0" applyNumberFormat="1" applyFont="1" applyBorder="1" applyAlignment="1">
      <alignment vertical="center"/>
    </xf>
    <xf numFmtId="178" fontId="0" fillId="0" borderId="43" xfId="0" applyNumberFormat="1" applyFont="1" applyBorder="1" applyAlignment="1">
      <alignment vertical="center"/>
    </xf>
    <xf numFmtId="178" fontId="0" fillId="0" borderId="44" xfId="0" applyNumberFormat="1" applyFont="1" applyBorder="1" applyAlignment="1">
      <alignment vertical="center"/>
    </xf>
    <xf numFmtId="178" fontId="0" fillId="0" borderId="45" xfId="0" applyNumberFormat="1" applyFont="1" applyBorder="1" applyAlignment="1">
      <alignment vertical="center"/>
    </xf>
    <xf numFmtId="178" fontId="0" fillId="0" borderId="34" xfId="1" applyNumberFormat="1" applyFont="1" applyBorder="1" applyAlignment="1">
      <alignment vertical="center"/>
    </xf>
    <xf numFmtId="178" fontId="0" fillId="0" borderId="35" xfId="1" applyNumberFormat="1" applyFont="1" applyBorder="1" applyAlignment="1">
      <alignment vertical="center"/>
    </xf>
    <xf numFmtId="178" fontId="0" fillId="0" borderId="36" xfId="1" applyNumberFormat="1" applyFont="1" applyBorder="1" applyAlignment="1">
      <alignment vertical="center"/>
    </xf>
    <xf numFmtId="178" fontId="0" fillId="0" borderId="37" xfId="1" applyNumberFormat="1" applyFont="1" applyBorder="1" applyAlignment="1">
      <alignment vertical="center"/>
    </xf>
    <xf numFmtId="178" fontId="0" fillId="0" borderId="55" xfId="0" applyNumberFormat="1" applyFont="1" applyBorder="1" applyAlignment="1">
      <alignment vertical="center"/>
    </xf>
    <xf numFmtId="0" fontId="0" fillId="0" borderId="7" xfId="0" applyFont="1" applyBorder="1" applyAlignment="1">
      <alignment horizontal="left" vertical="center" shrinkToFit="1"/>
    </xf>
    <xf numFmtId="178" fontId="0" fillId="0" borderId="8" xfId="0" applyNumberFormat="1" applyFont="1" applyBorder="1" applyAlignment="1">
      <alignment vertical="center"/>
    </xf>
    <xf numFmtId="178" fontId="0" fillId="0" borderId="5" xfId="0" applyNumberFormat="1" applyFont="1" applyBorder="1" applyAlignment="1">
      <alignment vertical="center"/>
    </xf>
    <xf numFmtId="178" fontId="0" fillId="0" borderId="46" xfId="0" applyNumberFormat="1" applyFont="1" applyBorder="1" applyAlignment="1">
      <alignment vertical="center"/>
    </xf>
    <xf numFmtId="178" fontId="0" fillId="0" borderId="47" xfId="0" applyNumberFormat="1" applyFont="1" applyBorder="1" applyAlignment="1">
      <alignment vertical="center"/>
    </xf>
    <xf numFmtId="178" fontId="0" fillId="0" borderId="48" xfId="0" applyNumberFormat="1" applyFont="1" applyBorder="1" applyAlignment="1">
      <alignment vertical="center"/>
    </xf>
    <xf numFmtId="178" fontId="0" fillId="0" borderId="8" xfId="1" applyNumberFormat="1" applyFont="1" applyBorder="1" applyAlignment="1">
      <alignment vertical="center"/>
    </xf>
    <xf numFmtId="178" fontId="0" fillId="0" borderId="5" xfId="1" applyNumberFormat="1" applyFont="1" applyBorder="1" applyAlignment="1">
      <alignment vertical="center"/>
    </xf>
    <xf numFmtId="178" fontId="0" fillId="0" borderId="38" xfId="1" applyNumberFormat="1" applyFont="1" applyBorder="1" applyAlignment="1">
      <alignment vertical="center"/>
    </xf>
    <xf numFmtId="178" fontId="0" fillId="0" borderId="39" xfId="1" applyNumberFormat="1" applyFont="1" applyBorder="1" applyAlignment="1">
      <alignment vertical="center"/>
    </xf>
    <xf numFmtId="178" fontId="0" fillId="0" borderId="54" xfId="0" applyNumberFormat="1" applyFont="1" applyBorder="1" applyAlignment="1">
      <alignment vertical="center"/>
    </xf>
    <xf numFmtId="0" fontId="0" fillId="0" borderId="7" xfId="0" applyFont="1" applyBorder="1" applyAlignment="1">
      <alignment horizontal="left" vertical="center"/>
    </xf>
    <xf numFmtId="178" fontId="0" fillId="0" borderId="49" xfId="1" applyNumberFormat="1" applyFont="1" applyBorder="1" applyAlignment="1">
      <alignment vertical="center"/>
    </xf>
    <xf numFmtId="0" fontId="0" fillId="0" borderId="14" xfId="0" applyFont="1" applyBorder="1" applyAlignment="1">
      <alignment horizontal="left" vertical="center"/>
    </xf>
    <xf numFmtId="178" fontId="0" fillId="0" borderId="9" xfId="0" applyNumberFormat="1" applyFont="1" applyBorder="1" applyAlignment="1">
      <alignment vertical="center"/>
    </xf>
    <xf numFmtId="178" fontId="0" fillId="0" borderId="12" xfId="0" applyNumberFormat="1" applyFont="1" applyBorder="1" applyAlignment="1">
      <alignment vertical="center"/>
    </xf>
    <xf numFmtId="178" fontId="0" fillId="0" borderId="13" xfId="0" applyNumberFormat="1" applyFont="1" applyBorder="1" applyAlignment="1">
      <alignment vertical="center"/>
    </xf>
    <xf numFmtId="178" fontId="0" fillId="0" borderId="50" xfId="0" applyNumberFormat="1" applyFont="1" applyBorder="1" applyAlignment="1">
      <alignment vertical="center"/>
    </xf>
    <xf numFmtId="178" fontId="0" fillId="0" borderId="30" xfId="0" applyNumberFormat="1" applyFont="1" applyBorder="1" applyAlignment="1">
      <alignment vertical="center"/>
    </xf>
    <xf numFmtId="178" fontId="0" fillId="0" borderId="9" xfId="1" applyNumberFormat="1" applyFont="1" applyBorder="1" applyAlignment="1">
      <alignment vertical="center"/>
    </xf>
    <xf numFmtId="178" fontId="0" fillId="0" borderId="12" xfId="1" applyNumberFormat="1" applyFont="1" applyBorder="1" applyAlignment="1">
      <alignment vertical="center"/>
    </xf>
    <xf numFmtId="178" fontId="0" fillId="0" borderId="25" xfId="1" applyNumberFormat="1" applyFont="1" applyBorder="1" applyAlignment="1">
      <alignment vertical="center"/>
    </xf>
    <xf numFmtId="178" fontId="0" fillId="0" borderId="40" xfId="1" applyNumberFormat="1" applyFont="1" applyBorder="1" applyAlignment="1">
      <alignment vertical="center"/>
    </xf>
    <xf numFmtId="178" fontId="0" fillId="0" borderId="33" xfId="0" applyNumberFormat="1" applyFont="1" applyBorder="1" applyAlignment="1">
      <alignment vertical="center"/>
    </xf>
    <xf numFmtId="0" fontId="0" fillId="0" borderId="15" xfId="0" applyFont="1" applyBorder="1" applyAlignment="1">
      <alignment horizontal="center" vertical="center"/>
    </xf>
    <xf numFmtId="0" fontId="0" fillId="0" borderId="16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17" xfId="0" applyFont="1" applyBorder="1" applyAlignment="1">
      <alignment horizontal="center" vertical="center"/>
    </xf>
    <xf numFmtId="0" fontId="0" fillId="0" borderId="18" xfId="0" applyFont="1" applyBorder="1" applyAlignment="1">
      <alignment horizontal="center" vertical="center" wrapText="1"/>
    </xf>
    <xf numFmtId="176" fontId="0" fillId="0" borderId="34" xfId="1" applyNumberFormat="1" applyFont="1" applyBorder="1" applyAlignment="1">
      <alignment vertical="center"/>
    </xf>
    <xf numFmtId="176" fontId="0" fillId="0" borderId="35" xfId="1" applyNumberFormat="1" applyFont="1" applyBorder="1" applyAlignment="1">
      <alignment vertical="center"/>
    </xf>
    <xf numFmtId="176" fontId="0" fillId="0" borderId="36" xfId="1" applyNumberFormat="1" applyFont="1" applyBorder="1" applyAlignment="1">
      <alignment vertical="center"/>
    </xf>
    <xf numFmtId="176" fontId="0" fillId="0" borderId="51" xfId="1" applyNumberFormat="1" applyFont="1" applyBorder="1" applyAlignment="1">
      <alignment vertical="center"/>
    </xf>
    <xf numFmtId="176" fontId="0" fillId="0" borderId="37" xfId="1" applyNumberFormat="1" applyFont="1" applyBorder="1" applyAlignment="1">
      <alignment vertical="center"/>
    </xf>
    <xf numFmtId="176" fontId="0" fillId="0" borderId="52" xfId="1" applyNumberFormat="1" applyFont="1" applyBorder="1" applyAlignment="1">
      <alignment vertical="center"/>
    </xf>
    <xf numFmtId="176" fontId="0" fillId="0" borderId="8" xfId="1" applyNumberFormat="1" applyFont="1" applyBorder="1" applyAlignment="1">
      <alignment vertical="center"/>
    </xf>
    <xf numFmtId="176" fontId="0" fillId="0" borderId="5" xfId="1" applyNumberFormat="1" applyFont="1" applyBorder="1" applyAlignment="1">
      <alignment vertical="center"/>
    </xf>
    <xf numFmtId="176" fontId="0" fillId="0" borderId="38" xfId="1" applyNumberFormat="1" applyFont="1" applyBorder="1" applyAlignment="1">
      <alignment vertical="center"/>
    </xf>
    <xf numFmtId="176" fontId="0" fillId="0" borderId="53" xfId="1" applyNumberFormat="1" applyFont="1" applyBorder="1" applyAlignment="1">
      <alignment vertical="center"/>
    </xf>
    <xf numFmtId="176" fontId="0" fillId="0" borderId="39" xfId="1" applyNumberFormat="1" applyFont="1" applyBorder="1" applyAlignment="1">
      <alignment vertical="center"/>
    </xf>
    <xf numFmtId="176" fontId="0" fillId="0" borderId="54" xfId="1" applyNumberFormat="1" applyFont="1" applyBorder="1" applyAlignment="1">
      <alignment vertical="center"/>
    </xf>
    <xf numFmtId="176" fontId="0" fillId="0" borderId="9" xfId="1" applyNumberFormat="1" applyFont="1" applyBorder="1" applyAlignment="1">
      <alignment vertical="center"/>
    </xf>
    <xf numFmtId="176" fontId="0" fillId="0" borderId="12" xfId="1" applyNumberFormat="1" applyFont="1" applyBorder="1" applyAlignment="1">
      <alignment vertical="center"/>
    </xf>
    <xf numFmtId="176" fontId="0" fillId="0" borderId="25" xfId="1" applyNumberFormat="1" applyFont="1" applyBorder="1" applyAlignment="1">
      <alignment vertical="center"/>
    </xf>
    <xf numFmtId="176" fontId="0" fillId="0" borderId="26" xfId="1" applyNumberFormat="1" applyFont="1" applyBorder="1" applyAlignment="1">
      <alignment vertical="center"/>
    </xf>
    <xf numFmtId="176" fontId="0" fillId="0" borderId="40" xfId="1" applyNumberFormat="1" applyFont="1" applyBorder="1" applyAlignment="1">
      <alignment vertical="center"/>
    </xf>
    <xf numFmtId="176" fontId="0" fillId="0" borderId="33" xfId="1" applyNumberFormat="1" applyFont="1" applyBorder="1" applyAlignment="1">
      <alignment vertical="center"/>
    </xf>
    <xf numFmtId="0" fontId="5" fillId="0" borderId="0" xfId="3" applyFont="1">
      <alignment vertical="center"/>
    </xf>
    <xf numFmtId="0" fontId="2" fillId="0" borderId="0" xfId="3" applyFont="1">
      <alignment vertical="center"/>
    </xf>
    <xf numFmtId="0" fontId="2" fillId="0" borderId="9" xfId="3" applyFont="1" applyBorder="1" applyAlignment="1">
      <alignment horizontal="center" vertical="center"/>
    </xf>
    <xf numFmtId="0" fontId="2" fillId="0" borderId="12" xfId="3" applyFont="1" applyBorder="1" applyAlignment="1">
      <alignment horizontal="center" vertical="center"/>
    </xf>
    <xf numFmtId="0" fontId="2" fillId="0" borderId="66" xfId="3" applyFont="1" applyBorder="1" applyAlignment="1">
      <alignment horizontal="center" vertical="center"/>
    </xf>
    <xf numFmtId="0" fontId="2" fillId="0" borderId="26" xfId="3" applyFont="1" applyBorder="1" applyAlignment="1">
      <alignment horizontal="center" vertical="center" wrapText="1"/>
    </xf>
    <xf numFmtId="0" fontId="2" fillId="0" borderId="13" xfId="3" applyFont="1" applyBorder="1" applyAlignment="1">
      <alignment horizontal="center" vertical="center"/>
    </xf>
    <xf numFmtId="0" fontId="2" fillId="0" borderId="25" xfId="3" applyFont="1" applyBorder="1" applyAlignment="1">
      <alignment horizontal="center" vertical="center"/>
    </xf>
    <xf numFmtId="0" fontId="2" fillId="0" borderId="3" xfId="0" applyFont="1" applyBorder="1" applyAlignment="1">
      <alignment horizontal="left" vertical="center" shrinkToFit="1"/>
    </xf>
    <xf numFmtId="38" fontId="2" fillId="0" borderId="49" xfId="1" applyFont="1" applyBorder="1" applyAlignment="1">
      <alignment vertical="center"/>
    </xf>
    <xf numFmtId="38" fontId="2" fillId="0" borderId="42" xfId="1" applyFont="1" applyBorder="1" applyAlignment="1">
      <alignment vertical="center"/>
    </xf>
    <xf numFmtId="38" fontId="2" fillId="0" borderId="57" xfId="1" applyFont="1" applyBorder="1" applyAlignment="1">
      <alignment vertical="center"/>
    </xf>
    <xf numFmtId="38" fontId="2" fillId="0" borderId="90" xfId="1" applyFont="1" applyBorder="1" applyAlignment="1">
      <alignment vertical="center"/>
    </xf>
    <xf numFmtId="38" fontId="2" fillId="0" borderId="73" xfId="1" applyFont="1" applyBorder="1" applyAlignment="1">
      <alignment vertical="center"/>
    </xf>
    <xf numFmtId="38" fontId="2" fillId="0" borderId="89" xfId="1" applyFont="1" applyBorder="1" applyAlignment="1">
      <alignment vertical="center"/>
    </xf>
    <xf numFmtId="38" fontId="2" fillId="0" borderId="4" xfId="1" applyFont="1" applyBorder="1" applyAlignment="1">
      <alignment vertical="center"/>
    </xf>
    <xf numFmtId="0" fontId="2" fillId="0" borderId="7" xfId="0" applyFont="1" applyBorder="1" applyAlignment="1">
      <alignment horizontal="left" vertical="center" shrinkToFit="1"/>
    </xf>
    <xf numFmtId="38" fontId="2" fillId="0" borderId="8" xfId="1" applyFont="1" applyBorder="1" applyAlignment="1">
      <alignment vertical="center"/>
    </xf>
    <xf numFmtId="38" fontId="2" fillId="0" borderId="5" xfId="1" applyFont="1" applyBorder="1" applyAlignment="1">
      <alignment vertical="center"/>
    </xf>
    <xf numFmtId="38" fontId="2" fillId="0" borderId="56" xfId="1" applyFont="1" applyBorder="1" applyAlignment="1">
      <alignment vertical="center"/>
    </xf>
    <xf numFmtId="38" fontId="2" fillId="0" borderId="53" xfId="1" applyFont="1" applyBorder="1" applyAlignment="1">
      <alignment vertical="center"/>
    </xf>
    <xf numFmtId="38" fontId="2" fillId="0" borderId="46" xfId="1" applyFont="1" applyBorder="1" applyAlignment="1">
      <alignment vertical="center"/>
    </xf>
    <xf numFmtId="38" fontId="2" fillId="0" borderId="39" xfId="1" applyFont="1" applyBorder="1" applyAlignment="1">
      <alignment vertical="center"/>
    </xf>
    <xf numFmtId="38" fontId="2" fillId="0" borderId="38" xfId="1" applyFont="1" applyBorder="1" applyAlignment="1">
      <alignment vertical="center"/>
    </xf>
    <xf numFmtId="0" fontId="2" fillId="0" borderId="7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38" fontId="2" fillId="0" borderId="9" xfId="1" applyFont="1" applyBorder="1" applyAlignment="1">
      <alignment vertical="center"/>
    </xf>
    <xf numFmtId="38" fontId="2" fillId="0" borderId="12" xfId="1" applyFont="1" applyBorder="1" applyAlignment="1">
      <alignment vertical="center"/>
    </xf>
    <xf numFmtId="38" fontId="2" fillId="0" borderId="66" xfId="1" applyFont="1" applyBorder="1" applyAlignment="1">
      <alignment vertical="center"/>
    </xf>
    <xf numFmtId="38" fontId="2" fillId="0" borderId="26" xfId="1" applyFont="1" applyBorder="1" applyAlignment="1">
      <alignment vertical="center"/>
    </xf>
    <xf numFmtId="38" fontId="2" fillId="0" borderId="13" xfId="1" applyFont="1" applyBorder="1" applyAlignment="1">
      <alignment vertical="center"/>
    </xf>
    <xf numFmtId="38" fontId="2" fillId="0" borderId="40" xfId="1" applyFont="1" applyBorder="1" applyAlignment="1">
      <alignment vertical="center"/>
    </xf>
    <xf numFmtId="38" fontId="2" fillId="0" borderId="25" xfId="1" applyFont="1" applyBorder="1" applyAlignment="1">
      <alignment vertical="center"/>
    </xf>
    <xf numFmtId="0" fontId="0" fillId="0" borderId="0" xfId="3" applyFont="1">
      <alignment vertical="center"/>
    </xf>
    <xf numFmtId="182" fontId="0" fillId="0" borderId="0" xfId="0" applyNumberFormat="1" applyFont="1" applyAlignment="1">
      <alignment horizontal="center" vertical="center"/>
    </xf>
    <xf numFmtId="0" fontId="0" fillId="0" borderId="9" xfId="3" applyFont="1" applyBorder="1" applyAlignment="1">
      <alignment horizontal="center" vertical="center"/>
    </xf>
    <xf numFmtId="0" fontId="0" fillId="0" borderId="12" xfId="3" applyFont="1" applyBorder="1" applyAlignment="1">
      <alignment horizontal="center" vertical="center"/>
    </xf>
    <xf numFmtId="0" fontId="0" fillId="0" borderId="66" xfId="3" applyFont="1" applyBorder="1" applyAlignment="1">
      <alignment horizontal="center" vertical="center"/>
    </xf>
    <xf numFmtId="0" fontId="0" fillId="0" borderId="26" xfId="3" applyFont="1" applyBorder="1" applyAlignment="1">
      <alignment horizontal="center" vertical="center" wrapText="1"/>
    </xf>
    <xf numFmtId="0" fontId="0" fillId="0" borderId="13" xfId="3" applyFont="1" applyBorder="1" applyAlignment="1">
      <alignment horizontal="center" vertical="center"/>
    </xf>
    <xf numFmtId="0" fontId="0" fillId="0" borderId="25" xfId="3" applyFont="1" applyBorder="1" applyAlignment="1">
      <alignment horizontal="center" vertical="center"/>
    </xf>
    <xf numFmtId="38" fontId="0" fillId="0" borderId="49" xfId="1" applyFont="1" applyBorder="1" applyAlignment="1">
      <alignment vertical="center"/>
    </xf>
    <xf numFmtId="38" fontId="0" fillId="0" borderId="42" xfId="1" applyFont="1" applyBorder="1" applyAlignment="1">
      <alignment vertical="center"/>
    </xf>
    <xf numFmtId="38" fontId="0" fillId="0" borderId="57" xfId="1" applyFont="1" applyBorder="1" applyAlignment="1">
      <alignment vertical="center"/>
    </xf>
    <xf numFmtId="38" fontId="0" fillId="0" borderId="90" xfId="1" applyFont="1" applyBorder="1" applyAlignment="1">
      <alignment vertical="center"/>
    </xf>
    <xf numFmtId="38" fontId="0" fillId="0" borderId="73" xfId="1" applyFont="1" applyBorder="1" applyAlignment="1">
      <alignment vertical="center"/>
    </xf>
    <xf numFmtId="38" fontId="0" fillId="0" borderId="89" xfId="1" applyFont="1" applyBorder="1" applyAlignment="1">
      <alignment vertical="center"/>
    </xf>
    <xf numFmtId="38" fontId="0" fillId="0" borderId="4" xfId="1" applyFont="1" applyBorder="1" applyAlignment="1">
      <alignment vertical="center"/>
    </xf>
    <xf numFmtId="38" fontId="0" fillId="0" borderId="8" xfId="1" applyFont="1" applyBorder="1" applyAlignment="1">
      <alignment vertical="center"/>
    </xf>
    <xf numFmtId="38" fontId="0" fillId="0" borderId="5" xfId="1" applyFont="1" applyBorder="1" applyAlignment="1">
      <alignment vertical="center"/>
    </xf>
    <xf numFmtId="38" fontId="0" fillId="0" borderId="56" xfId="1" applyFont="1" applyBorder="1" applyAlignment="1">
      <alignment vertical="center"/>
    </xf>
    <xf numFmtId="38" fontId="0" fillId="0" borderId="53" xfId="1" applyFont="1" applyBorder="1" applyAlignment="1">
      <alignment vertical="center"/>
    </xf>
    <xf numFmtId="38" fontId="0" fillId="0" borderId="46" xfId="1" applyFont="1" applyBorder="1" applyAlignment="1">
      <alignment vertical="center"/>
    </xf>
    <xf numFmtId="38" fontId="0" fillId="0" borderId="39" xfId="1" applyFont="1" applyBorder="1" applyAlignment="1">
      <alignment vertical="center"/>
    </xf>
    <xf numFmtId="38" fontId="0" fillId="0" borderId="38" xfId="1" applyFont="1" applyBorder="1" applyAlignment="1">
      <alignment vertical="center"/>
    </xf>
    <xf numFmtId="38" fontId="0" fillId="0" borderId="9" xfId="1" applyFont="1" applyBorder="1" applyAlignment="1">
      <alignment vertical="center"/>
    </xf>
    <xf numFmtId="38" fontId="0" fillId="0" borderId="12" xfId="1" applyFont="1" applyBorder="1" applyAlignment="1">
      <alignment vertical="center"/>
    </xf>
    <xf numFmtId="38" fontId="0" fillId="0" borderId="66" xfId="1" applyFont="1" applyBorder="1" applyAlignment="1">
      <alignment vertical="center"/>
    </xf>
    <xf numFmtId="38" fontId="0" fillId="0" borderId="26" xfId="1" applyFont="1" applyBorder="1" applyAlignment="1">
      <alignment vertical="center"/>
    </xf>
    <xf numFmtId="38" fontId="0" fillId="0" borderId="13" xfId="1" applyFont="1" applyBorder="1" applyAlignment="1">
      <alignment vertical="center"/>
    </xf>
    <xf numFmtId="38" fontId="0" fillId="0" borderId="40" xfId="1" applyFont="1" applyBorder="1" applyAlignment="1">
      <alignment vertical="center"/>
    </xf>
    <xf numFmtId="38" fontId="0" fillId="0" borderId="25" xfId="1" applyFont="1" applyBorder="1" applyAlignment="1">
      <alignment vertical="center"/>
    </xf>
    <xf numFmtId="0" fontId="0" fillId="0" borderId="33" xfId="3" applyFont="1" applyBorder="1" applyAlignment="1">
      <alignment horizontal="center" vertical="center"/>
    </xf>
    <xf numFmtId="0" fontId="0" fillId="0" borderId="72" xfId="3" applyFont="1" applyBorder="1" applyAlignment="1">
      <alignment horizontal="center" vertical="center"/>
    </xf>
    <xf numFmtId="38" fontId="0" fillId="0" borderId="74" xfId="1" applyFont="1" applyBorder="1" applyAlignment="1">
      <alignment vertical="center"/>
    </xf>
    <xf numFmtId="38" fontId="0" fillId="0" borderId="65" xfId="1" applyFont="1" applyBorder="1" applyAlignment="1">
      <alignment vertical="center"/>
    </xf>
    <xf numFmtId="38" fontId="0" fillId="0" borderId="72" xfId="1" applyFont="1" applyBorder="1" applyAlignment="1">
      <alignment vertical="center"/>
    </xf>
    <xf numFmtId="0" fontId="0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horizontal="right" vertical="center"/>
    </xf>
    <xf numFmtId="177" fontId="0" fillId="0" borderId="34" xfId="1" applyNumberFormat="1" applyFont="1" applyBorder="1" applyAlignment="1">
      <alignment vertical="center"/>
    </xf>
    <xf numFmtId="177" fontId="0" fillId="0" borderId="35" xfId="1" applyNumberFormat="1" applyFont="1" applyBorder="1" applyAlignment="1">
      <alignment vertical="center"/>
    </xf>
    <xf numFmtId="177" fontId="0" fillId="0" borderId="36" xfId="1" applyNumberFormat="1" applyFont="1" applyBorder="1" applyAlignment="1">
      <alignment vertical="center"/>
    </xf>
    <xf numFmtId="177" fontId="0" fillId="0" borderId="51" xfId="1" applyNumberFormat="1" applyFont="1" applyBorder="1" applyAlignment="1">
      <alignment vertical="center"/>
    </xf>
    <xf numFmtId="177" fontId="0" fillId="0" borderId="37" xfId="1" applyNumberFormat="1" applyFont="1" applyBorder="1" applyAlignment="1">
      <alignment vertical="center"/>
    </xf>
    <xf numFmtId="177" fontId="0" fillId="0" borderId="52" xfId="1" applyNumberFormat="1" applyFont="1" applyBorder="1" applyAlignment="1">
      <alignment vertical="center"/>
    </xf>
    <xf numFmtId="177" fontId="0" fillId="0" borderId="8" xfId="1" applyNumberFormat="1" applyFont="1" applyBorder="1" applyAlignment="1">
      <alignment vertical="center"/>
    </xf>
    <xf numFmtId="177" fontId="0" fillId="0" borderId="5" xfId="1" applyNumberFormat="1" applyFont="1" applyBorder="1" applyAlignment="1">
      <alignment vertical="center"/>
    </xf>
    <xf numFmtId="177" fontId="0" fillId="0" borderId="38" xfId="1" applyNumberFormat="1" applyFont="1" applyBorder="1" applyAlignment="1">
      <alignment vertical="center"/>
    </xf>
    <xf numFmtId="177" fontId="0" fillId="0" borderId="53" xfId="1" applyNumberFormat="1" applyFont="1" applyBorder="1" applyAlignment="1">
      <alignment vertical="center"/>
    </xf>
    <xf numFmtId="177" fontId="0" fillId="0" borderId="39" xfId="1" applyNumberFormat="1" applyFont="1" applyBorder="1" applyAlignment="1">
      <alignment vertical="center"/>
    </xf>
    <xf numFmtId="177" fontId="0" fillId="0" borderId="54" xfId="1" applyNumberFormat="1" applyFont="1" applyBorder="1" applyAlignment="1">
      <alignment vertical="center"/>
    </xf>
    <xf numFmtId="177" fontId="0" fillId="0" borderId="9" xfId="1" applyNumberFormat="1" applyFont="1" applyBorder="1" applyAlignment="1">
      <alignment vertical="center"/>
    </xf>
    <xf numFmtId="177" fontId="0" fillId="0" borderId="12" xfId="1" applyNumberFormat="1" applyFont="1" applyBorder="1" applyAlignment="1">
      <alignment vertical="center"/>
    </xf>
    <xf numFmtId="177" fontId="0" fillId="0" borderId="25" xfId="1" applyNumberFormat="1" applyFont="1" applyBorder="1" applyAlignment="1">
      <alignment vertical="center"/>
    </xf>
    <xf numFmtId="177" fontId="0" fillId="0" borderId="26" xfId="1" applyNumberFormat="1" applyFont="1" applyBorder="1" applyAlignment="1">
      <alignment vertical="center"/>
    </xf>
    <xf numFmtId="177" fontId="0" fillId="0" borderId="40" xfId="1" applyNumberFormat="1" applyFont="1" applyBorder="1" applyAlignment="1">
      <alignment vertical="center"/>
    </xf>
    <xf numFmtId="177" fontId="0" fillId="0" borderId="33" xfId="1" applyNumberFormat="1" applyFont="1" applyBorder="1" applyAlignment="1">
      <alignment vertical="center"/>
    </xf>
    <xf numFmtId="0" fontId="0" fillId="0" borderId="20" xfId="0" applyFont="1" applyBorder="1" applyAlignment="1">
      <alignment horizontal="center" vertical="center" wrapText="1"/>
    </xf>
    <xf numFmtId="38" fontId="0" fillId="0" borderId="21" xfId="1" applyFont="1" applyBorder="1" applyAlignment="1">
      <alignment horizontal="center" vertical="center" wrapText="1"/>
    </xf>
    <xf numFmtId="0" fontId="0" fillId="0" borderId="22" xfId="0" applyFont="1" applyBorder="1" applyAlignment="1">
      <alignment horizontal="center" vertical="center" wrapText="1"/>
    </xf>
    <xf numFmtId="38" fontId="0" fillId="0" borderId="23" xfId="1" applyFont="1" applyBorder="1" applyAlignment="1">
      <alignment horizontal="center" vertical="center" wrapText="1"/>
    </xf>
    <xf numFmtId="0" fontId="0" fillId="0" borderId="23" xfId="0" applyFont="1" applyBorder="1" applyAlignment="1">
      <alignment horizontal="center" vertical="center" wrapText="1"/>
    </xf>
    <xf numFmtId="38" fontId="0" fillId="0" borderId="24" xfId="1" applyFont="1" applyBorder="1" applyAlignment="1">
      <alignment horizontal="center" vertical="center" wrapText="1"/>
    </xf>
    <xf numFmtId="0" fontId="0" fillId="0" borderId="11" xfId="0" applyFont="1" applyBorder="1" applyAlignment="1">
      <alignment horizontal="center" vertical="center" wrapText="1"/>
    </xf>
    <xf numFmtId="177" fontId="0" fillId="0" borderId="43" xfId="1" applyNumberFormat="1" applyFont="1" applyBorder="1" applyAlignment="1">
      <alignment vertical="center"/>
    </xf>
    <xf numFmtId="177" fontId="0" fillId="0" borderId="58" xfId="1" applyNumberFormat="1" applyFont="1" applyBorder="1" applyAlignment="1">
      <alignment vertical="center"/>
    </xf>
    <xf numFmtId="177" fontId="0" fillId="0" borderId="45" xfId="1" applyNumberFormat="1" applyFont="1" applyBorder="1" applyAlignment="1">
      <alignment vertical="center"/>
    </xf>
    <xf numFmtId="38" fontId="0" fillId="0" borderId="0" xfId="1" applyFont="1" applyAlignment="1">
      <alignment vertical="center"/>
    </xf>
    <xf numFmtId="177" fontId="0" fillId="0" borderId="46" xfId="1" applyNumberFormat="1" applyFont="1" applyBorder="1" applyAlignment="1">
      <alignment vertical="center"/>
    </xf>
    <xf numFmtId="177" fontId="0" fillId="0" borderId="56" xfId="1" applyNumberFormat="1" applyFont="1" applyBorder="1" applyAlignment="1">
      <alignment vertical="center"/>
    </xf>
    <xf numFmtId="177" fontId="0" fillId="0" borderId="48" xfId="1" applyNumberFormat="1" applyFont="1" applyBorder="1" applyAlignment="1">
      <alignment vertical="center"/>
    </xf>
    <xf numFmtId="177" fontId="0" fillId="0" borderId="13" xfId="1" applyNumberFormat="1" applyFont="1" applyBorder="1" applyAlignment="1">
      <alignment vertical="center"/>
    </xf>
    <xf numFmtId="177" fontId="0" fillId="0" borderId="66" xfId="1" applyNumberFormat="1" applyFont="1" applyBorder="1" applyAlignment="1">
      <alignment vertical="center"/>
    </xf>
    <xf numFmtId="177" fontId="0" fillId="0" borderId="30" xfId="1" applyNumberFormat="1" applyFont="1" applyBorder="1" applyAlignment="1">
      <alignment vertical="center"/>
    </xf>
    <xf numFmtId="38" fontId="0" fillId="0" borderId="0" xfId="1" applyFont="1" applyBorder="1" applyAlignment="1">
      <alignment vertical="center"/>
    </xf>
    <xf numFmtId="0" fontId="0" fillId="0" borderId="0" xfId="0" applyFont="1" applyFill="1" applyAlignment="1">
      <alignment vertical="center"/>
    </xf>
    <xf numFmtId="182" fontId="0" fillId="0" borderId="0" xfId="0" applyNumberFormat="1" applyFont="1" applyBorder="1" applyAlignment="1">
      <alignment horizontal="center" vertical="center"/>
    </xf>
    <xf numFmtId="0" fontId="0" fillId="0" borderId="33" xfId="0" applyFont="1" applyBorder="1" applyAlignment="1">
      <alignment horizontal="center" vertical="center"/>
    </xf>
    <xf numFmtId="0" fontId="0" fillId="0" borderId="25" xfId="0" applyFont="1" applyBorder="1" applyAlignment="1">
      <alignment horizontal="center" vertical="center"/>
    </xf>
    <xf numFmtId="0" fontId="0" fillId="0" borderId="20" xfId="0" applyFont="1" applyBorder="1" applyAlignment="1">
      <alignment horizontal="center" vertical="center"/>
    </xf>
    <xf numFmtId="0" fontId="0" fillId="0" borderId="23" xfId="0" applyFont="1" applyBorder="1" applyAlignment="1">
      <alignment horizontal="center" vertical="center"/>
    </xf>
    <xf numFmtId="0" fontId="0" fillId="0" borderId="24" xfId="0" applyFont="1" applyBorder="1" applyAlignment="1">
      <alignment horizontal="center" vertical="center"/>
    </xf>
    <xf numFmtId="0" fontId="0" fillId="0" borderId="21" xfId="0" applyFont="1" applyBorder="1" applyAlignment="1">
      <alignment horizontal="center" vertical="center"/>
    </xf>
    <xf numFmtId="179" fontId="0" fillId="0" borderId="55" xfId="0" applyNumberFormat="1" applyFont="1" applyBorder="1" applyAlignment="1">
      <alignment shrinkToFit="1"/>
    </xf>
    <xf numFmtId="179" fontId="0" fillId="0" borderId="42" xfId="0" applyNumberFormat="1" applyFont="1" applyBorder="1" applyAlignment="1">
      <alignment shrinkToFit="1"/>
    </xf>
    <xf numFmtId="179" fontId="0" fillId="0" borderId="73" xfId="0" applyNumberFormat="1" applyFont="1" applyBorder="1" applyAlignment="1">
      <alignment shrinkToFit="1"/>
    </xf>
    <xf numFmtId="179" fontId="0" fillId="0" borderId="74" xfId="0" applyNumberFormat="1" applyFont="1" applyBorder="1" applyAlignment="1">
      <alignment shrinkToFit="1"/>
    </xf>
    <xf numFmtId="179" fontId="0" fillId="0" borderId="57" xfId="0" applyNumberFormat="1" applyFont="1" applyBorder="1" applyAlignment="1">
      <alignment shrinkToFit="1"/>
    </xf>
    <xf numFmtId="179" fontId="0" fillId="0" borderId="37" xfId="0" applyNumberFormat="1" applyFont="1" applyBorder="1" applyAlignment="1">
      <alignment shrinkToFit="1"/>
    </xf>
    <xf numFmtId="179" fontId="0" fillId="0" borderId="43" xfId="0" applyNumberFormat="1" applyFont="1" applyBorder="1" applyAlignment="1">
      <alignment shrinkToFit="1"/>
    </xf>
    <xf numFmtId="179" fontId="0" fillId="0" borderId="51" xfId="0" applyNumberFormat="1" applyFont="1" applyBorder="1" applyAlignment="1">
      <alignment shrinkToFit="1"/>
    </xf>
    <xf numFmtId="179" fontId="0" fillId="0" borderId="35" xfId="0" applyNumberFormat="1" applyFont="1" applyBorder="1" applyAlignment="1">
      <alignment shrinkToFit="1"/>
    </xf>
    <xf numFmtId="179" fontId="0" fillId="0" borderId="34" xfId="0" applyNumberFormat="1" applyFont="1" applyBorder="1" applyAlignment="1">
      <alignment shrinkToFit="1"/>
    </xf>
    <xf numFmtId="179" fontId="0" fillId="0" borderId="60" xfId="0" applyNumberFormat="1" applyFont="1" applyBorder="1" applyAlignment="1">
      <alignment shrinkToFit="1"/>
    </xf>
    <xf numFmtId="179" fontId="0" fillId="0" borderId="36" xfId="0" applyNumberFormat="1" applyFont="1" applyBorder="1" applyAlignment="1">
      <alignment shrinkToFit="1"/>
    </xf>
    <xf numFmtId="179" fontId="0" fillId="0" borderId="52" xfId="0" applyNumberFormat="1" applyFont="1" applyBorder="1" applyAlignment="1">
      <alignment shrinkToFit="1"/>
    </xf>
    <xf numFmtId="179" fontId="0" fillId="0" borderId="44" xfId="0" applyNumberFormat="1" applyFont="1" applyBorder="1" applyAlignment="1">
      <alignment shrinkToFit="1"/>
    </xf>
    <xf numFmtId="179" fontId="0" fillId="0" borderId="75" xfId="0" applyNumberFormat="1" applyFont="1" applyBorder="1" applyAlignment="1">
      <alignment shrinkToFit="1"/>
    </xf>
    <xf numFmtId="179" fontId="0" fillId="0" borderId="58" xfId="0" applyNumberFormat="1" applyFont="1" applyBorder="1" applyAlignment="1">
      <alignment shrinkToFit="1"/>
    </xf>
    <xf numFmtId="179" fontId="0" fillId="0" borderId="59" xfId="0" applyNumberFormat="1" applyFont="1" applyBorder="1" applyAlignment="1">
      <alignment shrinkToFit="1"/>
    </xf>
    <xf numFmtId="179" fontId="0" fillId="0" borderId="27" xfId="0" applyNumberFormat="1" applyFont="1" applyBorder="1" applyAlignment="1">
      <alignment shrinkToFit="1"/>
    </xf>
    <xf numFmtId="180" fontId="0" fillId="0" borderId="3" xfId="2" applyNumberFormat="1" applyFont="1" applyBorder="1" applyAlignment="1">
      <alignment vertical="center" shrinkToFit="1"/>
    </xf>
    <xf numFmtId="180" fontId="0" fillId="0" borderId="35" xfId="2" applyNumberFormat="1" applyFont="1" applyBorder="1" applyAlignment="1">
      <alignment vertical="center" shrinkToFit="1"/>
    </xf>
    <xf numFmtId="180" fontId="0" fillId="0" borderId="57" xfId="2" applyNumberFormat="1" applyFont="1" applyBorder="1" applyAlignment="1">
      <alignment vertical="center" shrinkToFit="1"/>
    </xf>
    <xf numFmtId="180" fontId="0" fillId="0" borderId="51" xfId="2" applyNumberFormat="1" applyFont="1" applyBorder="1" applyAlignment="1">
      <alignment vertical="center" shrinkToFit="1"/>
    </xf>
    <xf numFmtId="180" fontId="0" fillId="0" borderId="52" xfId="2" applyNumberFormat="1" applyFont="1" applyBorder="1" applyAlignment="1">
      <alignment vertical="center" shrinkToFit="1"/>
    </xf>
    <xf numFmtId="180" fontId="0" fillId="0" borderId="58" xfId="2" applyNumberFormat="1" applyFont="1" applyBorder="1" applyAlignment="1">
      <alignment vertical="center" shrinkToFit="1"/>
    </xf>
    <xf numFmtId="180" fontId="0" fillId="0" borderId="43" xfId="2" applyNumberFormat="1" applyFont="1" applyBorder="1" applyAlignment="1">
      <alignment vertical="center" shrinkToFit="1"/>
    </xf>
    <xf numFmtId="180" fontId="0" fillId="0" borderId="59" xfId="2" applyNumberFormat="1" applyFont="1" applyBorder="1" applyAlignment="1">
      <alignment vertical="center" shrinkToFit="1"/>
    </xf>
    <xf numFmtId="180" fontId="0" fillId="0" borderId="34" xfId="1" applyNumberFormat="1" applyFont="1" applyFill="1" applyBorder="1" applyAlignment="1">
      <alignment vertical="center" shrinkToFit="1"/>
    </xf>
    <xf numFmtId="180" fontId="0" fillId="0" borderId="35" xfId="1" applyNumberFormat="1" applyFont="1" applyFill="1" applyBorder="1" applyAlignment="1">
      <alignment vertical="center" shrinkToFit="1"/>
    </xf>
    <xf numFmtId="180" fontId="0" fillId="0" borderId="43" xfId="1" applyNumberFormat="1" applyFont="1" applyFill="1" applyBorder="1" applyAlignment="1">
      <alignment vertical="center" shrinkToFit="1"/>
    </xf>
    <xf numFmtId="180" fontId="0" fillId="0" borderId="35" xfId="0" applyNumberFormat="1" applyFont="1" applyBorder="1" applyAlignment="1">
      <alignment shrinkToFit="1"/>
    </xf>
    <xf numFmtId="180" fontId="0" fillId="0" borderId="36" xfId="0" applyNumberFormat="1" applyFont="1" applyBorder="1" applyAlignment="1">
      <alignment shrinkToFit="1"/>
    </xf>
    <xf numFmtId="180" fontId="0" fillId="0" borderId="37" xfId="0" applyNumberFormat="1" applyFont="1" applyBorder="1" applyAlignment="1">
      <alignment shrinkToFit="1"/>
    </xf>
    <xf numFmtId="180" fontId="0" fillId="0" borderId="34" xfId="0" applyNumberFormat="1" applyFont="1" applyBorder="1" applyAlignment="1">
      <alignment shrinkToFit="1"/>
    </xf>
    <xf numFmtId="180" fontId="0" fillId="0" borderId="43" xfId="0" applyNumberFormat="1" applyFont="1" applyBorder="1" applyAlignment="1">
      <alignment shrinkToFit="1"/>
    </xf>
    <xf numFmtId="180" fontId="0" fillId="0" borderId="58" xfId="0" applyNumberFormat="1" applyFont="1" applyBorder="1" applyAlignment="1">
      <alignment shrinkToFit="1"/>
    </xf>
    <xf numFmtId="180" fontId="0" fillId="0" borderId="51" xfId="0" applyNumberFormat="1" applyFont="1" applyBorder="1" applyAlignment="1">
      <alignment shrinkToFit="1"/>
    </xf>
    <xf numFmtId="180" fontId="0" fillId="0" borderId="34" xfId="1" applyNumberFormat="1" applyFont="1" applyFill="1" applyBorder="1" applyAlignment="1">
      <alignment shrinkToFit="1"/>
    </xf>
    <xf numFmtId="180" fontId="0" fillId="0" borderId="52" xfId="0" applyNumberFormat="1" applyFont="1" applyBorder="1" applyAlignment="1">
      <alignment shrinkToFit="1"/>
    </xf>
    <xf numFmtId="180" fontId="0" fillId="0" borderId="45" xfId="0" applyNumberFormat="1" applyFont="1" applyBorder="1" applyAlignment="1">
      <alignment shrinkToFit="1"/>
    </xf>
    <xf numFmtId="0" fontId="0" fillId="0" borderId="0" xfId="0" applyFont="1" applyAlignment="1">
      <alignment vertical="center" shrinkToFit="1"/>
    </xf>
    <xf numFmtId="179" fontId="0" fillId="0" borderId="54" xfId="0" applyNumberFormat="1" applyFont="1" applyBorder="1" applyAlignment="1">
      <alignment shrinkToFit="1"/>
    </xf>
    <xf numFmtId="179" fontId="0" fillId="0" borderId="5" xfId="0" applyNumberFormat="1" applyFont="1" applyBorder="1" applyAlignment="1">
      <alignment shrinkToFit="1"/>
    </xf>
    <xf numFmtId="179" fontId="0" fillId="0" borderId="46" xfId="0" applyNumberFormat="1" applyFont="1" applyBorder="1" applyAlignment="1">
      <alignment shrinkToFit="1"/>
    </xf>
    <xf numFmtId="179" fontId="0" fillId="0" borderId="56" xfId="0" applyNumberFormat="1" applyFont="1" applyBorder="1" applyAlignment="1">
      <alignment shrinkToFit="1"/>
    </xf>
    <xf numFmtId="179" fontId="0" fillId="0" borderId="39" xfId="0" applyNumberFormat="1" applyFont="1" applyBorder="1" applyAlignment="1">
      <alignment shrinkToFit="1"/>
    </xf>
    <xf numFmtId="179" fontId="0" fillId="0" borderId="38" xfId="0" applyNumberFormat="1" applyFont="1" applyBorder="1" applyAlignment="1">
      <alignment shrinkToFit="1"/>
    </xf>
    <xf numFmtId="179" fontId="0" fillId="0" borderId="53" xfId="0" applyNumberFormat="1" applyFont="1" applyBorder="1" applyAlignment="1">
      <alignment shrinkToFit="1"/>
    </xf>
    <xf numFmtId="179" fontId="0" fillId="0" borderId="8" xfId="0" applyNumberFormat="1" applyFont="1" applyBorder="1" applyAlignment="1">
      <alignment shrinkToFit="1"/>
    </xf>
    <xf numFmtId="179" fontId="0" fillId="0" borderId="48" xfId="0" applyNumberFormat="1" applyFont="1" applyBorder="1" applyAlignment="1">
      <alignment shrinkToFit="1"/>
    </xf>
    <xf numFmtId="180" fontId="0" fillId="0" borderId="7" xfId="2" applyNumberFormat="1" applyFont="1" applyBorder="1" applyAlignment="1">
      <alignment vertical="center" shrinkToFit="1"/>
    </xf>
    <xf numFmtId="180" fontId="0" fillId="0" borderId="5" xfId="2" applyNumberFormat="1" applyFont="1" applyBorder="1" applyAlignment="1">
      <alignment vertical="center" shrinkToFit="1"/>
    </xf>
    <xf numFmtId="180" fontId="0" fillId="0" borderId="56" xfId="2" applyNumberFormat="1" applyFont="1" applyBorder="1" applyAlignment="1">
      <alignment vertical="center" shrinkToFit="1"/>
    </xf>
    <xf numFmtId="180" fontId="0" fillId="0" borderId="61" xfId="2" applyNumberFormat="1" applyFont="1" applyBorder="1" applyAlignment="1">
      <alignment vertical="center" shrinkToFit="1"/>
    </xf>
    <xf numFmtId="180" fontId="0" fillId="0" borderId="62" xfId="2" applyNumberFormat="1" applyFont="1" applyBorder="1" applyAlignment="1">
      <alignment vertical="center" shrinkToFit="1"/>
    </xf>
    <xf numFmtId="180" fontId="0" fillId="0" borderId="63" xfId="2" applyNumberFormat="1" applyFont="1" applyBorder="1" applyAlignment="1">
      <alignment vertical="center" shrinkToFit="1"/>
    </xf>
    <xf numFmtId="180" fontId="0" fillId="0" borderId="0" xfId="2" applyNumberFormat="1" applyFont="1" applyBorder="1" applyAlignment="1">
      <alignment vertical="center" shrinkToFit="1"/>
    </xf>
    <xf numFmtId="180" fontId="0" fillId="0" borderId="64" xfId="2" applyNumberFormat="1" applyFont="1" applyBorder="1" applyAlignment="1">
      <alignment vertical="center" shrinkToFit="1"/>
    </xf>
    <xf numFmtId="180" fontId="0" fillId="0" borderId="48" xfId="2" applyNumberFormat="1" applyFont="1" applyBorder="1" applyAlignment="1">
      <alignment vertical="center" shrinkToFit="1"/>
    </xf>
    <xf numFmtId="180" fontId="0" fillId="0" borderId="8" xfId="1" applyNumberFormat="1" applyFont="1" applyFill="1" applyBorder="1" applyAlignment="1">
      <alignment vertical="center" shrinkToFit="1"/>
    </xf>
    <xf numFmtId="180" fontId="0" fillId="0" borderId="5" xfId="1" applyNumberFormat="1" applyFont="1" applyFill="1" applyBorder="1" applyAlignment="1">
      <alignment vertical="center" shrinkToFit="1"/>
    </xf>
    <xf numFmtId="180" fontId="0" fillId="0" borderId="46" xfId="1" applyNumberFormat="1" applyFont="1" applyFill="1" applyBorder="1" applyAlignment="1">
      <alignment vertical="center" shrinkToFit="1"/>
    </xf>
    <xf numFmtId="180" fontId="0" fillId="0" borderId="5" xfId="0" applyNumberFormat="1" applyFont="1" applyBorder="1" applyAlignment="1">
      <alignment shrinkToFit="1"/>
    </xf>
    <xf numFmtId="180" fontId="0" fillId="0" borderId="38" xfId="0" applyNumberFormat="1" applyFont="1" applyBorder="1" applyAlignment="1">
      <alignment shrinkToFit="1"/>
    </xf>
    <xf numFmtId="180" fontId="0" fillId="0" borderId="39" xfId="0" applyNumberFormat="1" applyFont="1" applyBorder="1" applyAlignment="1">
      <alignment shrinkToFit="1"/>
    </xf>
    <xf numFmtId="180" fontId="0" fillId="0" borderId="8" xfId="0" applyNumberFormat="1" applyFont="1" applyBorder="1" applyAlignment="1">
      <alignment shrinkToFit="1"/>
    </xf>
    <xf numFmtId="180" fontId="0" fillId="0" borderId="46" xfId="0" applyNumberFormat="1" applyFont="1" applyBorder="1" applyAlignment="1">
      <alignment shrinkToFit="1"/>
    </xf>
    <xf numFmtId="180" fontId="0" fillId="0" borderId="56" xfId="0" applyNumberFormat="1" applyFont="1" applyBorder="1" applyAlignment="1">
      <alignment shrinkToFit="1"/>
    </xf>
    <xf numFmtId="180" fontId="0" fillId="0" borderId="53" xfId="0" applyNumberFormat="1" applyFont="1" applyBorder="1" applyAlignment="1">
      <alignment shrinkToFit="1"/>
    </xf>
    <xf numFmtId="180" fontId="0" fillId="0" borderId="8" xfId="1" applyNumberFormat="1" applyFont="1" applyFill="1" applyBorder="1" applyAlignment="1">
      <alignment shrinkToFit="1"/>
    </xf>
    <xf numFmtId="180" fontId="0" fillId="0" borderId="54" xfId="0" applyNumberFormat="1" applyFont="1" applyBorder="1" applyAlignment="1">
      <alignment shrinkToFit="1"/>
    </xf>
    <xf numFmtId="180" fontId="0" fillId="0" borderId="48" xfId="0" applyNumberFormat="1" applyFont="1" applyBorder="1" applyAlignment="1">
      <alignment shrinkToFit="1"/>
    </xf>
    <xf numFmtId="179" fontId="0" fillId="0" borderId="54" xfId="0" applyNumberFormat="1" applyFont="1" applyBorder="1"/>
    <xf numFmtId="179" fontId="0" fillId="0" borderId="5" xfId="0" applyNumberFormat="1" applyFont="1" applyBorder="1"/>
    <xf numFmtId="179" fontId="0" fillId="0" borderId="46" xfId="0" applyNumberFormat="1" applyFont="1" applyBorder="1"/>
    <xf numFmtId="179" fontId="0" fillId="0" borderId="56" xfId="0" applyNumberFormat="1" applyFont="1" applyBorder="1"/>
    <xf numFmtId="179" fontId="0" fillId="0" borderId="39" xfId="0" applyNumberFormat="1" applyFont="1" applyBorder="1"/>
    <xf numFmtId="179" fontId="0" fillId="0" borderId="38" xfId="0" applyNumberFormat="1" applyFont="1" applyBorder="1"/>
    <xf numFmtId="179" fontId="0" fillId="0" borderId="53" xfId="0" applyNumberFormat="1" applyFont="1" applyBorder="1"/>
    <xf numFmtId="179" fontId="0" fillId="0" borderId="8" xfId="0" applyNumberFormat="1" applyFont="1" applyBorder="1"/>
    <xf numFmtId="179" fontId="0" fillId="0" borderId="48" xfId="0" applyNumberFormat="1" applyFont="1" applyBorder="1"/>
    <xf numFmtId="180" fontId="0" fillId="0" borderId="7" xfId="2" applyNumberFormat="1" applyFont="1" applyBorder="1">
      <alignment vertical="center"/>
    </xf>
    <xf numFmtId="180" fontId="0" fillId="0" borderId="5" xfId="2" applyNumberFormat="1" applyFont="1" applyBorder="1">
      <alignment vertical="center"/>
    </xf>
    <xf numFmtId="180" fontId="0" fillId="0" borderId="56" xfId="2" applyNumberFormat="1" applyFont="1" applyBorder="1">
      <alignment vertical="center"/>
    </xf>
    <xf numFmtId="180" fontId="0" fillId="0" borderId="53" xfId="2" applyNumberFormat="1" applyFont="1" applyBorder="1">
      <alignment vertical="center"/>
    </xf>
    <xf numFmtId="180" fontId="0" fillId="0" borderId="54" xfId="2" applyNumberFormat="1" applyFont="1" applyBorder="1">
      <alignment vertical="center"/>
    </xf>
    <xf numFmtId="180" fontId="0" fillId="0" borderId="46" xfId="2" applyNumberFormat="1" applyFont="1" applyBorder="1">
      <alignment vertical="center"/>
    </xf>
    <xf numFmtId="180" fontId="0" fillId="0" borderId="48" xfId="2" applyNumberFormat="1" applyFont="1" applyBorder="1">
      <alignment vertical="center"/>
    </xf>
    <xf numFmtId="180" fontId="0" fillId="0" borderId="8" xfId="1" applyNumberFormat="1" applyFont="1" applyFill="1" applyBorder="1" applyAlignment="1">
      <alignment vertical="center"/>
    </xf>
    <xf numFmtId="180" fontId="0" fillId="0" borderId="5" xfId="1" applyNumberFormat="1" applyFont="1" applyFill="1" applyBorder="1" applyAlignment="1">
      <alignment vertical="center"/>
    </xf>
    <xf numFmtId="180" fontId="0" fillId="0" borderId="46" xfId="1" applyNumberFormat="1" applyFont="1" applyFill="1" applyBorder="1" applyAlignment="1">
      <alignment vertical="center"/>
    </xf>
    <xf numFmtId="180" fontId="0" fillId="0" borderId="5" xfId="0" applyNumberFormat="1" applyFont="1" applyBorder="1"/>
    <xf numFmtId="180" fontId="0" fillId="0" borderId="38" xfId="0" applyNumberFormat="1" applyFont="1" applyBorder="1"/>
    <xf numFmtId="180" fontId="0" fillId="0" borderId="39" xfId="0" applyNumberFormat="1" applyFont="1" applyBorder="1"/>
    <xf numFmtId="180" fontId="0" fillId="0" borderId="8" xfId="0" applyNumberFormat="1" applyFont="1" applyBorder="1"/>
    <xf numFmtId="180" fontId="0" fillId="0" borderId="46" xfId="0" applyNumberFormat="1" applyFont="1" applyBorder="1"/>
    <xf numFmtId="180" fontId="0" fillId="0" borderId="56" xfId="0" applyNumberFormat="1" applyFont="1" applyBorder="1"/>
    <xf numFmtId="180" fontId="0" fillId="0" borderId="53" xfId="0" applyNumberFormat="1" applyFont="1" applyBorder="1"/>
    <xf numFmtId="180" fontId="0" fillId="0" borderId="8" xfId="1" applyNumberFormat="1" applyFont="1" applyFill="1" applyBorder="1" applyAlignment="1"/>
    <xf numFmtId="180" fontId="0" fillId="0" borderId="54" xfId="0" applyNumberFormat="1" applyFont="1" applyBorder="1"/>
    <xf numFmtId="180" fontId="0" fillId="0" borderId="48" xfId="0" applyNumberFormat="1" applyFont="1" applyBorder="1"/>
    <xf numFmtId="180" fontId="0" fillId="0" borderId="61" xfId="2" applyNumberFormat="1" applyFont="1" applyBorder="1">
      <alignment vertical="center"/>
    </xf>
    <xf numFmtId="180" fontId="0" fillId="0" borderId="62" xfId="2" applyNumberFormat="1" applyFont="1" applyBorder="1">
      <alignment vertical="center"/>
    </xf>
    <xf numFmtId="180" fontId="0" fillId="0" borderId="63" xfId="2" applyNumberFormat="1" applyFont="1" applyBorder="1">
      <alignment vertical="center"/>
    </xf>
    <xf numFmtId="180" fontId="0" fillId="0" borderId="0" xfId="2" applyNumberFormat="1" applyFont="1" applyBorder="1">
      <alignment vertical="center"/>
    </xf>
    <xf numFmtId="180" fontId="0" fillId="0" borderId="64" xfId="2" applyNumberFormat="1" applyFont="1" applyBorder="1">
      <alignment vertical="center"/>
    </xf>
    <xf numFmtId="180" fontId="0" fillId="0" borderId="3" xfId="2" applyNumberFormat="1" applyFont="1" applyBorder="1">
      <alignment vertical="center"/>
    </xf>
    <xf numFmtId="180" fontId="0" fillId="0" borderId="42" xfId="2" applyNumberFormat="1" applyFont="1" applyBorder="1">
      <alignment vertical="center"/>
    </xf>
    <xf numFmtId="180" fontId="0" fillId="0" borderId="57" xfId="2" applyNumberFormat="1" applyFont="1" applyBorder="1">
      <alignment vertical="center"/>
    </xf>
    <xf numFmtId="180" fontId="0" fillId="0" borderId="59" xfId="2" applyNumberFormat="1" applyFont="1" applyBorder="1">
      <alignment vertical="center"/>
    </xf>
    <xf numFmtId="179" fontId="0" fillId="0" borderId="57" xfId="0" applyNumberFormat="1" applyFont="1" applyBorder="1"/>
    <xf numFmtId="179" fontId="0" fillId="0" borderId="73" xfId="0" applyNumberFormat="1" applyFont="1" applyBorder="1"/>
    <xf numFmtId="179" fontId="0" fillId="0" borderId="42" xfId="0" applyNumberFormat="1" applyFont="1" applyBorder="1"/>
    <xf numFmtId="179" fontId="0" fillId="0" borderId="47" xfId="0" applyNumberFormat="1" applyFont="1" applyBorder="1"/>
    <xf numFmtId="179" fontId="0" fillId="0" borderId="64" xfId="0" applyNumberFormat="1" applyFont="1" applyBorder="1"/>
    <xf numFmtId="179" fontId="0" fillId="0" borderId="62" xfId="0" applyNumberFormat="1" applyFont="1" applyBorder="1"/>
    <xf numFmtId="179" fontId="0" fillId="0" borderId="0" xfId="0" applyNumberFormat="1" applyFont="1" applyBorder="1"/>
    <xf numFmtId="179" fontId="0" fillId="0" borderId="33" xfId="0" applyNumberFormat="1" applyFont="1" applyBorder="1"/>
    <xf numFmtId="179" fontId="0" fillId="0" borderId="12" xfId="0" applyNumberFormat="1" applyFont="1" applyBorder="1"/>
    <xf numFmtId="179" fontId="0" fillId="0" borderId="13" xfId="0" applyNumberFormat="1" applyFont="1" applyBorder="1"/>
    <xf numFmtId="179" fontId="0" fillId="0" borderId="66" xfId="0" applyNumberFormat="1" applyFont="1" applyBorder="1"/>
    <xf numFmtId="179" fontId="0" fillId="0" borderId="40" xfId="0" applyNumberFormat="1" applyFont="1" applyBorder="1"/>
    <xf numFmtId="179" fontId="0" fillId="0" borderId="25" xfId="0" applyNumberFormat="1" applyFont="1" applyBorder="1"/>
    <xf numFmtId="179" fontId="0" fillId="0" borderId="26" xfId="0" applyNumberFormat="1" applyFont="1" applyBorder="1"/>
    <xf numFmtId="179" fontId="0" fillId="0" borderId="9" xfId="0" applyNumberFormat="1" applyFont="1" applyBorder="1"/>
    <xf numFmtId="179" fontId="0" fillId="0" borderId="30" xfId="0" applyNumberFormat="1" applyFont="1" applyBorder="1"/>
    <xf numFmtId="180" fontId="0" fillId="0" borderId="14" xfId="2" applyNumberFormat="1" applyFont="1" applyBorder="1">
      <alignment vertical="center"/>
    </xf>
    <xf numFmtId="180" fontId="0" fillId="0" borderId="12" xfId="2" applyNumberFormat="1" applyFont="1" applyBorder="1">
      <alignment vertical="center"/>
    </xf>
    <xf numFmtId="180" fontId="0" fillId="0" borderId="66" xfId="2" applyNumberFormat="1" applyFont="1" applyBorder="1">
      <alignment vertical="center"/>
    </xf>
    <xf numFmtId="180" fontId="0" fillId="0" borderId="67" xfId="2" applyNumberFormat="1" applyFont="1" applyBorder="1">
      <alignment vertical="center"/>
    </xf>
    <xf numFmtId="180" fontId="0" fillId="0" borderId="68" xfId="2" applyNumberFormat="1" applyFont="1" applyBorder="1">
      <alignment vertical="center"/>
    </xf>
    <xf numFmtId="180" fontId="0" fillId="0" borderId="69" xfId="2" applyNumberFormat="1" applyFont="1" applyBorder="1">
      <alignment vertical="center"/>
    </xf>
    <xf numFmtId="180" fontId="0" fillId="0" borderId="70" xfId="2" applyNumberFormat="1" applyFont="1" applyBorder="1">
      <alignment vertical="center"/>
    </xf>
    <xf numFmtId="180" fontId="0" fillId="0" borderId="71" xfId="2" applyNumberFormat="1" applyFont="1" applyBorder="1">
      <alignment vertical="center"/>
    </xf>
    <xf numFmtId="180" fontId="0" fillId="0" borderId="30" xfId="2" applyNumberFormat="1" applyFont="1" applyBorder="1">
      <alignment vertical="center"/>
    </xf>
    <xf numFmtId="180" fontId="0" fillId="0" borderId="9" xfId="1" applyNumberFormat="1" applyFont="1" applyFill="1" applyBorder="1" applyAlignment="1">
      <alignment vertical="center"/>
    </xf>
    <xf numFmtId="180" fontId="0" fillId="0" borderId="12" xfId="1" applyNumberFormat="1" applyFont="1" applyFill="1" applyBorder="1" applyAlignment="1">
      <alignment vertical="center"/>
    </xf>
    <xf numFmtId="180" fontId="0" fillId="0" borderId="13" xfId="1" applyNumberFormat="1" applyFont="1" applyFill="1" applyBorder="1" applyAlignment="1">
      <alignment vertical="center"/>
    </xf>
    <xf numFmtId="180" fontId="0" fillId="0" borderId="12" xfId="0" applyNumberFormat="1" applyFont="1" applyBorder="1"/>
    <xf numFmtId="180" fontId="0" fillId="0" borderId="25" xfId="0" applyNumberFormat="1" applyFont="1" applyBorder="1"/>
    <xf numFmtId="180" fontId="0" fillId="0" borderId="40" xfId="0" applyNumberFormat="1" applyFont="1" applyBorder="1"/>
    <xf numFmtId="180" fontId="0" fillId="0" borderId="9" xfId="0" applyNumberFormat="1" applyFont="1" applyBorder="1"/>
    <xf numFmtId="180" fontId="0" fillId="0" borderId="13" xfId="0" applyNumberFormat="1" applyFont="1" applyBorder="1"/>
    <xf numFmtId="180" fontId="0" fillId="0" borderId="66" xfId="0" applyNumberFormat="1" applyFont="1" applyBorder="1"/>
    <xf numFmtId="180" fontId="0" fillId="0" borderId="26" xfId="0" applyNumberFormat="1" applyFont="1" applyBorder="1"/>
    <xf numFmtId="180" fontId="0" fillId="0" borderId="9" xfId="1" applyNumberFormat="1" applyFont="1" applyFill="1" applyBorder="1" applyAlignment="1"/>
    <xf numFmtId="180" fontId="0" fillId="0" borderId="33" xfId="0" applyNumberFormat="1" applyFont="1" applyBorder="1"/>
    <xf numFmtId="180" fontId="0" fillId="0" borderId="30" xfId="0" applyNumberFormat="1" applyFont="1" applyBorder="1"/>
    <xf numFmtId="180" fontId="0" fillId="0" borderId="51" xfId="1" applyNumberFormat="1" applyFont="1" applyFill="1" applyBorder="1" applyAlignment="1">
      <alignment vertical="center" shrinkToFit="1"/>
    </xf>
    <xf numFmtId="180" fontId="0" fillId="0" borderId="53" xfId="1" applyNumberFormat="1" applyFont="1" applyFill="1" applyBorder="1" applyAlignment="1">
      <alignment vertical="center" shrinkToFit="1"/>
    </xf>
    <xf numFmtId="180" fontId="0" fillId="0" borderId="53" xfId="1" applyNumberFormat="1" applyFont="1" applyFill="1" applyBorder="1" applyAlignment="1">
      <alignment vertical="center"/>
    </xf>
    <xf numFmtId="180" fontId="0" fillId="0" borderId="26" xfId="1" applyNumberFormat="1" applyFont="1" applyFill="1" applyBorder="1" applyAlignment="1">
      <alignment vertical="center"/>
    </xf>
    <xf numFmtId="180" fontId="0" fillId="0" borderId="90" xfId="1" applyNumberFormat="1" applyFont="1" applyFill="1" applyBorder="1" applyAlignment="1">
      <alignment vertical="center" shrinkToFit="1"/>
    </xf>
    <xf numFmtId="0" fontId="0" fillId="0" borderId="0" xfId="0" applyFont="1" applyBorder="1" applyAlignment="1">
      <alignment vertical="center" shrinkToFit="1"/>
    </xf>
    <xf numFmtId="0" fontId="0" fillId="0" borderId="78" xfId="0" applyFont="1" applyBorder="1" applyAlignment="1">
      <alignment horizontal="left" vertical="center" shrinkToFit="1"/>
    </xf>
    <xf numFmtId="0" fontId="0" fillId="0" borderId="32" xfId="0" applyFont="1" applyBorder="1" applyAlignment="1">
      <alignment horizontal="left" vertical="center" shrinkToFit="1"/>
    </xf>
    <xf numFmtId="0" fontId="0" fillId="0" borderId="32" xfId="0" applyFont="1" applyBorder="1" applyAlignment="1">
      <alignment horizontal="left" vertical="center"/>
    </xf>
    <xf numFmtId="0" fontId="0" fillId="0" borderId="19" xfId="0" applyFont="1" applyBorder="1" applyAlignment="1">
      <alignment horizontal="left" vertical="center"/>
    </xf>
    <xf numFmtId="178" fontId="0" fillId="0" borderId="51" xfId="0" applyNumberFormat="1" applyFont="1" applyBorder="1" applyAlignment="1">
      <alignment vertical="center"/>
    </xf>
    <xf numFmtId="178" fontId="0" fillId="0" borderId="53" xfId="0" applyNumberFormat="1" applyFont="1" applyBorder="1" applyAlignment="1">
      <alignment vertical="center"/>
    </xf>
    <xf numFmtId="178" fontId="0" fillId="0" borderId="26" xfId="0" applyNumberFormat="1" applyFont="1" applyBorder="1" applyAlignment="1">
      <alignment vertical="center"/>
    </xf>
    <xf numFmtId="178" fontId="0" fillId="0" borderId="51" xfId="1" applyNumberFormat="1" applyFont="1" applyBorder="1" applyAlignment="1">
      <alignment vertical="center"/>
    </xf>
    <xf numFmtId="178" fontId="0" fillId="0" borderId="53" xfId="1" applyNumberFormat="1" applyFont="1" applyBorder="1" applyAlignment="1">
      <alignment vertical="center"/>
    </xf>
    <xf numFmtId="178" fontId="0" fillId="0" borderId="26" xfId="1" applyNumberFormat="1" applyFont="1" applyBorder="1" applyAlignment="1">
      <alignment vertical="center"/>
    </xf>
    <xf numFmtId="183" fontId="5" fillId="0" borderId="0" xfId="0" applyNumberFormat="1" applyFont="1" applyBorder="1" applyAlignment="1">
      <alignment horizontal="left" vertical="center" shrinkToFit="1"/>
    </xf>
    <xf numFmtId="183" fontId="5" fillId="0" borderId="0" xfId="0" applyNumberFormat="1" applyFont="1" applyAlignment="1">
      <alignment horizontal="left" vertical="center" shrinkToFit="1"/>
    </xf>
    <xf numFmtId="0" fontId="5" fillId="0" borderId="0" xfId="0" applyFont="1" applyAlignment="1">
      <alignment horizontal="center" vertical="center"/>
    </xf>
    <xf numFmtId="0" fontId="3" fillId="0" borderId="95" xfId="0" applyFont="1" applyBorder="1" applyAlignment="1">
      <alignment horizontal="center" vertical="center"/>
    </xf>
    <xf numFmtId="0" fontId="3" fillId="0" borderId="77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185" fontId="0" fillId="0" borderId="0" xfId="0" applyNumberFormat="1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77" xfId="0" applyFont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0" fillId="0" borderId="85" xfId="0" applyFont="1" applyBorder="1" applyAlignment="1">
      <alignment horizontal="center" vertical="center"/>
    </xf>
    <xf numFmtId="0" fontId="0" fillId="0" borderId="70" xfId="0" applyFont="1" applyBorder="1" applyAlignment="1">
      <alignment horizontal="center" vertical="center"/>
    </xf>
    <xf numFmtId="0" fontId="0" fillId="0" borderId="86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0" fillId="0" borderId="57" xfId="0" applyFont="1" applyBorder="1" applyAlignment="1">
      <alignment horizontal="center" vertical="center"/>
    </xf>
    <xf numFmtId="0" fontId="0" fillId="0" borderId="59" xfId="0" applyFont="1" applyBorder="1" applyAlignment="1">
      <alignment horizontal="center" vertical="center"/>
    </xf>
    <xf numFmtId="0" fontId="0" fillId="0" borderId="92" xfId="0" applyFont="1" applyBorder="1" applyAlignment="1">
      <alignment horizontal="center" vertical="center"/>
    </xf>
    <xf numFmtId="0" fontId="0" fillId="0" borderId="87" xfId="0" applyFont="1" applyBorder="1" applyAlignment="1">
      <alignment horizontal="center" vertical="center"/>
    </xf>
    <xf numFmtId="0" fontId="0" fillId="0" borderId="88" xfId="0" applyFont="1" applyBorder="1" applyAlignment="1">
      <alignment horizontal="center" vertical="center"/>
    </xf>
    <xf numFmtId="0" fontId="0" fillId="0" borderId="87" xfId="0" applyFont="1" applyBorder="1" applyAlignment="1">
      <alignment horizontal="left" vertical="center"/>
    </xf>
    <xf numFmtId="0" fontId="0" fillId="0" borderId="88" xfId="0" applyFont="1" applyBorder="1" applyAlignment="1">
      <alignment horizontal="left" vertical="center"/>
    </xf>
    <xf numFmtId="0" fontId="0" fillId="0" borderId="1" xfId="0" applyFont="1" applyBorder="1" applyAlignment="1">
      <alignment horizontal="left" vertical="center"/>
    </xf>
    <xf numFmtId="0" fontId="0" fillId="0" borderId="77" xfId="0" applyFont="1" applyBorder="1" applyAlignment="1">
      <alignment horizontal="left" vertical="center"/>
    </xf>
    <xf numFmtId="0" fontId="0" fillId="0" borderId="10" xfId="0" applyFont="1" applyBorder="1" applyAlignment="1">
      <alignment horizontal="left" vertical="center"/>
    </xf>
    <xf numFmtId="186" fontId="5" fillId="0" borderId="0" xfId="0" applyNumberFormat="1" applyFont="1" applyBorder="1" applyAlignment="1">
      <alignment horizontal="right" vertical="center"/>
    </xf>
    <xf numFmtId="0" fontId="0" fillId="0" borderId="28" xfId="0" applyFont="1" applyBorder="1" applyAlignment="1">
      <alignment horizontal="center" vertical="center"/>
    </xf>
    <xf numFmtId="0" fontId="0" fillId="0" borderId="16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80" xfId="0" applyFont="1" applyBorder="1" applyAlignment="1">
      <alignment horizontal="center" vertical="center"/>
    </xf>
    <xf numFmtId="182" fontId="0" fillId="0" borderId="0" xfId="0" applyNumberFormat="1" applyFont="1" applyAlignment="1">
      <alignment horizontal="center" vertical="center"/>
    </xf>
    <xf numFmtId="0" fontId="2" fillId="0" borderId="37" xfId="3" applyFont="1" applyBorder="1" applyAlignment="1">
      <alignment horizontal="center" vertical="center"/>
    </xf>
    <xf numFmtId="0" fontId="2" fillId="0" borderId="40" xfId="3" applyFont="1" applyBorder="1" applyAlignment="1">
      <alignment horizontal="center" vertical="center"/>
    </xf>
    <xf numFmtId="0" fontId="2" fillId="0" borderId="34" xfId="3" applyFont="1" applyBorder="1" applyAlignment="1">
      <alignment horizontal="center" vertical="center"/>
    </xf>
    <xf numFmtId="0" fontId="2" fillId="0" borderId="35" xfId="3" applyFont="1" applyBorder="1" applyAlignment="1">
      <alignment horizontal="center" vertical="center"/>
    </xf>
    <xf numFmtId="0" fontId="2" fillId="0" borderId="36" xfId="3" applyFont="1" applyBorder="1" applyAlignment="1">
      <alignment horizontal="center" vertical="center"/>
    </xf>
    <xf numFmtId="0" fontId="2" fillId="0" borderId="51" xfId="3" applyFont="1" applyBorder="1" applyAlignment="1">
      <alignment horizontal="center" vertical="center"/>
    </xf>
    <xf numFmtId="0" fontId="2" fillId="0" borderId="43" xfId="3" applyFont="1" applyBorder="1" applyAlignment="1">
      <alignment horizontal="center" vertical="center"/>
    </xf>
    <xf numFmtId="0" fontId="2" fillId="0" borderId="1" xfId="3" applyFont="1" applyBorder="1" applyAlignment="1">
      <alignment horizontal="center" vertical="center"/>
    </xf>
    <xf numFmtId="0" fontId="2" fillId="0" borderId="28" xfId="3" applyFont="1" applyBorder="1" applyAlignment="1">
      <alignment horizontal="center" vertical="center"/>
    </xf>
    <xf numFmtId="0" fontId="2" fillId="0" borderId="85" xfId="3" applyFont="1" applyBorder="1" applyAlignment="1">
      <alignment horizontal="center" vertical="center"/>
    </xf>
    <xf numFmtId="0" fontId="2" fillId="0" borderId="97" xfId="3" applyFont="1" applyBorder="1" applyAlignment="1">
      <alignment horizontal="center" vertical="center"/>
    </xf>
    <xf numFmtId="0" fontId="2" fillId="0" borderId="98" xfId="3" applyFont="1" applyBorder="1" applyAlignment="1">
      <alignment horizontal="center" vertical="center"/>
    </xf>
    <xf numFmtId="0" fontId="2" fillId="0" borderId="99" xfId="3" applyFont="1" applyBorder="1" applyAlignment="1">
      <alignment horizontal="center" vertical="center"/>
    </xf>
    <xf numFmtId="182" fontId="2" fillId="0" borderId="0" xfId="0" applyNumberFormat="1" applyFont="1" applyAlignment="1">
      <alignment horizontal="center" vertical="center"/>
    </xf>
    <xf numFmtId="0" fontId="2" fillId="0" borderId="18" xfId="3" applyFont="1" applyBorder="1" applyAlignment="1">
      <alignment horizontal="center" vertical="center"/>
    </xf>
    <xf numFmtId="0" fontId="2" fillId="0" borderId="2" xfId="3" applyFont="1" applyBorder="1" applyAlignment="1">
      <alignment horizontal="center" vertical="center"/>
    </xf>
    <xf numFmtId="0" fontId="2" fillId="0" borderId="80" xfId="3" applyFont="1" applyBorder="1" applyAlignment="1">
      <alignment horizontal="center" vertical="center"/>
    </xf>
    <xf numFmtId="0" fontId="0" fillId="0" borderId="34" xfId="3" applyFont="1" applyBorder="1" applyAlignment="1">
      <alignment horizontal="center" vertical="center"/>
    </xf>
    <xf numFmtId="0" fontId="0" fillId="0" borderId="35" xfId="3" applyFont="1" applyBorder="1" applyAlignment="1">
      <alignment horizontal="center" vertical="center"/>
    </xf>
    <xf numFmtId="0" fontId="0" fillId="0" borderId="36" xfId="3" applyFont="1" applyBorder="1" applyAlignment="1">
      <alignment horizontal="center" vertical="center"/>
    </xf>
    <xf numFmtId="0" fontId="0" fillId="0" borderId="51" xfId="3" applyFont="1" applyBorder="1" applyAlignment="1">
      <alignment horizontal="center" vertical="center"/>
    </xf>
    <xf numFmtId="0" fontId="0" fillId="0" borderId="37" xfId="3" applyFont="1" applyBorder="1" applyAlignment="1">
      <alignment horizontal="center" vertical="center"/>
    </xf>
    <xf numFmtId="0" fontId="0" fillId="0" borderId="40" xfId="3" applyFont="1" applyBorder="1" applyAlignment="1">
      <alignment horizontal="center" vertical="center"/>
    </xf>
    <xf numFmtId="0" fontId="0" fillId="0" borderId="43" xfId="3" applyFont="1" applyBorder="1" applyAlignment="1">
      <alignment horizontal="center" vertical="center"/>
    </xf>
    <xf numFmtId="0" fontId="0" fillId="0" borderId="97" xfId="3" applyFont="1" applyBorder="1" applyAlignment="1">
      <alignment horizontal="center" vertical="center"/>
    </xf>
    <xf numFmtId="0" fontId="0" fillId="0" borderId="98" xfId="3" applyFont="1" applyBorder="1" applyAlignment="1">
      <alignment horizontal="center" vertical="center"/>
    </xf>
    <xf numFmtId="0" fontId="0" fillId="0" borderId="99" xfId="3" applyFont="1" applyBorder="1" applyAlignment="1">
      <alignment horizontal="center" vertical="center"/>
    </xf>
    <xf numFmtId="0" fontId="0" fillId="0" borderId="18" xfId="3" applyFont="1" applyBorder="1" applyAlignment="1">
      <alignment horizontal="center" vertical="center"/>
    </xf>
    <xf numFmtId="0" fontId="0" fillId="0" borderId="2" xfId="3" applyFont="1" applyBorder="1" applyAlignment="1">
      <alignment horizontal="center" vertical="center"/>
    </xf>
    <xf numFmtId="0" fontId="0" fillId="0" borderId="80" xfId="3" applyFont="1" applyBorder="1" applyAlignment="1">
      <alignment horizontal="center" vertical="center"/>
    </xf>
    <xf numFmtId="0" fontId="0" fillId="0" borderId="1" xfId="3" applyFont="1" applyBorder="1" applyAlignment="1">
      <alignment horizontal="center" vertical="center"/>
    </xf>
    <xf numFmtId="0" fontId="0" fillId="0" borderId="28" xfId="3" applyFont="1" applyBorder="1" applyAlignment="1">
      <alignment horizontal="center" vertical="center"/>
    </xf>
    <xf numFmtId="0" fontId="0" fillId="0" borderId="85" xfId="3" applyFont="1" applyBorder="1" applyAlignment="1">
      <alignment horizontal="center" vertical="center"/>
    </xf>
    <xf numFmtId="0" fontId="0" fillId="0" borderId="92" xfId="3" applyFont="1" applyBorder="1" applyAlignment="1">
      <alignment horizontal="center" vertical="center"/>
    </xf>
    <xf numFmtId="0" fontId="0" fillId="0" borderId="87" xfId="3" applyFont="1" applyBorder="1" applyAlignment="1">
      <alignment horizontal="center" vertical="center"/>
    </xf>
    <xf numFmtId="0" fontId="0" fillId="0" borderId="88" xfId="3" applyFont="1" applyBorder="1" applyAlignment="1">
      <alignment horizontal="center" vertical="center"/>
    </xf>
    <xf numFmtId="0" fontId="0" fillId="0" borderId="81" xfId="3" applyFont="1" applyBorder="1" applyAlignment="1">
      <alignment horizontal="center" vertical="center"/>
    </xf>
    <xf numFmtId="0" fontId="0" fillId="0" borderId="82" xfId="3" applyFont="1" applyBorder="1" applyAlignment="1">
      <alignment horizontal="center" vertical="center"/>
    </xf>
    <xf numFmtId="0" fontId="0" fillId="0" borderId="91" xfId="3" applyFont="1" applyBorder="1" applyAlignment="1">
      <alignment horizontal="center" vertical="center"/>
    </xf>
    <xf numFmtId="0" fontId="0" fillId="0" borderId="77" xfId="3" applyFont="1" applyBorder="1" applyAlignment="1">
      <alignment horizontal="center" vertical="center"/>
    </xf>
    <xf numFmtId="0" fontId="0" fillId="0" borderId="10" xfId="3" applyFont="1" applyBorder="1" applyAlignment="1">
      <alignment horizontal="center" vertical="center"/>
    </xf>
    <xf numFmtId="0" fontId="0" fillId="0" borderId="52" xfId="3" applyFont="1" applyBorder="1" applyAlignment="1">
      <alignment horizontal="center" vertical="center"/>
    </xf>
    <xf numFmtId="0" fontId="0" fillId="0" borderId="60" xfId="3" applyFont="1" applyBorder="1" applyAlignment="1">
      <alignment horizontal="center" vertical="center"/>
    </xf>
    <xf numFmtId="0" fontId="0" fillId="0" borderId="58" xfId="3" applyFont="1" applyBorder="1" applyAlignment="1">
      <alignment horizontal="center" vertical="center"/>
    </xf>
    <xf numFmtId="0" fontId="0" fillId="0" borderId="44" xfId="3" applyFont="1" applyBorder="1" applyAlignment="1">
      <alignment horizontal="center" vertical="center"/>
    </xf>
    <xf numFmtId="0" fontId="0" fillId="0" borderId="27" xfId="3" applyFont="1" applyBorder="1" applyAlignment="1">
      <alignment horizontal="center" vertical="center"/>
    </xf>
    <xf numFmtId="0" fontId="0" fillId="0" borderId="93" xfId="3" applyFont="1" applyBorder="1" applyAlignment="1">
      <alignment horizontal="center" vertical="center"/>
    </xf>
    <xf numFmtId="0" fontId="0" fillId="0" borderId="84" xfId="3" applyFont="1" applyBorder="1" applyAlignment="1">
      <alignment horizontal="center" vertical="center"/>
    </xf>
    <xf numFmtId="0" fontId="0" fillId="0" borderId="79" xfId="3" applyFont="1" applyBorder="1" applyAlignment="1">
      <alignment horizontal="center" vertical="center"/>
    </xf>
    <xf numFmtId="0" fontId="0" fillId="0" borderId="5" xfId="3" applyFont="1" applyBorder="1" applyAlignment="1">
      <alignment horizontal="center" vertical="center"/>
    </xf>
    <xf numFmtId="0" fontId="0" fillId="0" borderId="46" xfId="3" applyFont="1" applyBorder="1" applyAlignment="1">
      <alignment horizontal="center" vertical="center"/>
    </xf>
    <xf numFmtId="0" fontId="0" fillId="0" borderId="54" xfId="3" applyFont="1" applyBorder="1" applyAlignment="1">
      <alignment horizontal="center" vertical="center"/>
    </xf>
    <xf numFmtId="0" fontId="0" fillId="0" borderId="38" xfId="3" applyFont="1" applyBorder="1" applyAlignment="1">
      <alignment horizontal="center" vertical="center"/>
    </xf>
    <xf numFmtId="0" fontId="0" fillId="0" borderId="39" xfId="3" applyFont="1" applyBorder="1" applyAlignment="1">
      <alignment horizontal="center" vertical="center"/>
    </xf>
    <xf numFmtId="0" fontId="0" fillId="0" borderId="8" xfId="3" applyFont="1" applyBorder="1" applyAlignment="1">
      <alignment horizontal="center" vertical="center"/>
    </xf>
    <xf numFmtId="0" fontId="0" fillId="0" borderId="9" xfId="3" applyFont="1" applyBorder="1" applyAlignment="1">
      <alignment horizontal="center" vertical="center"/>
    </xf>
    <xf numFmtId="0" fontId="0" fillId="0" borderId="81" xfId="0" applyFont="1" applyBorder="1" applyAlignment="1">
      <alignment horizontal="center" vertical="center"/>
    </xf>
    <xf numFmtId="0" fontId="0" fillId="0" borderId="82" xfId="0" applyFont="1" applyBorder="1" applyAlignment="1">
      <alignment horizontal="center" vertical="center"/>
    </xf>
    <xf numFmtId="0" fontId="0" fillId="0" borderId="78" xfId="0" applyFont="1" applyBorder="1" applyAlignment="1">
      <alignment horizontal="center" vertical="center"/>
    </xf>
    <xf numFmtId="0" fontId="0" fillId="0" borderId="1" xfId="0" applyFont="1" applyBorder="1" applyAlignment="1">
      <alignment vertical="center"/>
    </xf>
    <xf numFmtId="0" fontId="0" fillId="0" borderId="77" xfId="0" applyFont="1" applyBorder="1" applyAlignment="1">
      <alignment vertical="center"/>
    </xf>
    <xf numFmtId="0" fontId="0" fillId="0" borderId="10" xfId="0" applyFont="1" applyBorder="1" applyAlignment="1">
      <alignment vertical="center"/>
    </xf>
    <xf numFmtId="0" fontId="0" fillId="0" borderId="77" xfId="0" applyFont="1" applyBorder="1" applyAlignment="1"/>
    <xf numFmtId="0" fontId="0" fillId="0" borderId="10" xfId="0" applyFont="1" applyBorder="1" applyAlignment="1"/>
    <xf numFmtId="0" fontId="0" fillId="0" borderId="8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0" fillId="0" borderId="38" xfId="0" applyFont="1" applyBorder="1" applyAlignment="1">
      <alignment horizontal="center" vertical="center"/>
    </xf>
    <xf numFmtId="0" fontId="0" fillId="0" borderId="65" xfId="0" applyFont="1" applyBorder="1" applyAlignment="1">
      <alignment horizontal="center" vertical="center"/>
    </xf>
    <xf numFmtId="0" fontId="0" fillId="0" borderId="56" xfId="0" applyFont="1" applyBorder="1" applyAlignment="1">
      <alignment horizontal="center" vertical="center"/>
    </xf>
    <xf numFmtId="0" fontId="0" fillId="0" borderId="47" xfId="0" applyFont="1" applyBorder="1" applyAlignment="1">
      <alignment horizontal="center" vertical="center"/>
    </xf>
    <xf numFmtId="0" fontId="0" fillId="0" borderId="48" xfId="0" applyFont="1" applyBorder="1" applyAlignment="1">
      <alignment horizontal="center" vertical="center" wrapText="1"/>
    </xf>
    <xf numFmtId="0" fontId="0" fillId="0" borderId="29" xfId="0" applyFont="1" applyBorder="1" applyAlignment="1">
      <alignment horizontal="center" vertical="center" wrapText="1"/>
    </xf>
    <xf numFmtId="0" fontId="0" fillId="0" borderId="49" xfId="0" applyFont="1" applyBorder="1" applyAlignment="1">
      <alignment horizontal="center" vertical="center"/>
    </xf>
    <xf numFmtId="0" fontId="0" fillId="0" borderId="42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0" fillId="0" borderId="74" xfId="0" applyFont="1" applyBorder="1" applyAlignment="1">
      <alignment horizontal="center" vertical="center"/>
    </xf>
    <xf numFmtId="0" fontId="0" fillId="0" borderId="75" xfId="0" applyFont="1" applyBorder="1" applyAlignment="1">
      <alignment horizontal="center" vertical="center"/>
    </xf>
    <xf numFmtId="0" fontId="0" fillId="0" borderId="57" xfId="0" applyFont="1" applyBorder="1" applyAlignment="1">
      <alignment horizontal="center" vertical="center" wrapText="1"/>
    </xf>
    <xf numFmtId="0" fontId="0" fillId="0" borderId="76" xfId="0" applyFont="1" applyBorder="1" applyAlignment="1">
      <alignment horizontal="center" vertical="center" wrapText="1"/>
    </xf>
    <xf numFmtId="0" fontId="0" fillId="0" borderId="56" xfId="0" applyFont="1" applyBorder="1" applyAlignment="1">
      <alignment horizontal="center" vertical="center" wrapText="1"/>
    </xf>
    <xf numFmtId="0" fontId="0" fillId="0" borderId="59" xfId="0" applyFont="1" applyBorder="1" applyAlignment="1">
      <alignment horizontal="center" vertical="center" wrapText="1"/>
    </xf>
    <xf numFmtId="0" fontId="0" fillId="0" borderId="55" xfId="0" applyFont="1" applyBorder="1" applyAlignment="1">
      <alignment horizontal="center" vertical="center"/>
    </xf>
    <xf numFmtId="182" fontId="0" fillId="0" borderId="0" xfId="0" applyNumberFormat="1" applyFont="1" applyAlignment="1">
      <alignment horizontal="left" vertical="center"/>
    </xf>
    <xf numFmtId="182" fontId="0" fillId="0" borderId="0" xfId="0" applyNumberFormat="1" applyFont="1" applyBorder="1" applyAlignment="1">
      <alignment horizontal="left" vertical="center"/>
    </xf>
    <xf numFmtId="0" fontId="0" fillId="0" borderId="30" xfId="0" applyFont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57" xfId="0" applyFont="1" applyFill="1" applyBorder="1" applyAlignment="1">
      <alignment horizontal="center" vertical="center"/>
    </xf>
    <xf numFmtId="0" fontId="0" fillId="0" borderId="59" xfId="0" applyFont="1" applyFill="1" applyBorder="1" applyAlignment="1">
      <alignment horizontal="center" vertical="center"/>
    </xf>
    <xf numFmtId="0" fontId="0" fillId="0" borderId="97" xfId="0" applyFont="1" applyBorder="1" applyAlignment="1">
      <alignment horizontal="center" vertical="center"/>
    </xf>
    <xf numFmtId="0" fontId="0" fillId="0" borderId="98" xfId="0" applyFont="1" applyBorder="1" applyAlignment="1">
      <alignment horizontal="center" vertical="center"/>
    </xf>
    <xf numFmtId="0" fontId="0" fillId="0" borderId="99" xfId="0" applyFont="1" applyBorder="1" applyAlignment="1">
      <alignment horizontal="center" vertical="center"/>
    </xf>
    <xf numFmtId="0" fontId="0" fillId="0" borderId="34" xfId="0" applyFont="1" applyBorder="1" applyAlignment="1">
      <alignment horizontal="center" vertical="center"/>
    </xf>
    <xf numFmtId="0" fontId="0" fillId="0" borderId="35" xfId="0" applyFont="1" applyBorder="1" applyAlignment="1">
      <alignment horizontal="center" vertical="center"/>
    </xf>
    <xf numFmtId="0" fontId="0" fillId="0" borderId="79" xfId="0" applyFont="1" applyBorder="1" applyAlignment="1">
      <alignment horizontal="center" vertical="center"/>
    </xf>
    <xf numFmtId="182" fontId="0" fillId="0" borderId="0" xfId="0" applyNumberFormat="1" applyFont="1" applyBorder="1" applyAlignment="1">
      <alignment horizontal="center" vertical="center"/>
    </xf>
    <xf numFmtId="0" fontId="0" fillId="0" borderId="90" xfId="0" applyFont="1" applyBorder="1" applyAlignment="1">
      <alignment horizontal="center" vertical="center"/>
    </xf>
    <xf numFmtId="0" fontId="0" fillId="0" borderId="73" xfId="0" applyFont="1" applyBorder="1" applyAlignment="1">
      <alignment horizontal="center" vertical="center"/>
    </xf>
    <xf numFmtId="0" fontId="0" fillId="0" borderId="39" xfId="0" applyFont="1" applyBorder="1" applyAlignment="1">
      <alignment horizontal="center" vertical="center"/>
    </xf>
    <xf numFmtId="0" fontId="0" fillId="0" borderId="40" xfId="0" applyFont="1" applyBorder="1" applyAlignment="1">
      <alignment horizontal="center" vertical="center"/>
    </xf>
    <xf numFmtId="0" fontId="0" fillId="0" borderId="31" xfId="0" applyFont="1" applyBorder="1" applyAlignment="1">
      <alignment horizontal="center" vertical="center"/>
    </xf>
    <xf numFmtId="0" fontId="0" fillId="0" borderId="32" xfId="0" applyFont="1" applyBorder="1" applyAlignment="1">
      <alignment horizontal="center" vertical="center"/>
    </xf>
    <xf numFmtId="0" fontId="0" fillId="0" borderId="19" xfId="0" applyFont="1" applyBorder="1" applyAlignment="1">
      <alignment horizontal="center" vertical="center"/>
    </xf>
    <xf numFmtId="0" fontId="0" fillId="0" borderId="77" xfId="0" applyFont="1" applyBorder="1" applyAlignment="1">
      <alignment vertical="top"/>
    </xf>
    <xf numFmtId="0" fontId="0" fillId="0" borderId="0" xfId="0" applyFont="1" applyBorder="1" applyAlignment="1">
      <alignment vertical="top"/>
    </xf>
    <xf numFmtId="0" fontId="0" fillId="0" borderId="57" xfId="0" applyFont="1" applyBorder="1" applyAlignment="1">
      <alignment vertical="top"/>
    </xf>
    <xf numFmtId="0" fontId="0" fillId="0" borderId="16" xfId="0" applyFont="1" applyBorder="1" applyAlignment="1">
      <alignment vertical="center"/>
    </xf>
    <xf numFmtId="0" fontId="0" fillId="0" borderId="2" xfId="0" applyFont="1" applyBorder="1" applyAlignment="1">
      <alignment vertical="center"/>
    </xf>
    <xf numFmtId="0" fontId="0" fillId="0" borderId="80" xfId="0" applyFont="1" applyBorder="1" applyAlignment="1">
      <alignment vertical="center"/>
    </xf>
    <xf numFmtId="0" fontId="0" fillId="0" borderId="9" xfId="0" applyFont="1" applyBorder="1" applyAlignment="1">
      <alignment horizontal="center" vertical="center"/>
    </xf>
    <xf numFmtId="0" fontId="0" fillId="0" borderId="12" xfId="0" applyFont="1" applyBorder="1" applyAlignment="1">
      <alignment horizontal="center" vertical="center"/>
    </xf>
    <xf numFmtId="0" fontId="0" fillId="0" borderId="41" xfId="0" applyFont="1" applyBorder="1" applyAlignment="1">
      <alignment horizontal="center" vertical="center"/>
    </xf>
    <xf numFmtId="0" fontId="0" fillId="0" borderId="72" xfId="0" applyFont="1" applyBorder="1" applyAlignment="1">
      <alignment horizontal="center" vertical="center"/>
    </xf>
    <xf numFmtId="0" fontId="0" fillId="0" borderId="7" xfId="0" applyFont="1" applyBorder="1" applyAlignment="1">
      <alignment horizontal="center" vertical="center"/>
    </xf>
    <xf numFmtId="0" fontId="0" fillId="0" borderId="53" xfId="0" applyFont="1" applyBorder="1" applyAlignment="1">
      <alignment horizontal="center" vertical="center"/>
    </xf>
    <xf numFmtId="0" fontId="0" fillId="0" borderId="46" xfId="0" applyFont="1" applyBorder="1" applyAlignment="1">
      <alignment horizontal="center" vertical="center"/>
    </xf>
    <xf numFmtId="0" fontId="0" fillId="0" borderId="48" xfId="0" applyFont="1" applyBorder="1" applyAlignment="1">
      <alignment horizontal="center" vertical="center"/>
    </xf>
    <xf numFmtId="0" fontId="0" fillId="0" borderId="94" xfId="0" applyFont="1" applyBorder="1" applyAlignment="1">
      <alignment horizontal="center" vertical="center"/>
    </xf>
    <xf numFmtId="0" fontId="0" fillId="0" borderId="84" xfId="0" applyFont="1" applyBorder="1" applyAlignment="1">
      <alignment horizontal="center" vertical="center"/>
    </xf>
    <xf numFmtId="0" fontId="0" fillId="0" borderId="66" xfId="0" applyFont="1" applyBorder="1" applyAlignment="1">
      <alignment horizontal="center" vertical="center"/>
    </xf>
    <xf numFmtId="0" fontId="0" fillId="0" borderId="89" xfId="0" applyFont="1" applyBorder="1" applyAlignment="1">
      <alignment horizontal="center" vertical="center"/>
    </xf>
    <xf numFmtId="0" fontId="0" fillId="0" borderId="83" xfId="0" applyFont="1" applyBorder="1" applyAlignment="1">
      <alignment horizontal="center" vertical="center"/>
    </xf>
    <xf numFmtId="0" fontId="0" fillId="0" borderId="29" xfId="0" applyFont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0" fillId="0" borderId="101" xfId="0" applyFont="1" applyBorder="1" applyAlignment="1">
      <alignment horizontal="center" vertical="center"/>
    </xf>
    <xf numFmtId="0" fontId="0" fillId="0" borderId="28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101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77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0" fontId="0" fillId="0" borderId="100" xfId="0" applyFont="1" applyBorder="1" applyAlignment="1">
      <alignment horizontal="center" vertical="center"/>
    </xf>
    <xf numFmtId="0" fontId="0" fillId="0" borderId="27" xfId="0" applyFont="1" applyBorder="1" applyAlignment="1">
      <alignment horizontal="center" vertical="center"/>
    </xf>
    <xf numFmtId="0" fontId="0" fillId="0" borderId="14" xfId="0" applyFont="1" applyBorder="1" applyAlignment="1">
      <alignment horizontal="center" vertical="center"/>
    </xf>
  </cellXfs>
  <cellStyles count="5">
    <cellStyle name="桁区切り" xfId="1" builtinId="6"/>
    <cellStyle name="桁区切り 2" xfId="4"/>
    <cellStyle name="標準" xfId="0" builtinId="0"/>
    <cellStyle name="標準 2" xfId="3"/>
    <cellStyle name="標準_Sheet1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M41"/>
  <sheetViews>
    <sheetView tabSelected="1" zoomScaleNormal="100" workbookViewId="0">
      <pane xSplit="5" ySplit="8" topLeftCell="F9" activePane="bottomRight" state="frozen"/>
      <selection activeCell="F37" sqref="F37"/>
      <selection pane="topRight" activeCell="F37" sqref="F37"/>
      <selection pane="bottomLeft" activeCell="F37" sqref="F37"/>
      <selection pane="bottomRight" activeCell="E1" sqref="E1:H1"/>
    </sheetView>
  </sheetViews>
  <sheetFormatPr defaultColWidth="9" defaultRowHeight="13.2" x14ac:dyDescent="0.2"/>
  <cols>
    <col min="1" max="1" width="3.88671875" style="1" customWidth="1"/>
    <col min="2" max="2" width="3.109375" style="1" customWidth="1"/>
    <col min="3" max="3" width="3" style="1" customWidth="1"/>
    <col min="4" max="4" width="6.77734375" style="1" customWidth="1"/>
    <col min="5" max="5" width="10.77734375" style="1" customWidth="1"/>
    <col min="6" max="6" width="13.109375" style="1" customWidth="1"/>
    <col min="7" max="9" width="12.44140625" style="1" customWidth="1"/>
    <col min="10" max="10" width="9.77734375" style="1" customWidth="1"/>
    <col min="11" max="16384" width="9" style="1"/>
  </cols>
  <sheetData>
    <row r="1" spans="1:13" ht="24" customHeight="1" x14ac:dyDescent="0.2">
      <c r="B1" s="2"/>
      <c r="C1" s="2"/>
      <c r="D1" s="2"/>
      <c r="E1" s="420" t="s">
        <v>0</v>
      </c>
      <c r="F1" s="420"/>
      <c r="G1" s="420"/>
      <c r="H1" s="420"/>
      <c r="I1" s="2"/>
      <c r="J1" s="2"/>
      <c r="K1" s="2"/>
      <c r="L1" s="2"/>
    </row>
    <row r="2" spans="1:13" ht="24" customHeight="1" x14ac:dyDescent="0.2">
      <c r="A2" s="2"/>
      <c r="B2" s="2"/>
      <c r="C2" s="2"/>
      <c r="D2" s="2"/>
      <c r="E2" s="2"/>
      <c r="F2" s="41">
        <v>7</v>
      </c>
      <c r="G2" s="16">
        <v>3</v>
      </c>
      <c r="H2" s="2"/>
      <c r="I2" s="2"/>
      <c r="J2" s="2"/>
      <c r="K2" s="2"/>
      <c r="L2" s="2"/>
      <c r="M2" s="2"/>
    </row>
    <row r="3" spans="1:13" ht="24" customHeight="1" x14ac:dyDescent="0.2"/>
    <row r="4" spans="1:13" ht="20.25" customHeight="1" x14ac:dyDescent="0.2">
      <c r="D4" s="3"/>
      <c r="E4" s="4" t="s">
        <v>1</v>
      </c>
      <c r="F4" s="3"/>
      <c r="H4" s="23">
        <f>G2</f>
        <v>3</v>
      </c>
    </row>
    <row r="5" spans="1:13" ht="10.5" customHeight="1" thickBot="1" x14ac:dyDescent="0.25">
      <c r="E5" s="5"/>
    </row>
    <row r="6" spans="1:13" ht="21" customHeight="1" x14ac:dyDescent="0.2">
      <c r="E6" s="38"/>
      <c r="F6" s="421" t="s">
        <v>2</v>
      </c>
      <c r="G6" s="422"/>
      <c r="H6" s="422"/>
      <c r="I6" s="423"/>
    </row>
    <row r="7" spans="1:13" ht="21" customHeight="1" x14ac:dyDescent="0.2">
      <c r="E7" s="6"/>
      <c r="F7" s="7"/>
      <c r="G7" s="8" t="s">
        <v>3</v>
      </c>
      <c r="H7" s="39" t="s">
        <v>146</v>
      </c>
      <c r="I7" s="40" t="s">
        <v>145</v>
      </c>
    </row>
    <row r="8" spans="1:13" ht="21" customHeight="1" x14ac:dyDescent="0.2">
      <c r="E8" s="65" t="s">
        <v>4</v>
      </c>
      <c r="F8" s="43">
        <v>2358567</v>
      </c>
      <c r="G8" s="43">
        <v>967622</v>
      </c>
      <c r="H8" s="43">
        <v>963907</v>
      </c>
      <c r="I8" s="44">
        <v>427038</v>
      </c>
    </row>
    <row r="9" spans="1:13" ht="21" customHeight="1" x14ac:dyDescent="0.2">
      <c r="E9" s="66" t="s">
        <v>5</v>
      </c>
      <c r="F9" s="45">
        <v>943187</v>
      </c>
      <c r="G9" s="45">
        <v>387961</v>
      </c>
      <c r="H9" s="45">
        <v>378871</v>
      </c>
      <c r="I9" s="46">
        <v>176355</v>
      </c>
    </row>
    <row r="10" spans="1:13" ht="21" customHeight="1" x14ac:dyDescent="0.2">
      <c r="E10" s="66" t="s">
        <v>6</v>
      </c>
      <c r="F10" s="45">
        <v>311731</v>
      </c>
      <c r="G10" s="45">
        <v>135318</v>
      </c>
      <c r="H10" s="45">
        <v>121369</v>
      </c>
      <c r="I10" s="46">
        <v>55044</v>
      </c>
    </row>
    <row r="11" spans="1:13" ht="21" customHeight="1" x14ac:dyDescent="0.2">
      <c r="E11" s="66" t="s">
        <v>14</v>
      </c>
      <c r="F11" s="45">
        <v>189684</v>
      </c>
      <c r="G11" s="45">
        <v>77882</v>
      </c>
      <c r="H11" s="45">
        <v>80128</v>
      </c>
      <c r="I11" s="46">
        <v>31674</v>
      </c>
    </row>
    <row r="12" spans="1:13" ht="21" customHeight="1" x14ac:dyDescent="0.2">
      <c r="E12" s="66" t="s">
        <v>7</v>
      </c>
      <c r="F12" s="45">
        <v>124099</v>
      </c>
      <c r="G12" s="45">
        <v>47651</v>
      </c>
      <c r="H12" s="45">
        <v>52806</v>
      </c>
      <c r="I12" s="46">
        <v>23642</v>
      </c>
    </row>
    <row r="13" spans="1:13" ht="21" customHeight="1" x14ac:dyDescent="0.2">
      <c r="E13" s="66" t="s">
        <v>8</v>
      </c>
      <c r="F13" s="45">
        <v>74033</v>
      </c>
      <c r="G13" s="45">
        <v>30732</v>
      </c>
      <c r="H13" s="45">
        <v>30743</v>
      </c>
      <c r="I13" s="46">
        <v>12558</v>
      </c>
    </row>
    <row r="14" spans="1:13" ht="21" customHeight="1" x14ac:dyDescent="0.2">
      <c r="E14" s="66" t="s">
        <v>9</v>
      </c>
      <c r="F14" s="45">
        <v>53316</v>
      </c>
      <c r="G14" s="45">
        <v>19254</v>
      </c>
      <c r="H14" s="45">
        <v>21867</v>
      </c>
      <c r="I14" s="46">
        <v>12195</v>
      </c>
    </row>
    <row r="15" spans="1:13" ht="21" customHeight="1" x14ac:dyDescent="0.2">
      <c r="E15" s="66" t="s">
        <v>10</v>
      </c>
      <c r="F15" s="45">
        <v>109481</v>
      </c>
      <c r="G15" s="45">
        <v>43845</v>
      </c>
      <c r="H15" s="45">
        <v>45148</v>
      </c>
      <c r="I15" s="46">
        <v>20488</v>
      </c>
    </row>
    <row r="16" spans="1:13" ht="21" customHeight="1" x14ac:dyDescent="0.2">
      <c r="E16" s="66" t="s">
        <v>11</v>
      </c>
      <c r="F16" s="45">
        <v>57734</v>
      </c>
      <c r="G16" s="45">
        <v>23868</v>
      </c>
      <c r="H16" s="45">
        <v>23321</v>
      </c>
      <c r="I16" s="46">
        <v>10545</v>
      </c>
    </row>
    <row r="17" spans="5:13" ht="21" customHeight="1" x14ac:dyDescent="0.2">
      <c r="E17" s="66" t="s">
        <v>12</v>
      </c>
      <c r="F17" s="45">
        <v>66395</v>
      </c>
      <c r="G17" s="45">
        <v>26715</v>
      </c>
      <c r="H17" s="45">
        <v>27113</v>
      </c>
      <c r="I17" s="46">
        <v>12567</v>
      </c>
    </row>
    <row r="18" spans="5:13" ht="21" customHeight="1" x14ac:dyDescent="0.2">
      <c r="E18" s="66" t="s">
        <v>13</v>
      </c>
      <c r="F18" s="45">
        <v>18401</v>
      </c>
      <c r="G18" s="45">
        <v>6605</v>
      </c>
      <c r="H18" s="45">
        <v>7638</v>
      </c>
      <c r="I18" s="46">
        <v>4158</v>
      </c>
      <c r="M18" s="1" t="s">
        <v>87</v>
      </c>
    </row>
    <row r="19" spans="5:13" ht="21" customHeight="1" x14ac:dyDescent="0.2">
      <c r="E19" s="66" t="s">
        <v>15</v>
      </c>
      <c r="F19" s="45">
        <v>15786</v>
      </c>
      <c r="G19" s="45">
        <v>6385</v>
      </c>
      <c r="H19" s="45">
        <v>6523</v>
      </c>
      <c r="I19" s="46">
        <v>2878</v>
      </c>
    </row>
    <row r="20" spans="5:13" ht="21" customHeight="1" x14ac:dyDescent="0.2">
      <c r="E20" s="66" t="s">
        <v>16</v>
      </c>
      <c r="F20" s="45">
        <v>49682</v>
      </c>
      <c r="G20" s="45">
        <v>20821</v>
      </c>
      <c r="H20" s="45">
        <v>21360</v>
      </c>
      <c r="I20" s="46">
        <v>7501</v>
      </c>
    </row>
    <row r="21" spans="5:13" ht="21" customHeight="1" x14ac:dyDescent="0.2">
      <c r="E21" s="66" t="s">
        <v>17</v>
      </c>
      <c r="F21" s="45">
        <v>59000</v>
      </c>
      <c r="G21" s="45">
        <v>24781</v>
      </c>
      <c r="H21" s="45">
        <v>25270</v>
      </c>
      <c r="I21" s="46">
        <v>8949</v>
      </c>
    </row>
    <row r="22" spans="5:13" ht="21" customHeight="1" x14ac:dyDescent="0.2">
      <c r="E22" s="66" t="s">
        <v>18</v>
      </c>
      <c r="F22" s="45">
        <v>58657</v>
      </c>
      <c r="G22" s="45">
        <v>24172</v>
      </c>
      <c r="H22" s="45">
        <v>24646</v>
      </c>
      <c r="I22" s="46">
        <v>9839</v>
      </c>
    </row>
    <row r="23" spans="5:13" ht="21" customHeight="1" x14ac:dyDescent="0.2">
      <c r="E23" s="66" t="s">
        <v>19</v>
      </c>
      <c r="F23" s="45">
        <v>26771</v>
      </c>
      <c r="G23" s="45">
        <v>10946</v>
      </c>
      <c r="H23" s="45">
        <v>11332</v>
      </c>
      <c r="I23" s="46">
        <v>4493</v>
      </c>
    </row>
    <row r="24" spans="5:13" ht="21" customHeight="1" x14ac:dyDescent="0.2">
      <c r="E24" s="66" t="s">
        <v>20</v>
      </c>
      <c r="F24" s="45">
        <v>34457</v>
      </c>
      <c r="G24" s="45">
        <v>14318</v>
      </c>
      <c r="H24" s="45">
        <v>14657</v>
      </c>
      <c r="I24" s="46">
        <v>5482</v>
      </c>
    </row>
    <row r="25" spans="5:13" ht="21" customHeight="1" x14ac:dyDescent="0.2">
      <c r="E25" s="66" t="s">
        <v>21</v>
      </c>
      <c r="F25" s="45">
        <v>34804</v>
      </c>
      <c r="G25" s="45">
        <v>14468</v>
      </c>
      <c r="H25" s="45">
        <v>14691</v>
      </c>
      <c r="I25" s="46">
        <v>5645</v>
      </c>
    </row>
    <row r="26" spans="5:13" ht="21" customHeight="1" x14ac:dyDescent="0.2">
      <c r="E26" s="66" t="s">
        <v>22</v>
      </c>
      <c r="F26" s="45">
        <v>13625</v>
      </c>
      <c r="G26" s="45">
        <v>5352</v>
      </c>
      <c r="H26" s="45">
        <v>5682</v>
      </c>
      <c r="I26" s="46">
        <v>2591</v>
      </c>
    </row>
    <row r="27" spans="5:13" ht="21" customHeight="1" x14ac:dyDescent="0.2">
      <c r="E27" s="66" t="s">
        <v>23</v>
      </c>
      <c r="F27" s="45">
        <v>22525</v>
      </c>
      <c r="G27" s="45">
        <v>8426</v>
      </c>
      <c r="H27" s="45">
        <v>10428</v>
      </c>
      <c r="I27" s="46">
        <v>3671</v>
      </c>
    </row>
    <row r="28" spans="5:13" ht="21" customHeight="1" x14ac:dyDescent="0.2">
      <c r="E28" s="66" t="s">
        <v>24</v>
      </c>
      <c r="F28" s="45">
        <v>10065</v>
      </c>
      <c r="G28" s="45">
        <v>3591</v>
      </c>
      <c r="H28" s="45">
        <v>4320</v>
      </c>
      <c r="I28" s="46">
        <v>2154</v>
      </c>
    </row>
    <row r="29" spans="5:13" ht="21" customHeight="1" x14ac:dyDescent="0.2">
      <c r="E29" s="66" t="s">
        <v>25</v>
      </c>
      <c r="F29" s="45">
        <v>13486</v>
      </c>
      <c r="G29" s="45">
        <v>5675</v>
      </c>
      <c r="H29" s="45">
        <v>5777</v>
      </c>
      <c r="I29" s="46">
        <v>2034</v>
      </c>
    </row>
    <row r="30" spans="5:13" ht="21" customHeight="1" x14ac:dyDescent="0.2">
      <c r="E30" s="66" t="s">
        <v>26</v>
      </c>
      <c r="F30" s="45">
        <v>11023</v>
      </c>
      <c r="G30" s="45">
        <v>4208</v>
      </c>
      <c r="H30" s="45">
        <v>4787</v>
      </c>
      <c r="I30" s="46">
        <v>2028</v>
      </c>
    </row>
    <row r="31" spans="5:13" ht="21" customHeight="1" x14ac:dyDescent="0.2">
      <c r="E31" s="66" t="s">
        <v>27</v>
      </c>
      <c r="F31" s="45">
        <v>9763</v>
      </c>
      <c r="G31" s="45">
        <v>3636</v>
      </c>
      <c r="H31" s="45">
        <v>4150</v>
      </c>
      <c r="I31" s="46">
        <v>1977</v>
      </c>
    </row>
    <row r="32" spans="5:13" ht="21" customHeight="1" x14ac:dyDescent="0.2">
      <c r="E32" s="66" t="s">
        <v>28</v>
      </c>
      <c r="F32" s="45">
        <v>3233</v>
      </c>
      <c r="G32" s="45">
        <v>1342</v>
      </c>
      <c r="H32" s="45">
        <v>1414</v>
      </c>
      <c r="I32" s="46">
        <v>477</v>
      </c>
    </row>
    <row r="33" spans="5:9" ht="21" customHeight="1" x14ac:dyDescent="0.2">
      <c r="E33" s="66" t="s">
        <v>29</v>
      </c>
      <c r="F33" s="45">
        <v>4983</v>
      </c>
      <c r="G33" s="45">
        <v>2018</v>
      </c>
      <c r="H33" s="45">
        <v>2164</v>
      </c>
      <c r="I33" s="46">
        <v>801</v>
      </c>
    </row>
    <row r="34" spans="5:9" ht="21" customHeight="1" x14ac:dyDescent="0.2">
      <c r="E34" s="66" t="s">
        <v>30</v>
      </c>
      <c r="F34" s="45">
        <v>3707</v>
      </c>
      <c r="G34" s="45">
        <v>1484</v>
      </c>
      <c r="H34" s="45">
        <v>1505</v>
      </c>
      <c r="I34" s="46">
        <v>718</v>
      </c>
    </row>
    <row r="35" spans="5:9" ht="21" customHeight="1" x14ac:dyDescent="0.2">
      <c r="E35" s="66" t="s">
        <v>31</v>
      </c>
      <c r="F35" s="45">
        <v>3969</v>
      </c>
      <c r="G35" s="45">
        <v>1708</v>
      </c>
      <c r="H35" s="45">
        <v>1532</v>
      </c>
      <c r="I35" s="46">
        <v>729</v>
      </c>
    </row>
    <row r="36" spans="5:9" ht="21" customHeight="1" x14ac:dyDescent="0.2">
      <c r="E36" s="66" t="s">
        <v>32</v>
      </c>
      <c r="F36" s="45">
        <v>4697</v>
      </c>
      <c r="G36" s="45">
        <v>1933</v>
      </c>
      <c r="H36" s="45">
        <v>1935</v>
      </c>
      <c r="I36" s="46">
        <v>829</v>
      </c>
    </row>
    <row r="37" spans="5:9" ht="21" customHeight="1" x14ac:dyDescent="0.2">
      <c r="E37" s="66" t="s">
        <v>33</v>
      </c>
      <c r="F37" s="45">
        <v>4018</v>
      </c>
      <c r="G37" s="45">
        <v>1581</v>
      </c>
      <c r="H37" s="45">
        <v>1713</v>
      </c>
      <c r="I37" s="46">
        <v>724</v>
      </c>
    </row>
    <row r="38" spans="5:9" ht="21" customHeight="1" x14ac:dyDescent="0.2">
      <c r="E38" s="66" t="s">
        <v>34</v>
      </c>
      <c r="F38" s="45">
        <v>2983</v>
      </c>
      <c r="G38" s="45">
        <v>1190</v>
      </c>
      <c r="H38" s="45">
        <v>1245</v>
      </c>
      <c r="I38" s="46">
        <v>548</v>
      </c>
    </row>
    <row r="39" spans="5:9" ht="21" customHeight="1" x14ac:dyDescent="0.2">
      <c r="E39" s="66" t="s">
        <v>35</v>
      </c>
      <c r="F39" s="45">
        <v>9772</v>
      </c>
      <c r="G39" s="45">
        <v>3781</v>
      </c>
      <c r="H39" s="45">
        <v>4130</v>
      </c>
      <c r="I39" s="46">
        <v>1861</v>
      </c>
    </row>
    <row r="40" spans="5:9" ht="21" customHeight="1" x14ac:dyDescent="0.2">
      <c r="E40" s="66" t="s">
        <v>36</v>
      </c>
      <c r="F40" s="45">
        <v>12429</v>
      </c>
      <c r="G40" s="45">
        <v>5485</v>
      </c>
      <c r="H40" s="45">
        <v>5222</v>
      </c>
      <c r="I40" s="46">
        <v>1722</v>
      </c>
    </row>
    <row r="41" spans="5:9" ht="21" customHeight="1" thickBot="1" x14ac:dyDescent="0.25">
      <c r="E41" s="67" t="s">
        <v>37</v>
      </c>
      <c r="F41" s="47">
        <v>1071</v>
      </c>
      <c r="G41" s="47">
        <v>490</v>
      </c>
      <c r="H41" s="47">
        <v>420</v>
      </c>
      <c r="I41" s="48">
        <v>161</v>
      </c>
    </row>
  </sheetData>
  <mergeCells count="2">
    <mergeCell ref="E1:H1"/>
    <mergeCell ref="F6:I6"/>
  </mergeCells>
  <phoneticPr fontId="4"/>
  <pageMargins left="0.78740157480314965" right="0.78740157480314965" top="0.98425196850393704" bottom="0.98425196850393704" header="0.51181102362204722" footer="0.51181102362204722"/>
  <pageSetup paperSize="9" scale="87" orientation="portrait" r:id="rId1"/>
  <headerFooter alignWithMargins="0">
    <oddFooter>&amp;L&amp;A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DH40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5" width="9" style="175"/>
    <col min="6" max="6" width="7.77734375" style="175" customWidth="1"/>
    <col min="7" max="7" width="9" style="175"/>
    <col min="8" max="8" width="10.6640625" style="175" customWidth="1"/>
    <col min="9" max="16" width="9" style="175"/>
    <col min="17" max="17" width="7.88671875" style="175" customWidth="1"/>
    <col min="18" max="27" width="9" style="175"/>
    <col min="28" max="28" width="7.77734375" style="175" customWidth="1"/>
    <col min="29" max="38" width="9" style="175"/>
    <col min="39" max="39" width="6.77734375" style="175" customWidth="1"/>
    <col min="40" max="49" width="9" style="175"/>
    <col min="50" max="50" width="7.77734375" style="175" customWidth="1"/>
    <col min="51" max="60" width="9" style="175"/>
    <col min="61" max="61" width="7.44140625" style="175" customWidth="1"/>
    <col min="62" max="71" width="9" style="175"/>
    <col min="72" max="72" width="7.33203125" style="175" customWidth="1"/>
    <col min="73" max="82" width="9" style="175"/>
    <col min="83" max="83" width="7.44140625" style="175" customWidth="1"/>
    <col min="84" max="93" width="9" style="175"/>
    <col min="94" max="94" width="7.6640625" style="175" customWidth="1"/>
    <col min="95" max="16384" width="9" style="175"/>
  </cols>
  <sheetData>
    <row r="1" spans="2:112" ht="24" customHeight="1" x14ac:dyDescent="0.2">
      <c r="B1" s="142" t="s">
        <v>121</v>
      </c>
      <c r="J1" s="442">
        <f>第１表!F2</f>
        <v>7</v>
      </c>
      <c r="K1" s="442"/>
      <c r="L1" s="18">
        <f>第１表!G2</f>
        <v>3</v>
      </c>
      <c r="M1" s="447">
        <f>IF(L1&lt;3,L1+12-2,L1-2)</f>
        <v>1</v>
      </c>
      <c r="N1" s="447"/>
    </row>
    <row r="2" spans="2:112" ht="24" customHeight="1" thickBot="1" x14ac:dyDescent="0.25">
      <c r="B2" s="142" t="s">
        <v>127</v>
      </c>
    </row>
    <row r="3" spans="2:112" ht="21" customHeight="1" thickBot="1" x14ac:dyDescent="0.25">
      <c r="B3" s="484"/>
      <c r="C3" s="487" t="s">
        <v>111</v>
      </c>
      <c r="D3" s="487"/>
      <c r="E3" s="487"/>
      <c r="F3" s="487"/>
      <c r="G3" s="487"/>
      <c r="H3" s="487"/>
      <c r="I3" s="487"/>
      <c r="J3" s="487"/>
      <c r="K3" s="487"/>
      <c r="L3" s="487"/>
      <c r="M3" s="488"/>
      <c r="N3" s="482" t="s">
        <v>110</v>
      </c>
      <c r="O3" s="482"/>
      <c r="P3" s="482"/>
      <c r="Q3" s="482"/>
      <c r="R3" s="482"/>
      <c r="S3" s="482"/>
      <c r="T3" s="482"/>
      <c r="U3" s="482"/>
      <c r="V3" s="482"/>
      <c r="W3" s="482"/>
      <c r="X3" s="483"/>
      <c r="Y3" s="481" t="s">
        <v>109</v>
      </c>
      <c r="Z3" s="482"/>
      <c r="AA3" s="482"/>
      <c r="AB3" s="482"/>
      <c r="AC3" s="482"/>
      <c r="AD3" s="482"/>
      <c r="AE3" s="482"/>
      <c r="AF3" s="482"/>
      <c r="AG3" s="482"/>
      <c r="AH3" s="482"/>
      <c r="AI3" s="483"/>
      <c r="AJ3" s="481" t="s">
        <v>108</v>
      </c>
      <c r="AK3" s="482"/>
      <c r="AL3" s="482"/>
      <c r="AM3" s="482"/>
      <c r="AN3" s="482"/>
      <c r="AO3" s="482"/>
      <c r="AP3" s="482"/>
      <c r="AQ3" s="482"/>
      <c r="AR3" s="482"/>
      <c r="AS3" s="482"/>
      <c r="AT3" s="483"/>
      <c r="AU3" s="481" t="s">
        <v>107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106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105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124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1" t="s">
        <v>157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  <c r="CX3" s="481" t="s">
        <v>153</v>
      </c>
      <c r="CY3" s="482"/>
      <c r="CZ3" s="482"/>
      <c r="DA3" s="482"/>
      <c r="DB3" s="482"/>
      <c r="DC3" s="482"/>
      <c r="DD3" s="482"/>
      <c r="DE3" s="482"/>
      <c r="DF3" s="482"/>
      <c r="DG3" s="482"/>
      <c r="DH3" s="483"/>
    </row>
    <row r="4" spans="2:112" ht="21" customHeight="1" x14ac:dyDescent="0.2">
      <c r="B4" s="485"/>
      <c r="C4" s="489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89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71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65" t="s">
        <v>61</v>
      </c>
      <c r="AV4" s="466"/>
      <c r="AW4" s="471"/>
      <c r="AX4" s="468" t="s">
        <v>62</v>
      </c>
      <c r="AY4" s="466"/>
      <c r="AZ4" s="466"/>
      <c r="BA4" s="466"/>
      <c r="BB4" s="466"/>
      <c r="BC4" s="466"/>
      <c r="BD4" s="471"/>
      <c r="BE4" s="469" t="s">
        <v>52</v>
      </c>
      <c r="BF4" s="465" t="s">
        <v>61</v>
      </c>
      <c r="BG4" s="466"/>
      <c r="BH4" s="467"/>
      <c r="BI4" s="468" t="s">
        <v>62</v>
      </c>
      <c r="BJ4" s="466"/>
      <c r="BK4" s="466"/>
      <c r="BL4" s="466"/>
      <c r="BM4" s="466"/>
      <c r="BN4" s="466"/>
      <c r="BO4" s="467"/>
      <c r="BP4" s="469" t="s">
        <v>52</v>
      </c>
      <c r="BQ4" s="465" t="s">
        <v>61</v>
      </c>
      <c r="BR4" s="466"/>
      <c r="BS4" s="467"/>
      <c r="BT4" s="468" t="s">
        <v>62</v>
      </c>
      <c r="BU4" s="466"/>
      <c r="BV4" s="466"/>
      <c r="BW4" s="466"/>
      <c r="BX4" s="466"/>
      <c r="BY4" s="466"/>
      <c r="BZ4" s="467"/>
      <c r="CA4" s="469" t="s">
        <v>52</v>
      </c>
      <c r="CB4" s="465" t="s">
        <v>61</v>
      </c>
      <c r="CC4" s="466"/>
      <c r="CD4" s="467"/>
      <c r="CE4" s="468" t="s">
        <v>62</v>
      </c>
      <c r="CF4" s="466"/>
      <c r="CG4" s="466"/>
      <c r="CH4" s="466"/>
      <c r="CI4" s="466"/>
      <c r="CJ4" s="466"/>
      <c r="CK4" s="467"/>
      <c r="CL4" s="469" t="s">
        <v>52</v>
      </c>
      <c r="CM4" s="465" t="s">
        <v>61</v>
      </c>
      <c r="CN4" s="466"/>
      <c r="CO4" s="467"/>
      <c r="CP4" s="468" t="s">
        <v>62</v>
      </c>
      <c r="CQ4" s="466"/>
      <c r="CR4" s="466"/>
      <c r="CS4" s="466"/>
      <c r="CT4" s="466"/>
      <c r="CU4" s="466"/>
      <c r="CV4" s="467"/>
      <c r="CW4" s="469" t="s">
        <v>52</v>
      </c>
      <c r="CX4" s="465" t="s">
        <v>61</v>
      </c>
      <c r="CY4" s="466"/>
      <c r="CZ4" s="467"/>
      <c r="DA4" s="468" t="s">
        <v>62</v>
      </c>
      <c r="DB4" s="466"/>
      <c r="DC4" s="466"/>
      <c r="DD4" s="466"/>
      <c r="DE4" s="466"/>
      <c r="DF4" s="466"/>
      <c r="DG4" s="467"/>
      <c r="DH4" s="469" t="s">
        <v>52</v>
      </c>
    </row>
    <row r="5" spans="2:112" ht="30" customHeight="1" thickBot="1" x14ac:dyDescent="0.25">
      <c r="B5" s="486"/>
      <c r="C5" s="204" t="s">
        <v>43</v>
      </c>
      <c r="D5" s="178" t="s">
        <v>44</v>
      </c>
      <c r="E5" s="179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204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1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1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1" t="s">
        <v>45</v>
      </c>
      <c r="BE5" s="470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70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70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70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70"/>
      <c r="CX5" s="177" t="s">
        <v>43</v>
      </c>
      <c r="CY5" s="178" t="s">
        <v>44</v>
      </c>
      <c r="CZ5" s="182" t="s">
        <v>45</v>
      </c>
      <c r="DA5" s="180" t="s">
        <v>83</v>
      </c>
      <c r="DB5" s="178" t="s">
        <v>47</v>
      </c>
      <c r="DC5" s="178" t="s">
        <v>48</v>
      </c>
      <c r="DD5" s="178" t="s">
        <v>49</v>
      </c>
      <c r="DE5" s="178" t="s">
        <v>50</v>
      </c>
      <c r="DF5" s="178" t="s">
        <v>51</v>
      </c>
      <c r="DG5" s="182" t="s">
        <v>45</v>
      </c>
      <c r="DH5" s="470"/>
    </row>
    <row r="6" spans="2:112" ht="21" customHeight="1" x14ac:dyDescent="0.2">
      <c r="B6" s="84" t="s">
        <v>4</v>
      </c>
      <c r="C6" s="183">
        <v>0</v>
      </c>
      <c r="D6" s="184">
        <v>0</v>
      </c>
      <c r="E6" s="185">
        <v>0</v>
      </c>
      <c r="F6" s="186">
        <v>0</v>
      </c>
      <c r="G6" s="184">
        <v>12688</v>
      </c>
      <c r="H6" s="184">
        <v>20650</v>
      </c>
      <c r="I6" s="184">
        <v>21435</v>
      </c>
      <c r="J6" s="184">
        <v>27983</v>
      </c>
      <c r="K6" s="184">
        <v>21164</v>
      </c>
      <c r="L6" s="187">
        <v>103920</v>
      </c>
      <c r="M6" s="188">
        <v>103920</v>
      </c>
      <c r="N6" s="183">
        <v>0</v>
      </c>
      <c r="O6" s="184">
        <v>0</v>
      </c>
      <c r="P6" s="189">
        <v>0</v>
      </c>
      <c r="Q6" s="186">
        <v>0</v>
      </c>
      <c r="R6" s="184">
        <v>32</v>
      </c>
      <c r="S6" s="184">
        <v>140</v>
      </c>
      <c r="T6" s="184">
        <v>222</v>
      </c>
      <c r="U6" s="184">
        <v>519</v>
      </c>
      <c r="V6" s="184">
        <v>822</v>
      </c>
      <c r="W6" s="189">
        <v>1735</v>
      </c>
      <c r="X6" s="188">
        <v>1735</v>
      </c>
      <c r="Y6" s="183">
        <v>1219</v>
      </c>
      <c r="Z6" s="184">
        <v>2888</v>
      </c>
      <c r="AA6" s="189">
        <v>4107</v>
      </c>
      <c r="AB6" s="186">
        <v>0</v>
      </c>
      <c r="AC6" s="184">
        <v>8742</v>
      </c>
      <c r="AD6" s="184">
        <v>14462</v>
      </c>
      <c r="AE6" s="184">
        <v>8128</v>
      </c>
      <c r="AF6" s="184">
        <v>6522</v>
      </c>
      <c r="AG6" s="184">
        <v>4115</v>
      </c>
      <c r="AH6" s="189">
        <v>41969</v>
      </c>
      <c r="AI6" s="188">
        <v>46076</v>
      </c>
      <c r="AJ6" s="183">
        <v>212</v>
      </c>
      <c r="AK6" s="184">
        <v>487</v>
      </c>
      <c r="AL6" s="189">
        <v>699</v>
      </c>
      <c r="AM6" s="186">
        <v>0</v>
      </c>
      <c r="AN6" s="184">
        <v>902</v>
      </c>
      <c r="AO6" s="184">
        <v>1332</v>
      </c>
      <c r="AP6" s="184">
        <v>964</v>
      </c>
      <c r="AQ6" s="184">
        <v>447</v>
      </c>
      <c r="AR6" s="184">
        <v>473</v>
      </c>
      <c r="AS6" s="189">
        <v>4118</v>
      </c>
      <c r="AT6" s="188">
        <v>4817</v>
      </c>
      <c r="AU6" s="183">
        <v>0</v>
      </c>
      <c r="AV6" s="184">
        <v>0</v>
      </c>
      <c r="AW6" s="189">
        <v>0</v>
      </c>
      <c r="AX6" s="186">
        <v>0</v>
      </c>
      <c r="AY6" s="184">
        <v>12428</v>
      </c>
      <c r="AZ6" s="184">
        <v>11742</v>
      </c>
      <c r="BA6" s="184">
        <v>6730</v>
      </c>
      <c r="BB6" s="184">
        <v>3075</v>
      </c>
      <c r="BC6" s="184">
        <v>1342</v>
      </c>
      <c r="BD6" s="187">
        <v>35317</v>
      </c>
      <c r="BE6" s="188">
        <v>35317</v>
      </c>
      <c r="BF6" s="183">
        <v>0</v>
      </c>
      <c r="BG6" s="184">
        <v>0</v>
      </c>
      <c r="BH6" s="189">
        <v>0</v>
      </c>
      <c r="BI6" s="186">
        <v>0</v>
      </c>
      <c r="BJ6" s="184">
        <v>2450</v>
      </c>
      <c r="BK6" s="184">
        <v>3575</v>
      </c>
      <c r="BL6" s="184">
        <v>2016</v>
      </c>
      <c r="BM6" s="184">
        <v>1009</v>
      </c>
      <c r="BN6" s="184">
        <v>271</v>
      </c>
      <c r="BO6" s="189">
        <v>9321</v>
      </c>
      <c r="BP6" s="188">
        <v>9321</v>
      </c>
      <c r="BQ6" s="183">
        <v>14</v>
      </c>
      <c r="BR6" s="184">
        <v>105</v>
      </c>
      <c r="BS6" s="189">
        <v>119</v>
      </c>
      <c r="BT6" s="186">
        <v>0</v>
      </c>
      <c r="BU6" s="184">
        <v>1022</v>
      </c>
      <c r="BV6" s="184">
        <v>2370</v>
      </c>
      <c r="BW6" s="184">
        <v>3362</v>
      </c>
      <c r="BX6" s="184">
        <v>2704</v>
      </c>
      <c r="BY6" s="184">
        <v>964</v>
      </c>
      <c r="BZ6" s="189">
        <v>10422</v>
      </c>
      <c r="CA6" s="188">
        <v>10541</v>
      </c>
      <c r="CB6" s="183">
        <v>0</v>
      </c>
      <c r="CC6" s="184">
        <v>15</v>
      </c>
      <c r="CD6" s="189">
        <v>15</v>
      </c>
      <c r="CE6" s="186">
        <v>0</v>
      </c>
      <c r="CF6" s="184">
        <v>127</v>
      </c>
      <c r="CG6" s="184">
        <v>237</v>
      </c>
      <c r="CH6" s="184">
        <v>310</v>
      </c>
      <c r="CI6" s="184">
        <v>215</v>
      </c>
      <c r="CJ6" s="184">
        <v>103</v>
      </c>
      <c r="CK6" s="189">
        <v>992</v>
      </c>
      <c r="CL6" s="188">
        <v>1007</v>
      </c>
      <c r="CM6" s="183">
        <v>0</v>
      </c>
      <c r="CN6" s="184">
        <v>0</v>
      </c>
      <c r="CO6" s="189">
        <v>0</v>
      </c>
      <c r="CP6" s="186">
        <v>0</v>
      </c>
      <c r="CQ6" s="184">
        <v>0</v>
      </c>
      <c r="CR6" s="184">
        <v>0</v>
      </c>
      <c r="CS6" s="184">
        <v>0</v>
      </c>
      <c r="CT6" s="184">
        <v>0</v>
      </c>
      <c r="CU6" s="184">
        <v>0</v>
      </c>
      <c r="CV6" s="189">
        <v>0</v>
      </c>
      <c r="CW6" s="188">
        <v>0</v>
      </c>
      <c r="CX6" s="183">
        <v>0</v>
      </c>
      <c r="CY6" s="184">
        <v>0</v>
      </c>
      <c r="CZ6" s="189">
        <v>0</v>
      </c>
      <c r="DA6" s="186">
        <v>0</v>
      </c>
      <c r="DB6" s="184">
        <v>0</v>
      </c>
      <c r="DC6" s="184">
        <v>0</v>
      </c>
      <c r="DD6" s="184">
        <v>0</v>
      </c>
      <c r="DE6" s="184">
        <v>0</v>
      </c>
      <c r="DF6" s="184">
        <v>0</v>
      </c>
      <c r="DG6" s="189">
        <v>0</v>
      </c>
      <c r="DH6" s="188">
        <v>0</v>
      </c>
    </row>
    <row r="7" spans="2:112" ht="21" customHeight="1" x14ac:dyDescent="0.2">
      <c r="B7" s="95" t="s">
        <v>5</v>
      </c>
      <c r="C7" s="190">
        <v>0</v>
      </c>
      <c r="D7" s="191">
        <v>0</v>
      </c>
      <c r="E7" s="192">
        <v>0</v>
      </c>
      <c r="F7" s="193">
        <v>0</v>
      </c>
      <c r="G7" s="191">
        <v>4903</v>
      </c>
      <c r="H7" s="191">
        <v>9357</v>
      </c>
      <c r="I7" s="191">
        <v>8830</v>
      </c>
      <c r="J7" s="191">
        <v>12088</v>
      </c>
      <c r="K7" s="191">
        <v>8200</v>
      </c>
      <c r="L7" s="194">
        <v>43378</v>
      </c>
      <c r="M7" s="195">
        <v>43378</v>
      </c>
      <c r="N7" s="190">
        <v>0</v>
      </c>
      <c r="O7" s="191">
        <v>0</v>
      </c>
      <c r="P7" s="196">
        <v>0</v>
      </c>
      <c r="Q7" s="193">
        <v>0</v>
      </c>
      <c r="R7" s="191">
        <v>2</v>
      </c>
      <c r="S7" s="191">
        <v>57</v>
      </c>
      <c r="T7" s="191">
        <v>98</v>
      </c>
      <c r="U7" s="191">
        <v>268</v>
      </c>
      <c r="V7" s="191">
        <v>373</v>
      </c>
      <c r="W7" s="196">
        <v>798</v>
      </c>
      <c r="X7" s="195">
        <v>798</v>
      </c>
      <c r="Y7" s="190">
        <v>496</v>
      </c>
      <c r="Z7" s="191">
        <v>1483</v>
      </c>
      <c r="AA7" s="196">
        <v>1979</v>
      </c>
      <c r="AB7" s="193">
        <v>0</v>
      </c>
      <c r="AC7" s="191">
        <v>3565</v>
      </c>
      <c r="AD7" s="191">
        <v>8084</v>
      </c>
      <c r="AE7" s="191">
        <v>4431</v>
      </c>
      <c r="AF7" s="191">
        <v>3623</v>
      </c>
      <c r="AG7" s="191">
        <v>1804</v>
      </c>
      <c r="AH7" s="196">
        <v>21507</v>
      </c>
      <c r="AI7" s="195">
        <v>23486</v>
      </c>
      <c r="AJ7" s="190">
        <v>58</v>
      </c>
      <c r="AK7" s="191">
        <v>245</v>
      </c>
      <c r="AL7" s="196">
        <v>303</v>
      </c>
      <c r="AM7" s="193">
        <v>0</v>
      </c>
      <c r="AN7" s="191">
        <v>227</v>
      </c>
      <c r="AO7" s="191">
        <v>534</v>
      </c>
      <c r="AP7" s="191">
        <v>398</v>
      </c>
      <c r="AQ7" s="191">
        <v>232</v>
      </c>
      <c r="AR7" s="191">
        <v>177</v>
      </c>
      <c r="AS7" s="196">
        <v>1568</v>
      </c>
      <c r="AT7" s="195">
        <v>1871</v>
      </c>
      <c r="AU7" s="190">
        <v>0</v>
      </c>
      <c r="AV7" s="191">
        <v>0</v>
      </c>
      <c r="AW7" s="196">
        <v>0</v>
      </c>
      <c r="AX7" s="193">
        <v>0</v>
      </c>
      <c r="AY7" s="191">
        <v>4112</v>
      </c>
      <c r="AZ7" s="191">
        <v>4864</v>
      </c>
      <c r="BA7" s="191">
        <v>2472</v>
      </c>
      <c r="BB7" s="191">
        <v>1209</v>
      </c>
      <c r="BC7" s="191">
        <v>703</v>
      </c>
      <c r="BD7" s="194">
        <v>13360</v>
      </c>
      <c r="BE7" s="195">
        <v>13360</v>
      </c>
      <c r="BF7" s="190">
        <v>0</v>
      </c>
      <c r="BG7" s="191">
        <v>0</v>
      </c>
      <c r="BH7" s="196">
        <v>0</v>
      </c>
      <c r="BI7" s="193">
        <v>0</v>
      </c>
      <c r="BJ7" s="191">
        <v>835</v>
      </c>
      <c r="BK7" s="191">
        <v>1675</v>
      </c>
      <c r="BL7" s="191">
        <v>959</v>
      </c>
      <c r="BM7" s="191">
        <v>478</v>
      </c>
      <c r="BN7" s="191">
        <v>101</v>
      </c>
      <c r="BO7" s="196">
        <v>4048</v>
      </c>
      <c r="BP7" s="195">
        <v>4048</v>
      </c>
      <c r="BQ7" s="190">
        <v>14</v>
      </c>
      <c r="BR7" s="191">
        <v>42</v>
      </c>
      <c r="BS7" s="196">
        <v>56</v>
      </c>
      <c r="BT7" s="193">
        <v>0</v>
      </c>
      <c r="BU7" s="191">
        <v>321</v>
      </c>
      <c r="BV7" s="191">
        <v>895</v>
      </c>
      <c r="BW7" s="191">
        <v>1607</v>
      </c>
      <c r="BX7" s="191">
        <v>1111</v>
      </c>
      <c r="BY7" s="191">
        <v>429</v>
      </c>
      <c r="BZ7" s="196">
        <v>4363</v>
      </c>
      <c r="CA7" s="195">
        <v>4419</v>
      </c>
      <c r="CB7" s="190">
        <v>0</v>
      </c>
      <c r="CC7" s="191">
        <v>8</v>
      </c>
      <c r="CD7" s="196">
        <v>8</v>
      </c>
      <c r="CE7" s="193">
        <v>0</v>
      </c>
      <c r="CF7" s="191">
        <v>54</v>
      </c>
      <c r="CG7" s="191">
        <v>108</v>
      </c>
      <c r="CH7" s="191">
        <v>217</v>
      </c>
      <c r="CI7" s="191">
        <v>118</v>
      </c>
      <c r="CJ7" s="191">
        <v>65</v>
      </c>
      <c r="CK7" s="196">
        <v>562</v>
      </c>
      <c r="CL7" s="195">
        <v>570</v>
      </c>
      <c r="CM7" s="190">
        <v>0</v>
      </c>
      <c r="CN7" s="191">
        <v>0</v>
      </c>
      <c r="CO7" s="196">
        <v>0</v>
      </c>
      <c r="CP7" s="193">
        <v>0</v>
      </c>
      <c r="CQ7" s="191">
        <v>0</v>
      </c>
      <c r="CR7" s="191">
        <v>0</v>
      </c>
      <c r="CS7" s="191">
        <v>0</v>
      </c>
      <c r="CT7" s="191">
        <v>0</v>
      </c>
      <c r="CU7" s="191">
        <v>0</v>
      </c>
      <c r="CV7" s="196">
        <v>0</v>
      </c>
      <c r="CW7" s="195">
        <v>0</v>
      </c>
      <c r="CX7" s="190">
        <v>0</v>
      </c>
      <c r="CY7" s="191">
        <v>0</v>
      </c>
      <c r="CZ7" s="196">
        <v>0</v>
      </c>
      <c r="DA7" s="193">
        <v>0</v>
      </c>
      <c r="DB7" s="191">
        <v>0</v>
      </c>
      <c r="DC7" s="191">
        <v>0</v>
      </c>
      <c r="DD7" s="191">
        <v>0</v>
      </c>
      <c r="DE7" s="191">
        <v>0</v>
      </c>
      <c r="DF7" s="191">
        <v>0</v>
      </c>
      <c r="DG7" s="196">
        <v>0</v>
      </c>
      <c r="DH7" s="195">
        <v>0</v>
      </c>
    </row>
    <row r="8" spans="2:112" ht="21" customHeight="1" x14ac:dyDescent="0.2">
      <c r="B8" s="106" t="s">
        <v>6</v>
      </c>
      <c r="C8" s="190">
        <v>0</v>
      </c>
      <c r="D8" s="191">
        <v>0</v>
      </c>
      <c r="E8" s="192">
        <v>0</v>
      </c>
      <c r="F8" s="193">
        <v>0</v>
      </c>
      <c r="G8" s="191">
        <v>1633</v>
      </c>
      <c r="H8" s="191">
        <v>2341</v>
      </c>
      <c r="I8" s="191">
        <v>2500</v>
      </c>
      <c r="J8" s="191">
        <v>3144</v>
      </c>
      <c r="K8" s="191">
        <v>2567</v>
      </c>
      <c r="L8" s="194">
        <v>12185</v>
      </c>
      <c r="M8" s="195">
        <v>12185</v>
      </c>
      <c r="N8" s="190">
        <v>0</v>
      </c>
      <c r="O8" s="191">
        <v>0</v>
      </c>
      <c r="P8" s="196">
        <v>0</v>
      </c>
      <c r="Q8" s="193">
        <v>0</v>
      </c>
      <c r="R8" s="191">
        <v>4</v>
      </c>
      <c r="S8" s="191">
        <v>15</v>
      </c>
      <c r="T8" s="191">
        <v>12</v>
      </c>
      <c r="U8" s="191">
        <v>36</v>
      </c>
      <c r="V8" s="191">
        <v>81</v>
      </c>
      <c r="W8" s="196">
        <v>148</v>
      </c>
      <c r="X8" s="195">
        <v>148</v>
      </c>
      <c r="Y8" s="190">
        <v>167</v>
      </c>
      <c r="Z8" s="191">
        <v>389</v>
      </c>
      <c r="AA8" s="196">
        <v>556</v>
      </c>
      <c r="AB8" s="193">
        <v>0</v>
      </c>
      <c r="AC8" s="191">
        <v>1538</v>
      </c>
      <c r="AD8" s="191">
        <v>1727</v>
      </c>
      <c r="AE8" s="191">
        <v>1146</v>
      </c>
      <c r="AF8" s="191">
        <v>964</v>
      </c>
      <c r="AG8" s="191">
        <v>549</v>
      </c>
      <c r="AH8" s="196">
        <v>5924</v>
      </c>
      <c r="AI8" s="195">
        <v>6480</v>
      </c>
      <c r="AJ8" s="190">
        <v>50</v>
      </c>
      <c r="AK8" s="191">
        <v>22</v>
      </c>
      <c r="AL8" s="196">
        <v>72</v>
      </c>
      <c r="AM8" s="193">
        <v>0</v>
      </c>
      <c r="AN8" s="191">
        <v>145</v>
      </c>
      <c r="AO8" s="191">
        <v>154</v>
      </c>
      <c r="AP8" s="191">
        <v>69</v>
      </c>
      <c r="AQ8" s="191">
        <v>8</v>
      </c>
      <c r="AR8" s="191">
        <v>44</v>
      </c>
      <c r="AS8" s="196">
        <v>420</v>
      </c>
      <c r="AT8" s="195">
        <v>492</v>
      </c>
      <c r="AU8" s="190">
        <v>0</v>
      </c>
      <c r="AV8" s="191">
        <v>0</v>
      </c>
      <c r="AW8" s="196">
        <v>0</v>
      </c>
      <c r="AX8" s="193">
        <v>0</v>
      </c>
      <c r="AY8" s="191">
        <v>1801</v>
      </c>
      <c r="AZ8" s="191">
        <v>1574</v>
      </c>
      <c r="BA8" s="191">
        <v>741</v>
      </c>
      <c r="BB8" s="191">
        <v>387</v>
      </c>
      <c r="BC8" s="191">
        <v>112</v>
      </c>
      <c r="BD8" s="194">
        <v>4615</v>
      </c>
      <c r="BE8" s="195">
        <v>4615</v>
      </c>
      <c r="BF8" s="190">
        <v>0</v>
      </c>
      <c r="BG8" s="191">
        <v>0</v>
      </c>
      <c r="BH8" s="196">
        <v>0</v>
      </c>
      <c r="BI8" s="193">
        <v>0</v>
      </c>
      <c r="BJ8" s="191">
        <v>305</v>
      </c>
      <c r="BK8" s="191">
        <v>378</v>
      </c>
      <c r="BL8" s="191">
        <v>249</v>
      </c>
      <c r="BM8" s="191">
        <v>134</v>
      </c>
      <c r="BN8" s="191">
        <v>49</v>
      </c>
      <c r="BO8" s="196">
        <v>1115</v>
      </c>
      <c r="BP8" s="195">
        <v>1115</v>
      </c>
      <c r="BQ8" s="190">
        <v>0</v>
      </c>
      <c r="BR8" s="191">
        <v>0</v>
      </c>
      <c r="BS8" s="196">
        <v>0</v>
      </c>
      <c r="BT8" s="193">
        <v>0</v>
      </c>
      <c r="BU8" s="191">
        <v>172</v>
      </c>
      <c r="BV8" s="191">
        <v>292</v>
      </c>
      <c r="BW8" s="191">
        <v>261</v>
      </c>
      <c r="BX8" s="191">
        <v>233</v>
      </c>
      <c r="BY8" s="191">
        <v>65</v>
      </c>
      <c r="BZ8" s="196">
        <v>1023</v>
      </c>
      <c r="CA8" s="195">
        <v>1023</v>
      </c>
      <c r="CB8" s="190">
        <v>0</v>
      </c>
      <c r="CC8" s="191">
        <v>0</v>
      </c>
      <c r="CD8" s="196">
        <v>0</v>
      </c>
      <c r="CE8" s="193">
        <v>0</v>
      </c>
      <c r="CF8" s="191">
        <v>13</v>
      </c>
      <c r="CG8" s="191">
        <v>35</v>
      </c>
      <c r="CH8" s="191">
        <v>31</v>
      </c>
      <c r="CI8" s="191">
        <v>56</v>
      </c>
      <c r="CJ8" s="191">
        <v>20</v>
      </c>
      <c r="CK8" s="196">
        <v>155</v>
      </c>
      <c r="CL8" s="195">
        <v>155</v>
      </c>
      <c r="CM8" s="190">
        <v>0</v>
      </c>
      <c r="CN8" s="191">
        <v>0</v>
      </c>
      <c r="CO8" s="196">
        <v>0</v>
      </c>
      <c r="CP8" s="193">
        <v>0</v>
      </c>
      <c r="CQ8" s="191">
        <v>0</v>
      </c>
      <c r="CR8" s="191">
        <v>0</v>
      </c>
      <c r="CS8" s="191">
        <v>0</v>
      </c>
      <c r="CT8" s="191">
        <v>0</v>
      </c>
      <c r="CU8" s="191">
        <v>0</v>
      </c>
      <c r="CV8" s="196">
        <v>0</v>
      </c>
      <c r="CW8" s="195">
        <v>0</v>
      </c>
      <c r="CX8" s="190">
        <v>0</v>
      </c>
      <c r="CY8" s="191">
        <v>0</v>
      </c>
      <c r="CZ8" s="196">
        <v>0</v>
      </c>
      <c r="DA8" s="193">
        <v>0</v>
      </c>
      <c r="DB8" s="191">
        <v>0</v>
      </c>
      <c r="DC8" s="191">
        <v>0</v>
      </c>
      <c r="DD8" s="191">
        <v>0</v>
      </c>
      <c r="DE8" s="191">
        <v>0</v>
      </c>
      <c r="DF8" s="191">
        <v>0</v>
      </c>
      <c r="DG8" s="196">
        <v>0</v>
      </c>
      <c r="DH8" s="195">
        <v>0</v>
      </c>
    </row>
    <row r="9" spans="2:112" ht="21" customHeight="1" x14ac:dyDescent="0.2">
      <c r="B9" s="106" t="s">
        <v>14</v>
      </c>
      <c r="C9" s="190">
        <v>0</v>
      </c>
      <c r="D9" s="191">
        <v>0</v>
      </c>
      <c r="E9" s="192">
        <v>0</v>
      </c>
      <c r="F9" s="193">
        <v>0</v>
      </c>
      <c r="G9" s="191">
        <v>616</v>
      </c>
      <c r="H9" s="191">
        <v>1528</v>
      </c>
      <c r="I9" s="191">
        <v>1875</v>
      </c>
      <c r="J9" s="191">
        <v>1516</v>
      </c>
      <c r="K9" s="191">
        <v>2012</v>
      </c>
      <c r="L9" s="194">
        <v>7547</v>
      </c>
      <c r="M9" s="195">
        <v>7547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4</v>
      </c>
      <c r="T9" s="191">
        <v>13</v>
      </c>
      <c r="U9" s="191">
        <v>29</v>
      </c>
      <c r="V9" s="191">
        <v>23</v>
      </c>
      <c r="W9" s="196">
        <v>69</v>
      </c>
      <c r="X9" s="195">
        <v>69</v>
      </c>
      <c r="Y9" s="190">
        <v>81</v>
      </c>
      <c r="Z9" s="191">
        <v>262</v>
      </c>
      <c r="AA9" s="196">
        <v>343</v>
      </c>
      <c r="AB9" s="193">
        <v>0</v>
      </c>
      <c r="AC9" s="191">
        <v>387</v>
      </c>
      <c r="AD9" s="191">
        <v>987</v>
      </c>
      <c r="AE9" s="191">
        <v>496</v>
      </c>
      <c r="AF9" s="191">
        <v>387</v>
      </c>
      <c r="AG9" s="191">
        <v>290</v>
      </c>
      <c r="AH9" s="196">
        <v>2547</v>
      </c>
      <c r="AI9" s="195">
        <v>2890</v>
      </c>
      <c r="AJ9" s="190">
        <v>26</v>
      </c>
      <c r="AK9" s="191">
        <v>8</v>
      </c>
      <c r="AL9" s="196">
        <v>34</v>
      </c>
      <c r="AM9" s="193">
        <v>0</v>
      </c>
      <c r="AN9" s="191">
        <v>14</v>
      </c>
      <c r="AO9" s="191">
        <v>24</v>
      </c>
      <c r="AP9" s="191">
        <v>83</v>
      </c>
      <c r="AQ9" s="191">
        <v>20</v>
      </c>
      <c r="AR9" s="191">
        <v>0</v>
      </c>
      <c r="AS9" s="196">
        <v>141</v>
      </c>
      <c r="AT9" s="195">
        <v>175</v>
      </c>
      <c r="AU9" s="190">
        <v>0</v>
      </c>
      <c r="AV9" s="191">
        <v>0</v>
      </c>
      <c r="AW9" s="196">
        <v>0</v>
      </c>
      <c r="AX9" s="193">
        <v>0</v>
      </c>
      <c r="AY9" s="191">
        <v>828</v>
      </c>
      <c r="AZ9" s="191">
        <v>1041</v>
      </c>
      <c r="BA9" s="191">
        <v>741</v>
      </c>
      <c r="BB9" s="191">
        <v>403</v>
      </c>
      <c r="BC9" s="191">
        <v>72</v>
      </c>
      <c r="BD9" s="194">
        <v>3085</v>
      </c>
      <c r="BE9" s="195">
        <v>3085</v>
      </c>
      <c r="BF9" s="190">
        <v>0</v>
      </c>
      <c r="BG9" s="191">
        <v>0</v>
      </c>
      <c r="BH9" s="196">
        <v>0</v>
      </c>
      <c r="BI9" s="193">
        <v>0</v>
      </c>
      <c r="BJ9" s="191">
        <v>45</v>
      </c>
      <c r="BK9" s="191">
        <v>222</v>
      </c>
      <c r="BL9" s="191">
        <v>89</v>
      </c>
      <c r="BM9" s="191">
        <v>70</v>
      </c>
      <c r="BN9" s="191">
        <v>14</v>
      </c>
      <c r="BO9" s="196">
        <v>440</v>
      </c>
      <c r="BP9" s="195">
        <v>440</v>
      </c>
      <c r="BQ9" s="190">
        <v>0</v>
      </c>
      <c r="BR9" s="191">
        <v>0</v>
      </c>
      <c r="BS9" s="196">
        <v>0</v>
      </c>
      <c r="BT9" s="193">
        <v>0</v>
      </c>
      <c r="BU9" s="191">
        <v>50</v>
      </c>
      <c r="BV9" s="191">
        <v>172</v>
      </c>
      <c r="BW9" s="191">
        <v>224</v>
      </c>
      <c r="BX9" s="191">
        <v>319</v>
      </c>
      <c r="BY9" s="191">
        <v>46</v>
      </c>
      <c r="BZ9" s="196">
        <v>811</v>
      </c>
      <c r="CA9" s="195">
        <v>811</v>
      </c>
      <c r="CB9" s="190">
        <v>0</v>
      </c>
      <c r="CC9" s="191">
        <v>0</v>
      </c>
      <c r="CD9" s="196">
        <v>0</v>
      </c>
      <c r="CE9" s="193">
        <v>0</v>
      </c>
      <c r="CF9" s="191">
        <v>0</v>
      </c>
      <c r="CG9" s="191">
        <v>5</v>
      </c>
      <c r="CH9" s="191">
        <v>2</v>
      </c>
      <c r="CI9" s="191">
        <v>0</v>
      </c>
      <c r="CJ9" s="191">
        <v>5</v>
      </c>
      <c r="CK9" s="196">
        <v>12</v>
      </c>
      <c r="CL9" s="195">
        <v>12</v>
      </c>
      <c r="CM9" s="190">
        <v>0</v>
      </c>
      <c r="CN9" s="191">
        <v>0</v>
      </c>
      <c r="CO9" s="196">
        <v>0</v>
      </c>
      <c r="CP9" s="193">
        <v>0</v>
      </c>
      <c r="CQ9" s="191">
        <v>0</v>
      </c>
      <c r="CR9" s="191">
        <v>0</v>
      </c>
      <c r="CS9" s="191">
        <v>0</v>
      </c>
      <c r="CT9" s="191">
        <v>0</v>
      </c>
      <c r="CU9" s="191">
        <v>0</v>
      </c>
      <c r="CV9" s="196">
        <v>0</v>
      </c>
      <c r="CW9" s="195">
        <v>0</v>
      </c>
      <c r="CX9" s="190">
        <v>0</v>
      </c>
      <c r="CY9" s="191">
        <v>0</v>
      </c>
      <c r="CZ9" s="196">
        <v>0</v>
      </c>
      <c r="DA9" s="193">
        <v>0</v>
      </c>
      <c r="DB9" s="191">
        <v>0</v>
      </c>
      <c r="DC9" s="191">
        <v>0</v>
      </c>
      <c r="DD9" s="191">
        <v>0</v>
      </c>
      <c r="DE9" s="191">
        <v>0</v>
      </c>
      <c r="DF9" s="191">
        <v>0</v>
      </c>
      <c r="DG9" s="196">
        <v>0</v>
      </c>
      <c r="DH9" s="195">
        <v>0</v>
      </c>
    </row>
    <row r="10" spans="2:112" ht="21" customHeight="1" x14ac:dyDescent="0.2">
      <c r="B10" s="106" t="s">
        <v>7</v>
      </c>
      <c r="C10" s="190">
        <v>0</v>
      </c>
      <c r="D10" s="191">
        <v>0</v>
      </c>
      <c r="E10" s="192">
        <v>0</v>
      </c>
      <c r="F10" s="193">
        <v>0</v>
      </c>
      <c r="G10" s="191">
        <v>1216</v>
      </c>
      <c r="H10" s="191">
        <v>1461</v>
      </c>
      <c r="I10" s="191">
        <v>1011</v>
      </c>
      <c r="J10" s="191">
        <v>1277</v>
      </c>
      <c r="K10" s="191">
        <v>1342</v>
      </c>
      <c r="L10" s="194">
        <v>6307</v>
      </c>
      <c r="M10" s="195">
        <v>6307</v>
      </c>
      <c r="N10" s="190">
        <v>0</v>
      </c>
      <c r="O10" s="191">
        <v>0</v>
      </c>
      <c r="P10" s="196">
        <v>0</v>
      </c>
      <c r="Q10" s="193">
        <v>0</v>
      </c>
      <c r="R10" s="191">
        <v>6</v>
      </c>
      <c r="S10" s="191">
        <v>38</v>
      </c>
      <c r="T10" s="191">
        <v>16</v>
      </c>
      <c r="U10" s="191">
        <v>44</v>
      </c>
      <c r="V10" s="191">
        <v>58</v>
      </c>
      <c r="W10" s="196">
        <v>162</v>
      </c>
      <c r="X10" s="195">
        <v>162</v>
      </c>
      <c r="Y10" s="190">
        <v>0</v>
      </c>
      <c r="Z10" s="191">
        <v>7</v>
      </c>
      <c r="AA10" s="196">
        <v>7</v>
      </c>
      <c r="AB10" s="193">
        <v>0</v>
      </c>
      <c r="AC10" s="191">
        <v>392</v>
      </c>
      <c r="AD10" s="191">
        <v>495</v>
      </c>
      <c r="AE10" s="191">
        <v>180</v>
      </c>
      <c r="AF10" s="191">
        <v>162</v>
      </c>
      <c r="AG10" s="191">
        <v>210</v>
      </c>
      <c r="AH10" s="196">
        <v>1439</v>
      </c>
      <c r="AI10" s="195">
        <v>1446</v>
      </c>
      <c r="AJ10" s="190">
        <v>0</v>
      </c>
      <c r="AK10" s="191">
        <v>16</v>
      </c>
      <c r="AL10" s="196">
        <v>16</v>
      </c>
      <c r="AM10" s="193">
        <v>0</v>
      </c>
      <c r="AN10" s="191">
        <v>91</v>
      </c>
      <c r="AO10" s="191">
        <v>59</v>
      </c>
      <c r="AP10" s="191">
        <v>47</v>
      </c>
      <c r="AQ10" s="191">
        <v>35</v>
      </c>
      <c r="AR10" s="191">
        <v>12</v>
      </c>
      <c r="AS10" s="196">
        <v>244</v>
      </c>
      <c r="AT10" s="195">
        <v>260</v>
      </c>
      <c r="AU10" s="190">
        <v>0</v>
      </c>
      <c r="AV10" s="191">
        <v>0</v>
      </c>
      <c r="AW10" s="196">
        <v>0</v>
      </c>
      <c r="AX10" s="193">
        <v>0</v>
      </c>
      <c r="AY10" s="191">
        <v>1204</v>
      </c>
      <c r="AZ10" s="191">
        <v>601</v>
      </c>
      <c r="BA10" s="191">
        <v>390</v>
      </c>
      <c r="BB10" s="191">
        <v>138</v>
      </c>
      <c r="BC10" s="191">
        <v>66</v>
      </c>
      <c r="BD10" s="194">
        <v>2399</v>
      </c>
      <c r="BE10" s="195">
        <v>2399</v>
      </c>
      <c r="BF10" s="190">
        <v>0</v>
      </c>
      <c r="BG10" s="191">
        <v>0</v>
      </c>
      <c r="BH10" s="196">
        <v>0</v>
      </c>
      <c r="BI10" s="193">
        <v>0</v>
      </c>
      <c r="BJ10" s="191">
        <v>157</v>
      </c>
      <c r="BK10" s="191">
        <v>179</v>
      </c>
      <c r="BL10" s="191">
        <v>56</v>
      </c>
      <c r="BM10" s="191">
        <v>29</v>
      </c>
      <c r="BN10" s="191">
        <v>19</v>
      </c>
      <c r="BO10" s="196">
        <v>440</v>
      </c>
      <c r="BP10" s="195">
        <v>440</v>
      </c>
      <c r="BQ10" s="190">
        <v>0</v>
      </c>
      <c r="BR10" s="191">
        <v>0</v>
      </c>
      <c r="BS10" s="196">
        <v>0</v>
      </c>
      <c r="BT10" s="193">
        <v>0</v>
      </c>
      <c r="BU10" s="191">
        <v>99</v>
      </c>
      <c r="BV10" s="191">
        <v>330</v>
      </c>
      <c r="BW10" s="191">
        <v>274</v>
      </c>
      <c r="BX10" s="191">
        <v>227</v>
      </c>
      <c r="BY10" s="191">
        <v>76</v>
      </c>
      <c r="BZ10" s="196">
        <v>1006</v>
      </c>
      <c r="CA10" s="195">
        <v>1006</v>
      </c>
      <c r="CB10" s="190">
        <v>0</v>
      </c>
      <c r="CC10" s="191">
        <v>0</v>
      </c>
      <c r="CD10" s="196">
        <v>0</v>
      </c>
      <c r="CE10" s="193">
        <v>0</v>
      </c>
      <c r="CF10" s="191">
        <v>0</v>
      </c>
      <c r="CG10" s="191">
        <v>22</v>
      </c>
      <c r="CH10" s="191">
        <v>5</v>
      </c>
      <c r="CI10" s="191">
        <v>5</v>
      </c>
      <c r="CJ10" s="191">
        <v>0</v>
      </c>
      <c r="CK10" s="196">
        <v>32</v>
      </c>
      <c r="CL10" s="195">
        <v>32</v>
      </c>
      <c r="CM10" s="190">
        <v>0</v>
      </c>
      <c r="CN10" s="191">
        <v>0</v>
      </c>
      <c r="CO10" s="196">
        <v>0</v>
      </c>
      <c r="CP10" s="193">
        <v>0</v>
      </c>
      <c r="CQ10" s="191">
        <v>0</v>
      </c>
      <c r="CR10" s="191">
        <v>0</v>
      </c>
      <c r="CS10" s="191">
        <v>0</v>
      </c>
      <c r="CT10" s="191">
        <v>0</v>
      </c>
      <c r="CU10" s="191">
        <v>0</v>
      </c>
      <c r="CV10" s="196">
        <v>0</v>
      </c>
      <c r="CW10" s="195">
        <v>0</v>
      </c>
      <c r="CX10" s="190">
        <v>0</v>
      </c>
      <c r="CY10" s="191">
        <v>0</v>
      </c>
      <c r="CZ10" s="196">
        <v>0</v>
      </c>
      <c r="DA10" s="193">
        <v>0</v>
      </c>
      <c r="DB10" s="191">
        <v>0</v>
      </c>
      <c r="DC10" s="191">
        <v>0</v>
      </c>
      <c r="DD10" s="191">
        <v>0</v>
      </c>
      <c r="DE10" s="191">
        <v>0</v>
      </c>
      <c r="DF10" s="191">
        <v>0</v>
      </c>
      <c r="DG10" s="196">
        <v>0</v>
      </c>
      <c r="DH10" s="195">
        <v>0</v>
      </c>
    </row>
    <row r="11" spans="2:112" ht="21" customHeight="1" x14ac:dyDescent="0.2">
      <c r="B11" s="106" t="s">
        <v>8</v>
      </c>
      <c r="C11" s="190">
        <v>0</v>
      </c>
      <c r="D11" s="191">
        <v>0</v>
      </c>
      <c r="E11" s="192">
        <v>0</v>
      </c>
      <c r="F11" s="193">
        <v>0</v>
      </c>
      <c r="G11" s="191">
        <v>208</v>
      </c>
      <c r="H11" s="191">
        <v>418</v>
      </c>
      <c r="I11" s="191">
        <v>682</v>
      </c>
      <c r="J11" s="191">
        <v>539</v>
      </c>
      <c r="K11" s="191">
        <v>717</v>
      </c>
      <c r="L11" s="194">
        <v>2564</v>
      </c>
      <c r="M11" s="195">
        <v>2564</v>
      </c>
      <c r="N11" s="190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0</v>
      </c>
      <c r="T11" s="191">
        <v>4</v>
      </c>
      <c r="U11" s="191">
        <v>0</v>
      </c>
      <c r="V11" s="191">
        <v>27</v>
      </c>
      <c r="W11" s="196">
        <v>31</v>
      </c>
      <c r="X11" s="195">
        <v>31</v>
      </c>
      <c r="Y11" s="190">
        <v>8</v>
      </c>
      <c r="Z11" s="191">
        <v>22</v>
      </c>
      <c r="AA11" s="196">
        <v>30</v>
      </c>
      <c r="AB11" s="193">
        <v>0</v>
      </c>
      <c r="AC11" s="191">
        <v>103</v>
      </c>
      <c r="AD11" s="191">
        <v>216</v>
      </c>
      <c r="AE11" s="191">
        <v>156</v>
      </c>
      <c r="AF11" s="191">
        <v>129</v>
      </c>
      <c r="AG11" s="191">
        <v>72</v>
      </c>
      <c r="AH11" s="196">
        <v>676</v>
      </c>
      <c r="AI11" s="195">
        <v>706</v>
      </c>
      <c r="AJ11" s="190">
        <v>0</v>
      </c>
      <c r="AK11" s="191">
        <v>22</v>
      </c>
      <c r="AL11" s="196">
        <v>22</v>
      </c>
      <c r="AM11" s="193">
        <v>0</v>
      </c>
      <c r="AN11" s="191">
        <v>46</v>
      </c>
      <c r="AO11" s="191">
        <v>67</v>
      </c>
      <c r="AP11" s="191">
        <v>42</v>
      </c>
      <c r="AQ11" s="191">
        <v>28</v>
      </c>
      <c r="AR11" s="191">
        <v>32</v>
      </c>
      <c r="AS11" s="196">
        <v>215</v>
      </c>
      <c r="AT11" s="195">
        <v>237</v>
      </c>
      <c r="AU11" s="190">
        <v>0</v>
      </c>
      <c r="AV11" s="191">
        <v>0</v>
      </c>
      <c r="AW11" s="196">
        <v>0</v>
      </c>
      <c r="AX11" s="193">
        <v>0</v>
      </c>
      <c r="AY11" s="191">
        <v>316</v>
      </c>
      <c r="AZ11" s="191">
        <v>348</v>
      </c>
      <c r="BA11" s="191">
        <v>225</v>
      </c>
      <c r="BB11" s="191">
        <v>175</v>
      </c>
      <c r="BC11" s="191">
        <v>72</v>
      </c>
      <c r="BD11" s="194">
        <v>1136</v>
      </c>
      <c r="BE11" s="195">
        <v>1136</v>
      </c>
      <c r="BF11" s="190">
        <v>0</v>
      </c>
      <c r="BG11" s="191">
        <v>0</v>
      </c>
      <c r="BH11" s="196">
        <v>0</v>
      </c>
      <c r="BI11" s="193">
        <v>0</v>
      </c>
      <c r="BJ11" s="191">
        <v>74</v>
      </c>
      <c r="BK11" s="191">
        <v>129</v>
      </c>
      <c r="BL11" s="191">
        <v>27</v>
      </c>
      <c r="BM11" s="191">
        <v>11</v>
      </c>
      <c r="BN11" s="191">
        <v>8</v>
      </c>
      <c r="BO11" s="196">
        <v>249</v>
      </c>
      <c r="BP11" s="195">
        <v>249</v>
      </c>
      <c r="BQ11" s="190">
        <v>0</v>
      </c>
      <c r="BR11" s="191">
        <v>10</v>
      </c>
      <c r="BS11" s="196">
        <v>10</v>
      </c>
      <c r="BT11" s="193">
        <v>0</v>
      </c>
      <c r="BU11" s="191">
        <v>18</v>
      </c>
      <c r="BV11" s="191">
        <v>64</v>
      </c>
      <c r="BW11" s="191">
        <v>207</v>
      </c>
      <c r="BX11" s="191">
        <v>6</v>
      </c>
      <c r="BY11" s="191">
        <v>4</v>
      </c>
      <c r="BZ11" s="196">
        <v>299</v>
      </c>
      <c r="CA11" s="195">
        <v>309</v>
      </c>
      <c r="CB11" s="190">
        <v>0</v>
      </c>
      <c r="CC11" s="191">
        <v>0</v>
      </c>
      <c r="CD11" s="196">
        <v>0</v>
      </c>
      <c r="CE11" s="193">
        <v>0</v>
      </c>
      <c r="CF11" s="191">
        <v>0</v>
      </c>
      <c r="CG11" s="191">
        <v>0</v>
      </c>
      <c r="CH11" s="191">
        <v>0</v>
      </c>
      <c r="CI11" s="191">
        <v>0</v>
      </c>
      <c r="CJ11" s="191">
        <v>0</v>
      </c>
      <c r="CK11" s="196">
        <v>0</v>
      </c>
      <c r="CL11" s="195">
        <v>0</v>
      </c>
      <c r="CM11" s="190">
        <v>0</v>
      </c>
      <c r="CN11" s="191">
        <v>0</v>
      </c>
      <c r="CO11" s="196">
        <v>0</v>
      </c>
      <c r="CP11" s="193">
        <v>0</v>
      </c>
      <c r="CQ11" s="191">
        <v>0</v>
      </c>
      <c r="CR11" s="191">
        <v>0</v>
      </c>
      <c r="CS11" s="191">
        <v>0</v>
      </c>
      <c r="CT11" s="191">
        <v>0</v>
      </c>
      <c r="CU11" s="191">
        <v>0</v>
      </c>
      <c r="CV11" s="196">
        <v>0</v>
      </c>
      <c r="CW11" s="195">
        <v>0</v>
      </c>
      <c r="CX11" s="190">
        <v>0</v>
      </c>
      <c r="CY11" s="191">
        <v>0</v>
      </c>
      <c r="CZ11" s="196">
        <v>0</v>
      </c>
      <c r="DA11" s="193">
        <v>0</v>
      </c>
      <c r="DB11" s="191">
        <v>0</v>
      </c>
      <c r="DC11" s="191">
        <v>0</v>
      </c>
      <c r="DD11" s="191">
        <v>0</v>
      </c>
      <c r="DE11" s="191">
        <v>0</v>
      </c>
      <c r="DF11" s="191">
        <v>0</v>
      </c>
      <c r="DG11" s="196">
        <v>0</v>
      </c>
      <c r="DH11" s="195">
        <v>0</v>
      </c>
    </row>
    <row r="12" spans="2:112" ht="21" customHeight="1" x14ac:dyDescent="0.2">
      <c r="B12" s="106" t="s">
        <v>9</v>
      </c>
      <c r="C12" s="190">
        <v>0</v>
      </c>
      <c r="D12" s="191">
        <v>0</v>
      </c>
      <c r="E12" s="192">
        <v>0</v>
      </c>
      <c r="F12" s="193">
        <v>0</v>
      </c>
      <c r="G12" s="191">
        <v>562</v>
      </c>
      <c r="H12" s="191">
        <v>588</v>
      </c>
      <c r="I12" s="191">
        <v>925</v>
      </c>
      <c r="J12" s="191">
        <v>1321</v>
      </c>
      <c r="K12" s="191">
        <v>944</v>
      </c>
      <c r="L12" s="194">
        <v>4340</v>
      </c>
      <c r="M12" s="195">
        <v>4340</v>
      </c>
      <c r="N12" s="190">
        <v>0</v>
      </c>
      <c r="O12" s="191">
        <v>0</v>
      </c>
      <c r="P12" s="196">
        <v>0</v>
      </c>
      <c r="Q12" s="193">
        <v>0</v>
      </c>
      <c r="R12" s="191">
        <v>1</v>
      </c>
      <c r="S12" s="191">
        <v>0</v>
      </c>
      <c r="T12" s="191">
        <v>1</v>
      </c>
      <c r="U12" s="191">
        <v>8</v>
      </c>
      <c r="V12" s="191">
        <v>57</v>
      </c>
      <c r="W12" s="196">
        <v>67</v>
      </c>
      <c r="X12" s="195">
        <v>67</v>
      </c>
      <c r="Y12" s="190">
        <v>62</v>
      </c>
      <c r="Z12" s="191">
        <v>65</v>
      </c>
      <c r="AA12" s="196">
        <v>127</v>
      </c>
      <c r="AB12" s="193">
        <v>0</v>
      </c>
      <c r="AC12" s="191">
        <v>426</v>
      </c>
      <c r="AD12" s="191">
        <v>171</v>
      </c>
      <c r="AE12" s="191">
        <v>321</v>
      </c>
      <c r="AF12" s="191">
        <v>161</v>
      </c>
      <c r="AG12" s="191">
        <v>264</v>
      </c>
      <c r="AH12" s="196">
        <v>1343</v>
      </c>
      <c r="AI12" s="195">
        <v>1470</v>
      </c>
      <c r="AJ12" s="190">
        <v>0</v>
      </c>
      <c r="AK12" s="191">
        <v>16</v>
      </c>
      <c r="AL12" s="196">
        <v>16</v>
      </c>
      <c r="AM12" s="193">
        <v>0</v>
      </c>
      <c r="AN12" s="191">
        <v>14</v>
      </c>
      <c r="AO12" s="191">
        <v>8</v>
      </c>
      <c r="AP12" s="191">
        <v>0</v>
      </c>
      <c r="AQ12" s="191">
        <v>29</v>
      </c>
      <c r="AR12" s="191">
        <v>48</v>
      </c>
      <c r="AS12" s="196">
        <v>99</v>
      </c>
      <c r="AT12" s="195">
        <v>115</v>
      </c>
      <c r="AU12" s="190">
        <v>0</v>
      </c>
      <c r="AV12" s="191">
        <v>0</v>
      </c>
      <c r="AW12" s="196">
        <v>0</v>
      </c>
      <c r="AX12" s="193">
        <v>0</v>
      </c>
      <c r="AY12" s="191">
        <v>362</v>
      </c>
      <c r="AZ12" s="191">
        <v>216</v>
      </c>
      <c r="BA12" s="191">
        <v>274</v>
      </c>
      <c r="BB12" s="191">
        <v>132</v>
      </c>
      <c r="BC12" s="191">
        <v>24</v>
      </c>
      <c r="BD12" s="194">
        <v>1008</v>
      </c>
      <c r="BE12" s="195">
        <v>1008</v>
      </c>
      <c r="BF12" s="190">
        <v>0</v>
      </c>
      <c r="BG12" s="191">
        <v>0</v>
      </c>
      <c r="BH12" s="196">
        <v>0</v>
      </c>
      <c r="BI12" s="193">
        <v>0</v>
      </c>
      <c r="BJ12" s="191">
        <v>111</v>
      </c>
      <c r="BK12" s="191">
        <v>119</v>
      </c>
      <c r="BL12" s="191">
        <v>102</v>
      </c>
      <c r="BM12" s="191">
        <v>80</v>
      </c>
      <c r="BN12" s="191">
        <v>0</v>
      </c>
      <c r="BO12" s="196">
        <v>412</v>
      </c>
      <c r="BP12" s="195">
        <v>412</v>
      </c>
      <c r="BQ12" s="190">
        <v>0</v>
      </c>
      <c r="BR12" s="191">
        <v>9</v>
      </c>
      <c r="BS12" s="196">
        <v>9</v>
      </c>
      <c r="BT12" s="193">
        <v>0</v>
      </c>
      <c r="BU12" s="191">
        <v>28</v>
      </c>
      <c r="BV12" s="191">
        <v>9</v>
      </c>
      <c r="BW12" s="191">
        <v>162</v>
      </c>
      <c r="BX12" s="191">
        <v>29</v>
      </c>
      <c r="BY12" s="191">
        <v>29</v>
      </c>
      <c r="BZ12" s="196">
        <v>257</v>
      </c>
      <c r="CA12" s="195">
        <v>266</v>
      </c>
      <c r="CB12" s="190">
        <v>0</v>
      </c>
      <c r="CC12" s="191">
        <v>0</v>
      </c>
      <c r="CD12" s="196">
        <v>0</v>
      </c>
      <c r="CE12" s="193">
        <v>0</v>
      </c>
      <c r="CF12" s="191">
        <v>0</v>
      </c>
      <c r="CG12" s="191">
        <v>21</v>
      </c>
      <c r="CH12" s="191">
        <v>14</v>
      </c>
      <c r="CI12" s="191">
        <v>0</v>
      </c>
      <c r="CJ12" s="191">
        <v>6</v>
      </c>
      <c r="CK12" s="196">
        <v>41</v>
      </c>
      <c r="CL12" s="195">
        <v>41</v>
      </c>
      <c r="CM12" s="190">
        <v>0</v>
      </c>
      <c r="CN12" s="191">
        <v>0</v>
      </c>
      <c r="CO12" s="196">
        <v>0</v>
      </c>
      <c r="CP12" s="193">
        <v>0</v>
      </c>
      <c r="CQ12" s="191">
        <v>0</v>
      </c>
      <c r="CR12" s="191">
        <v>0</v>
      </c>
      <c r="CS12" s="191">
        <v>0</v>
      </c>
      <c r="CT12" s="191">
        <v>0</v>
      </c>
      <c r="CU12" s="191">
        <v>0</v>
      </c>
      <c r="CV12" s="196">
        <v>0</v>
      </c>
      <c r="CW12" s="195">
        <v>0</v>
      </c>
      <c r="CX12" s="190">
        <v>0</v>
      </c>
      <c r="CY12" s="191">
        <v>0</v>
      </c>
      <c r="CZ12" s="196">
        <v>0</v>
      </c>
      <c r="DA12" s="193">
        <v>0</v>
      </c>
      <c r="DB12" s="191">
        <v>0</v>
      </c>
      <c r="DC12" s="191">
        <v>0</v>
      </c>
      <c r="DD12" s="191">
        <v>0</v>
      </c>
      <c r="DE12" s="191">
        <v>0</v>
      </c>
      <c r="DF12" s="191">
        <v>0</v>
      </c>
      <c r="DG12" s="196">
        <v>0</v>
      </c>
      <c r="DH12" s="195">
        <v>0</v>
      </c>
    </row>
    <row r="13" spans="2:112" ht="21" customHeight="1" x14ac:dyDescent="0.2">
      <c r="B13" s="106" t="s">
        <v>10</v>
      </c>
      <c r="C13" s="190">
        <v>0</v>
      </c>
      <c r="D13" s="191">
        <v>0</v>
      </c>
      <c r="E13" s="192">
        <v>0</v>
      </c>
      <c r="F13" s="193">
        <v>0</v>
      </c>
      <c r="G13" s="191">
        <v>1075</v>
      </c>
      <c r="H13" s="191">
        <v>939</v>
      </c>
      <c r="I13" s="191">
        <v>1209</v>
      </c>
      <c r="J13" s="191">
        <v>2811</v>
      </c>
      <c r="K13" s="191">
        <v>1224</v>
      </c>
      <c r="L13" s="194">
        <v>7258</v>
      </c>
      <c r="M13" s="195">
        <v>7258</v>
      </c>
      <c r="N13" s="190">
        <v>0</v>
      </c>
      <c r="O13" s="191">
        <v>0</v>
      </c>
      <c r="P13" s="196">
        <v>0</v>
      </c>
      <c r="Q13" s="193">
        <v>0</v>
      </c>
      <c r="R13" s="191">
        <v>8</v>
      </c>
      <c r="S13" s="191">
        <v>4</v>
      </c>
      <c r="T13" s="191">
        <v>13</v>
      </c>
      <c r="U13" s="191">
        <v>27</v>
      </c>
      <c r="V13" s="191">
        <v>43</v>
      </c>
      <c r="W13" s="196">
        <v>95</v>
      </c>
      <c r="X13" s="195">
        <v>95</v>
      </c>
      <c r="Y13" s="190">
        <v>109</v>
      </c>
      <c r="Z13" s="191">
        <v>107</v>
      </c>
      <c r="AA13" s="196">
        <v>216</v>
      </c>
      <c r="AB13" s="193">
        <v>0</v>
      </c>
      <c r="AC13" s="191">
        <v>623</v>
      </c>
      <c r="AD13" s="191">
        <v>300</v>
      </c>
      <c r="AE13" s="191">
        <v>173</v>
      </c>
      <c r="AF13" s="191">
        <v>238</v>
      </c>
      <c r="AG13" s="191">
        <v>167</v>
      </c>
      <c r="AH13" s="196">
        <v>1501</v>
      </c>
      <c r="AI13" s="195">
        <v>1717</v>
      </c>
      <c r="AJ13" s="190">
        <v>16</v>
      </c>
      <c r="AK13" s="191">
        <v>18</v>
      </c>
      <c r="AL13" s="196">
        <v>34</v>
      </c>
      <c r="AM13" s="193">
        <v>0</v>
      </c>
      <c r="AN13" s="191">
        <v>77</v>
      </c>
      <c r="AO13" s="191">
        <v>89</v>
      </c>
      <c r="AP13" s="191">
        <v>24</v>
      </c>
      <c r="AQ13" s="191">
        <v>24</v>
      </c>
      <c r="AR13" s="191">
        <v>64</v>
      </c>
      <c r="AS13" s="196">
        <v>278</v>
      </c>
      <c r="AT13" s="195">
        <v>312</v>
      </c>
      <c r="AU13" s="190">
        <v>0</v>
      </c>
      <c r="AV13" s="191">
        <v>0</v>
      </c>
      <c r="AW13" s="196">
        <v>0</v>
      </c>
      <c r="AX13" s="193">
        <v>0</v>
      </c>
      <c r="AY13" s="191">
        <v>1024</v>
      </c>
      <c r="AZ13" s="191">
        <v>542</v>
      </c>
      <c r="BA13" s="191">
        <v>212</v>
      </c>
      <c r="BB13" s="191">
        <v>139</v>
      </c>
      <c r="BC13" s="191">
        <v>91</v>
      </c>
      <c r="BD13" s="194">
        <v>2008</v>
      </c>
      <c r="BE13" s="195">
        <v>2008</v>
      </c>
      <c r="BF13" s="190">
        <v>0</v>
      </c>
      <c r="BG13" s="191">
        <v>0</v>
      </c>
      <c r="BH13" s="196">
        <v>0</v>
      </c>
      <c r="BI13" s="193">
        <v>0</v>
      </c>
      <c r="BJ13" s="191">
        <v>116</v>
      </c>
      <c r="BK13" s="191">
        <v>87</v>
      </c>
      <c r="BL13" s="191">
        <v>48</v>
      </c>
      <c r="BM13" s="191">
        <v>11</v>
      </c>
      <c r="BN13" s="191">
        <v>12</v>
      </c>
      <c r="BO13" s="196">
        <v>274</v>
      </c>
      <c r="BP13" s="195">
        <v>274</v>
      </c>
      <c r="BQ13" s="190">
        <v>0</v>
      </c>
      <c r="BR13" s="191">
        <v>8</v>
      </c>
      <c r="BS13" s="196">
        <v>8</v>
      </c>
      <c r="BT13" s="193">
        <v>0</v>
      </c>
      <c r="BU13" s="191">
        <v>114</v>
      </c>
      <c r="BV13" s="191">
        <v>109</v>
      </c>
      <c r="BW13" s="191">
        <v>101</v>
      </c>
      <c r="BX13" s="191">
        <v>175</v>
      </c>
      <c r="BY13" s="191">
        <v>45</v>
      </c>
      <c r="BZ13" s="196">
        <v>544</v>
      </c>
      <c r="CA13" s="195">
        <v>552</v>
      </c>
      <c r="CB13" s="190">
        <v>0</v>
      </c>
      <c r="CC13" s="191">
        <v>7</v>
      </c>
      <c r="CD13" s="196">
        <v>7</v>
      </c>
      <c r="CE13" s="193">
        <v>0</v>
      </c>
      <c r="CF13" s="191">
        <v>15</v>
      </c>
      <c r="CG13" s="191">
        <v>4</v>
      </c>
      <c r="CH13" s="191">
        <v>23</v>
      </c>
      <c r="CI13" s="191">
        <v>0</v>
      </c>
      <c r="CJ13" s="191">
        <v>7</v>
      </c>
      <c r="CK13" s="196">
        <v>49</v>
      </c>
      <c r="CL13" s="195">
        <v>56</v>
      </c>
      <c r="CM13" s="190">
        <v>0</v>
      </c>
      <c r="CN13" s="191">
        <v>0</v>
      </c>
      <c r="CO13" s="196">
        <v>0</v>
      </c>
      <c r="CP13" s="193">
        <v>0</v>
      </c>
      <c r="CQ13" s="191">
        <v>0</v>
      </c>
      <c r="CR13" s="191">
        <v>0</v>
      </c>
      <c r="CS13" s="191">
        <v>0</v>
      </c>
      <c r="CT13" s="191">
        <v>0</v>
      </c>
      <c r="CU13" s="191">
        <v>0</v>
      </c>
      <c r="CV13" s="196">
        <v>0</v>
      </c>
      <c r="CW13" s="195">
        <v>0</v>
      </c>
      <c r="CX13" s="190">
        <v>0</v>
      </c>
      <c r="CY13" s="191">
        <v>0</v>
      </c>
      <c r="CZ13" s="196">
        <v>0</v>
      </c>
      <c r="DA13" s="193">
        <v>0</v>
      </c>
      <c r="DB13" s="191">
        <v>0</v>
      </c>
      <c r="DC13" s="191">
        <v>0</v>
      </c>
      <c r="DD13" s="191">
        <v>0</v>
      </c>
      <c r="DE13" s="191">
        <v>0</v>
      </c>
      <c r="DF13" s="191">
        <v>0</v>
      </c>
      <c r="DG13" s="196">
        <v>0</v>
      </c>
      <c r="DH13" s="195">
        <v>0</v>
      </c>
    </row>
    <row r="14" spans="2:112" ht="21" customHeight="1" x14ac:dyDescent="0.2">
      <c r="B14" s="106" t="s">
        <v>11</v>
      </c>
      <c r="C14" s="190">
        <v>0</v>
      </c>
      <c r="D14" s="191">
        <v>0</v>
      </c>
      <c r="E14" s="192">
        <v>0</v>
      </c>
      <c r="F14" s="193">
        <v>0</v>
      </c>
      <c r="G14" s="191">
        <v>363</v>
      </c>
      <c r="H14" s="191">
        <v>187</v>
      </c>
      <c r="I14" s="191">
        <v>517</v>
      </c>
      <c r="J14" s="191">
        <v>701</v>
      </c>
      <c r="K14" s="191">
        <v>164</v>
      </c>
      <c r="L14" s="194">
        <v>1932</v>
      </c>
      <c r="M14" s="195">
        <v>1932</v>
      </c>
      <c r="N14" s="190">
        <v>0</v>
      </c>
      <c r="O14" s="191">
        <v>0</v>
      </c>
      <c r="P14" s="196">
        <v>0</v>
      </c>
      <c r="Q14" s="193">
        <v>0</v>
      </c>
      <c r="R14" s="191">
        <v>0</v>
      </c>
      <c r="S14" s="191">
        <v>8</v>
      </c>
      <c r="T14" s="191">
        <v>0</v>
      </c>
      <c r="U14" s="191">
        <v>19</v>
      </c>
      <c r="V14" s="191">
        <v>18</v>
      </c>
      <c r="W14" s="196">
        <v>45</v>
      </c>
      <c r="X14" s="195">
        <v>45</v>
      </c>
      <c r="Y14" s="190">
        <v>31</v>
      </c>
      <c r="Z14" s="191">
        <v>22</v>
      </c>
      <c r="AA14" s="196">
        <v>53</v>
      </c>
      <c r="AB14" s="193">
        <v>0</v>
      </c>
      <c r="AC14" s="191">
        <v>157</v>
      </c>
      <c r="AD14" s="191">
        <v>210</v>
      </c>
      <c r="AE14" s="191">
        <v>124</v>
      </c>
      <c r="AF14" s="191">
        <v>94</v>
      </c>
      <c r="AG14" s="191">
        <v>85</v>
      </c>
      <c r="AH14" s="196">
        <v>670</v>
      </c>
      <c r="AI14" s="195">
        <v>723</v>
      </c>
      <c r="AJ14" s="190">
        <v>0</v>
      </c>
      <c r="AK14" s="191">
        <v>12</v>
      </c>
      <c r="AL14" s="196">
        <v>12</v>
      </c>
      <c r="AM14" s="193">
        <v>0</v>
      </c>
      <c r="AN14" s="191">
        <v>14</v>
      </c>
      <c r="AO14" s="191">
        <v>12</v>
      </c>
      <c r="AP14" s="191">
        <v>44</v>
      </c>
      <c r="AQ14" s="191">
        <v>6</v>
      </c>
      <c r="AR14" s="191">
        <v>24</v>
      </c>
      <c r="AS14" s="196">
        <v>100</v>
      </c>
      <c r="AT14" s="195">
        <v>112</v>
      </c>
      <c r="AU14" s="190">
        <v>0</v>
      </c>
      <c r="AV14" s="191">
        <v>0</v>
      </c>
      <c r="AW14" s="196">
        <v>0</v>
      </c>
      <c r="AX14" s="193">
        <v>0</v>
      </c>
      <c r="AY14" s="191">
        <v>299</v>
      </c>
      <c r="AZ14" s="191">
        <v>323</v>
      </c>
      <c r="BA14" s="191">
        <v>173</v>
      </c>
      <c r="BB14" s="191">
        <v>48</v>
      </c>
      <c r="BC14" s="191">
        <v>21</v>
      </c>
      <c r="BD14" s="194">
        <v>864</v>
      </c>
      <c r="BE14" s="195">
        <v>864</v>
      </c>
      <c r="BF14" s="190">
        <v>0</v>
      </c>
      <c r="BG14" s="191">
        <v>0</v>
      </c>
      <c r="BH14" s="196">
        <v>0</v>
      </c>
      <c r="BI14" s="193">
        <v>0</v>
      </c>
      <c r="BJ14" s="191">
        <v>156</v>
      </c>
      <c r="BK14" s="191">
        <v>79</v>
      </c>
      <c r="BL14" s="191">
        <v>29</v>
      </c>
      <c r="BM14" s="191">
        <v>28</v>
      </c>
      <c r="BN14" s="191">
        <v>8</v>
      </c>
      <c r="BO14" s="196">
        <v>300</v>
      </c>
      <c r="BP14" s="195">
        <v>300</v>
      </c>
      <c r="BQ14" s="190">
        <v>0</v>
      </c>
      <c r="BR14" s="191">
        <v>3</v>
      </c>
      <c r="BS14" s="196">
        <v>3</v>
      </c>
      <c r="BT14" s="193">
        <v>0</v>
      </c>
      <c r="BU14" s="191">
        <v>21</v>
      </c>
      <c r="BV14" s="191">
        <v>65</v>
      </c>
      <c r="BW14" s="191">
        <v>35</v>
      </c>
      <c r="BX14" s="191">
        <v>60</v>
      </c>
      <c r="BY14" s="191">
        <v>0</v>
      </c>
      <c r="BZ14" s="196">
        <v>181</v>
      </c>
      <c r="CA14" s="195">
        <v>184</v>
      </c>
      <c r="CB14" s="190">
        <v>0</v>
      </c>
      <c r="CC14" s="191">
        <v>0</v>
      </c>
      <c r="CD14" s="196">
        <v>0</v>
      </c>
      <c r="CE14" s="193">
        <v>0</v>
      </c>
      <c r="CF14" s="191">
        <v>12</v>
      </c>
      <c r="CG14" s="191">
        <v>0</v>
      </c>
      <c r="CH14" s="191">
        <v>0</v>
      </c>
      <c r="CI14" s="191">
        <v>8</v>
      </c>
      <c r="CJ14" s="191">
        <v>0</v>
      </c>
      <c r="CK14" s="196">
        <v>20</v>
      </c>
      <c r="CL14" s="195">
        <v>20</v>
      </c>
      <c r="CM14" s="190">
        <v>0</v>
      </c>
      <c r="CN14" s="191">
        <v>0</v>
      </c>
      <c r="CO14" s="196">
        <v>0</v>
      </c>
      <c r="CP14" s="193">
        <v>0</v>
      </c>
      <c r="CQ14" s="191">
        <v>0</v>
      </c>
      <c r="CR14" s="191">
        <v>0</v>
      </c>
      <c r="CS14" s="191">
        <v>0</v>
      </c>
      <c r="CT14" s="191">
        <v>0</v>
      </c>
      <c r="CU14" s="191">
        <v>0</v>
      </c>
      <c r="CV14" s="196">
        <v>0</v>
      </c>
      <c r="CW14" s="195">
        <v>0</v>
      </c>
      <c r="CX14" s="190">
        <v>0</v>
      </c>
      <c r="CY14" s="191">
        <v>0</v>
      </c>
      <c r="CZ14" s="196">
        <v>0</v>
      </c>
      <c r="DA14" s="193">
        <v>0</v>
      </c>
      <c r="DB14" s="191">
        <v>0</v>
      </c>
      <c r="DC14" s="191">
        <v>0</v>
      </c>
      <c r="DD14" s="191">
        <v>0</v>
      </c>
      <c r="DE14" s="191">
        <v>0</v>
      </c>
      <c r="DF14" s="191">
        <v>0</v>
      </c>
      <c r="DG14" s="196">
        <v>0</v>
      </c>
      <c r="DH14" s="195">
        <v>0</v>
      </c>
    </row>
    <row r="15" spans="2:112" ht="21" customHeight="1" x14ac:dyDescent="0.2">
      <c r="B15" s="106" t="s">
        <v>12</v>
      </c>
      <c r="C15" s="190">
        <v>0</v>
      </c>
      <c r="D15" s="191">
        <v>0</v>
      </c>
      <c r="E15" s="192">
        <v>0</v>
      </c>
      <c r="F15" s="193">
        <v>0</v>
      </c>
      <c r="G15" s="191">
        <v>388</v>
      </c>
      <c r="H15" s="191">
        <v>1047</v>
      </c>
      <c r="I15" s="191">
        <v>521</v>
      </c>
      <c r="J15" s="191">
        <v>1260</v>
      </c>
      <c r="K15" s="191">
        <v>542</v>
      </c>
      <c r="L15" s="194">
        <v>3758</v>
      </c>
      <c r="M15" s="195">
        <v>3758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0</v>
      </c>
      <c r="T15" s="191">
        <v>15</v>
      </c>
      <c r="U15" s="191">
        <v>5</v>
      </c>
      <c r="V15" s="191">
        <v>17</v>
      </c>
      <c r="W15" s="196">
        <v>37</v>
      </c>
      <c r="X15" s="195">
        <v>37</v>
      </c>
      <c r="Y15" s="190">
        <v>66</v>
      </c>
      <c r="Z15" s="191">
        <v>173</v>
      </c>
      <c r="AA15" s="196">
        <v>239</v>
      </c>
      <c r="AB15" s="193">
        <v>0</v>
      </c>
      <c r="AC15" s="191">
        <v>135</v>
      </c>
      <c r="AD15" s="191">
        <v>365</v>
      </c>
      <c r="AE15" s="191">
        <v>190</v>
      </c>
      <c r="AF15" s="191">
        <v>105</v>
      </c>
      <c r="AG15" s="191">
        <v>72</v>
      </c>
      <c r="AH15" s="196">
        <v>867</v>
      </c>
      <c r="AI15" s="195">
        <v>1106</v>
      </c>
      <c r="AJ15" s="190">
        <v>0</v>
      </c>
      <c r="AK15" s="191">
        <v>22</v>
      </c>
      <c r="AL15" s="196">
        <v>22</v>
      </c>
      <c r="AM15" s="193">
        <v>0</v>
      </c>
      <c r="AN15" s="191">
        <v>10</v>
      </c>
      <c r="AO15" s="191">
        <v>52</v>
      </c>
      <c r="AP15" s="191">
        <v>10</v>
      </c>
      <c r="AQ15" s="191">
        <v>21</v>
      </c>
      <c r="AR15" s="191">
        <v>0</v>
      </c>
      <c r="AS15" s="196">
        <v>93</v>
      </c>
      <c r="AT15" s="195">
        <v>115</v>
      </c>
      <c r="AU15" s="190">
        <v>0</v>
      </c>
      <c r="AV15" s="191">
        <v>0</v>
      </c>
      <c r="AW15" s="196">
        <v>0</v>
      </c>
      <c r="AX15" s="193">
        <v>0</v>
      </c>
      <c r="AY15" s="191">
        <v>398</v>
      </c>
      <c r="AZ15" s="191">
        <v>369</v>
      </c>
      <c r="BA15" s="191">
        <v>299</v>
      </c>
      <c r="BB15" s="191">
        <v>79</v>
      </c>
      <c r="BC15" s="191">
        <v>13</v>
      </c>
      <c r="BD15" s="194">
        <v>1158</v>
      </c>
      <c r="BE15" s="195">
        <v>1158</v>
      </c>
      <c r="BF15" s="190">
        <v>0</v>
      </c>
      <c r="BG15" s="191">
        <v>0</v>
      </c>
      <c r="BH15" s="196">
        <v>0</v>
      </c>
      <c r="BI15" s="193">
        <v>0</v>
      </c>
      <c r="BJ15" s="191">
        <v>62</v>
      </c>
      <c r="BK15" s="191">
        <v>157</v>
      </c>
      <c r="BL15" s="191">
        <v>96</v>
      </c>
      <c r="BM15" s="191">
        <v>27</v>
      </c>
      <c r="BN15" s="191">
        <v>3</v>
      </c>
      <c r="BO15" s="196">
        <v>345</v>
      </c>
      <c r="BP15" s="195">
        <v>345</v>
      </c>
      <c r="BQ15" s="190">
        <v>0</v>
      </c>
      <c r="BR15" s="191">
        <v>9</v>
      </c>
      <c r="BS15" s="196">
        <v>9</v>
      </c>
      <c r="BT15" s="193">
        <v>0</v>
      </c>
      <c r="BU15" s="191">
        <v>33</v>
      </c>
      <c r="BV15" s="191">
        <v>63</v>
      </c>
      <c r="BW15" s="191">
        <v>67</v>
      </c>
      <c r="BX15" s="191">
        <v>103</v>
      </c>
      <c r="BY15" s="191">
        <v>80</v>
      </c>
      <c r="BZ15" s="196">
        <v>346</v>
      </c>
      <c r="CA15" s="195">
        <v>355</v>
      </c>
      <c r="CB15" s="190">
        <v>0</v>
      </c>
      <c r="CC15" s="191">
        <v>0</v>
      </c>
      <c r="CD15" s="196">
        <v>0</v>
      </c>
      <c r="CE15" s="193">
        <v>0</v>
      </c>
      <c r="CF15" s="191">
        <v>0</v>
      </c>
      <c r="CG15" s="191">
        <v>0</v>
      </c>
      <c r="CH15" s="191">
        <v>3</v>
      </c>
      <c r="CI15" s="191">
        <v>8</v>
      </c>
      <c r="CJ15" s="191">
        <v>0</v>
      </c>
      <c r="CK15" s="196">
        <v>11</v>
      </c>
      <c r="CL15" s="195">
        <v>11</v>
      </c>
      <c r="CM15" s="190">
        <v>0</v>
      </c>
      <c r="CN15" s="191">
        <v>0</v>
      </c>
      <c r="CO15" s="196">
        <v>0</v>
      </c>
      <c r="CP15" s="193">
        <v>0</v>
      </c>
      <c r="CQ15" s="191">
        <v>0</v>
      </c>
      <c r="CR15" s="191">
        <v>0</v>
      </c>
      <c r="CS15" s="191">
        <v>0</v>
      </c>
      <c r="CT15" s="191">
        <v>0</v>
      </c>
      <c r="CU15" s="191">
        <v>0</v>
      </c>
      <c r="CV15" s="196">
        <v>0</v>
      </c>
      <c r="CW15" s="195">
        <v>0</v>
      </c>
      <c r="CX15" s="190">
        <v>0</v>
      </c>
      <c r="CY15" s="191">
        <v>0</v>
      </c>
      <c r="CZ15" s="196">
        <v>0</v>
      </c>
      <c r="DA15" s="193">
        <v>0</v>
      </c>
      <c r="DB15" s="191">
        <v>0</v>
      </c>
      <c r="DC15" s="191">
        <v>0</v>
      </c>
      <c r="DD15" s="191">
        <v>0</v>
      </c>
      <c r="DE15" s="191">
        <v>0</v>
      </c>
      <c r="DF15" s="191">
        <v>0</v>
      </c>
      <c r="DG15" s="196">
        <v>0</v>
      </c>
      <c r="DH15" s="195">
        <v>0</v>
      </c>
    </row>
    <row r="16" spans="2:112" ht="21" customHeight="1" x14ac:dyDescent="0.2">
      <c r="B16" s="106" t="s">
        <v>13</v>
      </c>
      <c r="C16" s="190">
        <v>0</v>
      </c>
      <c r="D16" s="191">
        <v>0</v>
      </c>
      <c r="E16" s="192">
        <v>0</v>
      </c>
      <c r="F16" s="193">
        <v>0</v>
      </c>
      <c r="G16" s="191">
        <v>127</v>
      </c>
      <c r="H16" s="191">
        <v>171</v>
      </c>
      <c r="I16" s="191">
        <v>434</v>
      </c>
      <c r="J16" s="191">
        <v>648</v>
      </c>
      <c r="K16" s="191">
        <v>404</v>
      </c>
      <c r="L16" s="194">
        <v>1784</v>
      </c>
      <c r="M16" s="195">
        <v>1784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0</v>
      </c>
      <c r="T16" s="191">
        <v>5</v>
      </c>
      <c r="U16" s="191">
        <v>10</v>
      </c>
      <c r="V16" s="191">
        <v>13</v>
      </c>
      <c r="W16" s="196">
        <v>28</v>
      </c>
      <c r="X16" s="195">
        <v>28</v>
      </c>
      <c r="Y16" s="190">
        <v>4</v>
      </c>
      <c r="Z16" s="191">
        <v>8</v>
      </c>
      <c r="AA16" s="196">
        <v>12</v>
      </c>
      <c r="AB16" s="193">
        <v>0</v>
      </c>
      <c r="AC16" s="191">
        <v>167</v>
      </c>
      <c r="AD16" s="191">
        <v>151</v>
      </c>
      <c r="AE16" s="191">
        <v>115</v>
      </c>
      <c r="AF16" s="191">
        <v>49</v>
      </c>
      <c r="AG16" s="191">
        <v>132</v>
      </c>
      <c r="AH16" s="196">
        <v>614</v>
      </c>
      <c r="AI16" s="195">
        <v>626</v>
      </c>
      <c r="AJ16" s="190">
        <v>0</v>
      </c>
      <c r="AK16" s="191">
        <v>0</v>
      </c>
      <c r="AL16" s="196">
        <v>0</v>
      </c>
      <c r="AM16" s="193">
        <v>0</v>
      </c>
      <c r="AN16" s="191">
        <v>12</v>
      </c>
      <c r="AO16" s="191">
        <v>8</v>
      </c>
      <c r="AP16" s="191">
        <v>16</v>
      </c>
      <c r="AQ16" s="191">
        <v>0</v>
      </c>
      <c r="AR16" s="191">
        <v>0</v>
      </c>
      <c r="AS16" s="196">
        <v>36</v>
      </c>
      <c r="AT16" s="195">
        <v>36</v>
      </c>
      <c r="AU16" s="190">
        <v>0</v>
      </c>
      <c r="AV16" s="191">
        <v>0</v>
      </c>
      <c r="AW16" s="196">
        <v>0</v>
      </c>
      <c r="AX16" s="193">
        <v>0</v>
      </c>
      <c r="AY16" s="191">
        <v>142</v>
      </c>
      <c r="AZ16" s="191">
        <v>116</v>
      </c>
      <c r="BA16" s="191">
        <v>66</v>
      </c>
      <c r="BB16" s="191">
        <v>25</v>
      </c>
      <c r="BC16" s="191">
        <v>5</v>
      </c>
      <c r="BD16" s="194">
        <v>354</v>
      </c>
      <c r="BE16" s="195">
        <v>354</v>
      </c>
      <c r="BF16" s="190">
        <v>0</v>
      </c>
      <c r="BG16" s="191">
        <v>0</v>
      </c>
      <c r="BH16" s="196">
        <v>0</v>
      </c>
      <c r="BI16" s="193">
        <v>0</v>
      </c>
      <c r="BJ16" s="191">
        <v>20</v>
      </c>
      <c r="BK16" s="191">
        <v>3</v>
      </c>
      <c r="BL16" s="191">
        <v>0</v>
      </c>
      <c r="BM16" s="191">
        <v>7</v>
      </c>
      <c r="BN16" s="191">
        <v>12</v>
      </c>
      <c r="BO16" s="196">
        <v>42</v>
      </c>
      <c r="BP16" s="195">
        <v>42</v>
      </c>
      <c r="BQ16" s="190">
        <v>0</v>
      </c>
      <c r="BR16" s="191">
        <v>0</v>
      </c>
      <c r="BS16" s="196">
        <v>0</v>
      </c>
      <c r="BT16" s="193">
        <v>0</v>
      </c>
      <c r="BU16" s="191">
        <v>21</v>
      </c>
      <c r="BV16" s="191">
        <v>25</v>
      </c>
      <c r="BW16" s="191">
        <v>30</v>
      </c>
      <c r="BX16" s="191">
        <v>7</v>
      </c>
      <c r="BY16" s="191">
        <v>0</v>
      </c>
      <c r="BZ16" s="196">
        <v>83</v>
      </c>
      <c r="CA16" s="195">
        <v>83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0</v>
      </c>
      <c r="CH16" s="191">
        <v>0</v>
      </c>
      <c r="CI16" s="191">
        <v>0</v>
      </c>
      <c r="CJ16" s="191">
        <v>0</v>
      </c>
      <c r="CK16" s="196">
        <v>0</v>
      </c>
      <c r="CL16" s="195">
        <v>0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  <c r="CX16" s="190">
        <v>0</v>
      </c>
      <c r="CY16" s="191">
        <v>0</v>
      </c>
      <c r="CZ16" s="196">
        <v>0</v>
      </c>
      <c r="DA16" s="193">
        <v>0</v>
      </c>
      <c r="DB16" s="191">
        <v>0</v>
      </c>
      <c r="DC16" s="191">
        <v>0</v>
      </c>
      <c r="DD16" s="191">
        <v>0</v>
      </c>
      <c r="DE16" s="191">
        <v>0</v>
      </c>
      <c r="DF16" s="191">
        <v>0</v>
      </c>
      <c r="DG16" s="196">
        <v>0</v>
      </c>
      <c r="DH16" s="195">
        <v>0</v>
      </c>
    </row>
    <row r="17" spans="2:112" ht="21" customHeight="1" x14ac:dyDescent="0.2">
      <c r="B17" s="106" t="s">
        <v>15</v>
      </c>
      <c r="C17" s="190">
        <v>0</v>
      </c>
      <c r="D17" s="191">
        <v>0</v>
      </c>
      <c r="E17" s="192">
        <v>0</v>
      </c>
      <c r="F17" s="193">
        <v>0</v>
      </c>
      <c r="G17" s="191">
        <v>41</v>
      </c>
      <c r="H17" s="191">
        <v>178</v>
      </c>
      <c r="I17" s="191">
        <v>10</v>
      </c>
      <c r="J17" s="191">
        <v>289</v>
      </c>
      <c r="K17" s="191">
        <v>44</v>
      </c>
      <c r="L17" s="194">
        <v>562</v>
      </c>
      <c r="M17" s="195">
        <v>562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6</v>
      </c>
      <c r="V17" s="191">
        <v>13</v>
      </c>
      <c r="W17" s="196">
        <v>19</v>
      </c>
      <c r="X17" s="195">
        <v>19</v>
      </c>
      <c r="Y17" s="190">
        <v>0</v>
      </c>
      <c r="Z17" s="191">
        <v>15</v>
      </c>
      <c r="AA17" s="196">
        <v>15</v>
      </c>
      <c r="AB17" s="193">
        <v>0</v>
      </c>
      <c r="AC17" s="191">
        <v>31</v>
      </c>
      <c r="AD17" s="191">
        <v>41</v>
      </c>
      <c r="AE17" s="191">
        <v>4</v>
      </c>
      <c r="AF17" s="191">
        <v>14</v>
      </c>
      <c r="AG17" s="191">
        <v>17</v>
      </c>
      <c r="AH17" s="196">
        <v>107</v>
      </c>
      <c r="AI17" s="195">
        <v>122</v>
      </c>
      <c r="AJ17" s="190">
        <v>0</v>
      </c>
      <c r="AK17" s="191">
        <v>0</v>
      </c>
      <c r="AL17" s="196">
        <v>0</v>
      </c>
      <c r="AM17" s="193">
        <v>0</v>
      </c>
      <c r="AN17" s="191">
        <v>28</v>
      </c>
      <c r="AO17" s="191">
        <v>9</v>
      </c>
      <c r="AP17" s="191">
        <v>0</v>
      </c>
      <c r="AQ17" s="191">
        <v>0</v>
      </c>
      <c r="AR17" s="191">
        <v>0</v>
      </c>
      <c r="AS17" s="196">
        <v>37</v>
      </c>
      <c r="AT17" s="195">
        <v>37</v>
      </c>
      <c r="AU17" s="190">
        <v>0</v>
      </c>
      <c r="AV17" s="191">
        <v>0</v>
      </c>
      <c r="AW17" s="196">
        <v>0</v>
      </c>
      <c r="AX17" s="193">
        <v>0</v>
      </c>
      <c r="AY17" s="191">
        <v>62</v>
      </c>
      <c r="AZ17" s="191">
        <v>51</v>
      </c>
      <c r="BA17" s="191">
        <v>12</v>
      </c>
      <c r="BB17" s="191">
        <v>28</v>
      </c>
      <c r="BC17" s="191">
        <v>0</v>
      </c>
      <c r="BD17" s="194">
        <v>153</v>
      </c>
      <c r="BE17" s="195">
        <v>153</v>
      </c>
      <c r="BF17" s="190">
        <v>0</v>
      </c>
      <c r="BG17" s="191">
        <v>0</v>
      </c>
      <c r="BH17" s="196">
        <v>0</v>
      </c>
      <c r="BI17" s="193">
        <v>0</v>
      </c>
      <c r="BJ17" s="191">
        <v>15</v>
      </c>
      <c r="BK17" s="191">
        <v>4</v>
      </c>
      <c r="BL17" s="191">
        <v>53</v>
      </c>
      <c r="BM17" s="191">
        <v>8</v>
      </c>
      <c r="BN17" s="191">
        <v>0</v>
      </c>
      <c r="BO17" s="196">
        <v>80</v>
      </c>
      <c r="BP17" s="195">
        <v>80</v>
      </c>
      <c r="BQ17" s="190">
        <v>0</v>
      </c>
      <c r="BR17" s="191">
        <v>0</v>
      </c>
      <c r="BS17" s="196">
        <v>0</v>
      </c>
      <c r="BT17" s="193">
        <v>0</v>
      </c>
      <c r="BU17" s="191">
        <v>0</v>
      </c>
      <c r="BV17" s="191">
        <v>55</v>
      </c>
      <c r="BW17" s="191">
        <v>3</v>
      </c>
      <c r="BX17" s="191">
        <v>21</v>
      </c>
      <c r="BY17" s="191">
        <v>30</v>
      </c>
      <c r="BZ17" s="196">
        <v>109</v>
      </c>
      <c r="CA17" s="195">
        <v>109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0</v>
      </c>
      <c r="CH17" s="191">
        <v>0</v>
      </c>
      <c r="CI17" s="191">
        <v>0</v>
      </c>
      <c r="CJ17" s="191">
        <v>0</v>
      </c>
      <c r="CK17" s="196">
        <v>0</v>
      </c>
      <c r="CL17" s="195">
        <v>0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0</v>
      </c>
      <c r="CS17" s="191">
        <v>0</v>
      </c>
      <c r="CT17" s="191">
        <v>0</v>
      </c>
      <c r="CU17" s="191">
        <v>0</v>
      </c>
      <c r="CV17" s="196">
        <v>0</v>
      </c>
      <c r="CW17" s="195">
        <v>0</v>
      </c>
      <c r="CX17" s="190">
        <v>0</v>
      </c>
      <c r="CY17" s="191">
        <v>0</v>
      </c>
      <c r="CZ17" s="196">
        <v>0</v>
      </c>
      <c r="DA17" s="193">
        <v>0</v>
      </c>
      <c r="DB17" s="191">
        <v>0</v>
      </c>
      <c r="DC17" s="191">
        <v>0</v>
      </c>
      <c r="DD17" s="191">
        <v>0</v>
      </c>
      <c r="DE17" s="191">
        <v>0</v>
      </c>
      <c r="DF17" s="191">
        <v>0</v>
      </c>
      <c r="DG17" s="196">
        <v>0</v>
      </c>
      <c r="DH17" s="195">
        <v>0</v>
      </c>
    </row>
    <row r="18" spans="2:112" ht="21" customHeight="1" x14ac:dyDescent="0.2">
      <c r="B18" s="106" t="s">
        <v>16</v>
      </c>
      <c r="C18" s="190">
        <v>0</v>
      </c>
      <c r="D18" s="191">
        <v>0</v>
      </c>
      <c r="E18" s="192">
        <v>0</v>
      </c>
      <c r="F18" s="193">
        <v>0</v>
      </c>
      <c r="G18" s="191">
        <v>106</v>
      </c>
      <c r="H18" s="191">
        <v>176</v>
      </c>
      <c r="I18" s="191">
        <v>436</v>
      </c>
      <c r="J18" s="191">
        <v>90</v>
      </c>
      <c r="K18" s="191">
        <v>109</v>
      </c>
      <c r="L18" s="194">
        <v>917</v>
      </c>
      <c r="M18" s="195">
        <v>917</v>
      </c>
      <c r="N18" s="190">
        <v>0</v>
      </c>
      <c r="O18" s="191">
        <v>0</v>
      </c>
      <c r="P18" s="196">
        <v>0</v>
      </c>
      <c r="Q18" s="193">
        <v>0</v>
      </c>
      <c r="R18" s="191">
        <v>2</v>
      </c>
      <c r="S18" s="191">
        <v>0</v>
      </c>
      <c r="T18" s="191">
        <v>4</v>
      </c>
      <c r="U18" s="191">
        <v>0</v>
      </c>
      <c r="V18" s="191">
        <v>25</v>
      </c>
      <c r="W18" s="196">
        <v>31</v>
      </c>
      <c r="X18" s="195">
        <v>31</v>
      </c>
      <c r="Y18" s="190">
        <v>25</v>
      </c>
      <c r="Z18" s="191">
        <v>21</v>
      </c>
      <c r="AA18" s="196">
        <v>46</v>
      </c>
      <c r="AB18" s="193">
        <v>0</v>
      </c>
      <c r="AC18" s="191">
        <v>76</v>
      </c>
      <c r="AD18" s="191">
        <v>180</v>
      </c>
      <c r="AE18" s="191">
        <v>60</v>
      </c>
      <c r="AF18" s="191">
        <v>69</v>
      </c>
      <c r="AG18" s="191">
        <v>42</v>
      </c>
      <c r="AH18" s="196">
        <v>427</v>
      </c>
      <c r="AI18" s="195">
        <v>473</v>
      </c>
      <c r="AJ18" s="190">
        <v>0</v>
      </c>
      <c r="AK18" s="191">
        <v>12</v>
      </c>
      <c r="AL18" s="196">
        <v>12</v>
      </c>
      <c r="AM18" s="193">
        <v>0</v>
      </c>
      <c r="AN18" s="191">
        <v>9</v>
      </c>
      <c r="AO18" s="191">
        <v>21</v>
      </c>
      <c r="AP18" s="191">
        <v>0</v>
      </c>
      <c r="AQ18" s="191">
        <v>0</v>
      </c>
      <c r="AR18" s="191">
        <v>22</v>
      </c>
      <c r="AS18" s="196">
        <v>52</v>
      </c>
      <c r="AT18" s="195">
        <v>64</v>
      </c>
      <c r="AU18" s="190">
        <v>0</v>
      </c>
      <c r="AV18" s="191">
        <v>0</v>
      </c>
      <c r="AW18" s="196">
        <v>0</v>
      </c>
      <c r="AX18" s="193">
        <v>0</v>
      </c>
      <c r="AY18" s="191">
        <v>135</v>
      </c>
      <c r="AZ18" s="191">
        <v>169</v>
      </c>
      <c r="BA18" s="191">
        <v>57</v>
      </c>
      <c r="BB18" s="191">
        <v>52</v>
      </c>
      <c r="BC18" s="191">
        <v>10</v>
      </c>
      <c r="BD18" s="194">
        <v>423</v>
      </c>
      <c r="BE18" s="195">
        <v>423</v>
      </c>
      <c r="BF18" s="190">
        <v>0</v>
      </c>
      <c r="BG18" s="191">
        <v>0</v>
      </c>
      <c r="BH18" s="196">
        <v>0</v>
      </c>
      <c r="BI18" s="193">
        <v>0</v>
      </c>
      <c r="BJ18" s="191">
        <v>64</v>
      </c>
      <c r="BK18" s="191">
        <v>148</v>
      </c>
      <c r="BL18" s="191">
        <v>48</v>
      </c>
      <c r="BM18" s="191">
        <v>11</v>
      </c>
      <c r="BN18" s="191">
        <v>6</v>
      </c>
      <c r="BO18" s="196">
        <v>277</v>
      </c>
      <c r="BP18" s="195">
        <v>277</v>
      </c>
      <c r="BQ18" s="190">
        <v>0</v>
      </c>
      <c r="BR18" s="191">
        <v>0</v>
      </c>
      <c r="BS18" s="196">
        <v>0</v>
      </c>
      <c r="BT18" s="193">
        <v>0</v>
      </c>
      <c r="BU18" s="191">
        <v>0</v>
      </c>
      <c r="BV18" s="191">
        <v>5</v>
      </c>
      <c r="BW18" s="191">
        <v>46</v>
      </c>
      <c r="BX18" s="191">
        <v>4</v>
      </c>
      <c r="BY18" s="191">
        <v>2</v>
      </c>
      <c r="BZ18" s="196">
        <v>57</v>
      </c>
      <c r="CA18" s="195">
        <v>57</v>
      </c>
      <c r="CB18" s="190">
        <v>0</v>
      </c>
      <c r="CC18" s="191">
        <v>0</v>
      </c>
      <c r="CD18" s="196">
        <v>0</v>
      </c>
      <c r="CE18" s="193">
        <v>0</v>
      </c>
      <c r="CF18" s="191">
        <v>8</v>
      </c>
      <c r="CG18" s="191">
        <v>20</v>
      </c>
      <c r="CH18" s="191">
        <v>0</v>
      </c>
      <c r="CI18" s="191">
        <v>0</v>
      </c>
      <c r="CJ18" s="191">
        <v>0</v>
      </c>
      <c r="CK18" s="196">
        <v>28</v>
      </c>
      <c r="CL18" s="195">
        <v>28</v>
      </c>
      <c r="CM18" s="190">
        <v>0</v>
      </c>
      <c r="CN18" s="191">
        <v>0</v>
      </c>
      <c r="CO18" s="196">
        <v>0</v>
      </c>
      <c r="CP18" s="193">
        <v>0</v>
      </c>
      <c r="CQ18" s="191">
        <v>0</v>
      </c>
      <c r="CR18" s="191">
        <v>0</v>
      </c>
      <c r="CS18" s="191">
        <v>0</v>
      </c>
      <c r="CT18" s="191">
        <v>0</v>
      </c>
      <c r="CU18" s="191">
        <v>0</v>
      </c>
      <c r="CV18" s="196">
        <v>0</v>
      </c>
      <c r="CW18" s="195">
        <v>0</v>
      </c>
      <c r="CX18" s="190">
        <v>0</v>
      </c>
      <c r="CY18" s="191">
        <v>0</v>
      </c>
      <c r="CZ18" s="196">
        <v>0</v>
      </c>
      <c r="DA18" s="193">
        <v>0</v>
      </c>
      <c r="DB18" s="191">
        <v>0</v>
      </c>
      <c r="DC18" s="191">
        <v>0</v>
      </c>
      <c r="DD18" s="191">
        <v>0</v>
      </c>
      <c r="DE18" s="191">
        <v>0</v>
      </c>
      <c r="DF18" s="191">
        <v>0</v>
      </c>
      <c r="DG18" s="196">
        <v>0</v>
      </c>
      <c r="DH18" s="195">
        <v>0</v>
      </c>
    </row>
    <row r="19" spans="2:112" ht="21" customHeight="1" x14ac:dyDescent="0.2">
      <c r="B19" s="106" t="s">
        <v>17</v>
      </c>
      <c r="C19" s="190">
        <v>0</v>
      </c>
      <c r="D19" s="191">
        <v>0</v>
      </c>
      <c r="E19" s="192">
        <v>0</v>
      </c>
      <c r="F19" s="193">
        <v>0</v>
      </c>
      <c r="G19" s="191">
        <v>149</v>
      </c>
      <c r="H19" s="191">
        <v>529</v>
      </c>
      <c r="I19" s="191">
        <v>568</v>
      </c>
      <c r="J19" s="191">
        <v>426</v>
      </c>
      <c r="K19" s="191">
        <v>778</v>
      </c>
      <c r="L19" s="194">
        <v>2450</v>
      </c>
      <c r="M19" s="195">
        <v>2450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4</v>
      </c>
      <c r="T19" s="191">
        <v>6</v>
      </c>
      <c r="U19" s="191">
        <v>0</v>
      </c>
      <c r="V19" s="191">
        <v>0</v>
      </c>
      <c r="W19" s="196">
        <v>10</v>
      </c>
      <c r="X19" s="195">
        <v>10</v>
      </c>
      <c r="Y19" s="190">
        <v>10</v>
      </c>
      <c r="Z19" s="191">
        <v>11</v>
      </c>
      <c r="AA19" s="196">
        <v>21</v>
      </c>
      <c r="AB19" s="193">
        <v>0</v>
      </c>
      <c r="AC19" s="191">
        <v>139</v>
      </c>
      <c r="AD19" s="191">
        <v>168</v>
      </c>
      <c r="AE19" s="191">
        <v>97</v>
      </c>
      <c r="AF19" s="191">
        <v>29</v>
      </c>
      <c r="AG19" s="191">
        <v>24</v>
      </c>
      <c r="AH19" s="196">
        <v>457</v>
      </c>
      <c r="AI19" s="195">
        <v>478</v>
      </c>
      <c r="AJ19" s="190">
        <v>0</v>
      </c>
      <c r="AK19" s="191">
        <v>36</v>
      </c>
      <c r="AL19" s="196">
        <v>36</v>
      </c>
      <c r="AM19" s="193">
        <v>0</v>
      </c>
      <c r="AN19" s="191">
        <v>15</v>
      </c>
      <c r="AO19" s="191">
        <v>36</v>
      </c>
      <c r="AP19" s="191">
        <v>21</v>
      </c>
      <c r="AQ19" s="191">
        <v>0</v>
      </c>
      <c r="AR19" s="191">
        <v>12</v>
      </c>
      <c r="AS19" s="196">
        <v>84</v>
      </c>
      <c r="AT19" s="195">
        <v>120</v>
      </c>
      <c r="AU19" s="190">
        <v>0</v>
      </c>
      <c r="AV19" s="191">
        <v>0</v>
      </c>
      <c r="AW19" s="196">
        <v>0</v>
      </c>
      <c r="AX19" s="193">
        <v>0</v>
      </c>
      <c r="AY19" s="191">
        <v>185</v>
      </c>
      <c r="AZ19" s="191">
        <v>201</v>
      </c>
      <c r="BA19" s="191">
        <v>198</v>
      </c>
      <c r="BB19" s="191">
        <v>7</v>
      </c>
      <c r="BC19" s="191">
        <v>13</v>
      </c>
      <c r="BD19" s="194">
        <v>604</v>
      </c>
      <c r="BE19" s="195">
        <v>604</v>
      </c>
      <c r="BF19" s="190">
        <v>0</v>
      </c>
      <c r="BG19" s="191">
        <v>0</v>
      </c>
      <c r="BH19" s="196">
        <v>0</v>
      </c>
      <c r="BI19" s="193">
        <v>0</v>
      </c>
      <c r="BJ19" s="191">
        <v>32</v>
      </c>
      <c r="BK19" s="191">
        <v>98</v>
      </c>
      <c r="BL19" s="191">
        <v>39</v>
      </c>
      <c r="BM19" s="191">
        <v>24</v>
      </c>
      <c r="BN19" s="191">
        <v>2</v>
      </c>
      <c r="BO19" s="196">
        <v>195</v>
      </c>
      <c r="BP19" s="195">
        <v>195</v>
      </c>
      <c r="BQ19" s="190">
        <v>0</v>
      </c>
      <c r="BR19" s="191">
        <v>11</v>
      </c>
      <c r="BS19" s="196">
        <v>11</v>
      </c>
      <c r="BT19" s="193">
        <v>0</v>
      </c>
      <c r="BU19" s="191">
        <v>21</v>
      </c>
      <c r="BV19" s="191">
        <v>44</v>
      </c>
      <c r="BW19" s="191">
        <v>77</v>
      </c>
      <c r="BX19" s="191">
        <v>100</v>
      </c>
      <c r="BY19" s="191">
        <v>26</v>
      </c>
      <c r="BZ19" s="196">
        <v>268</v>
      </c>
      <c r="CA19" s="195">
        <v>279</v>
      </c>
      <c r="CB19" s="190">
        <v>0</v>
      </c>
      <c r="CC19" s="191">
        <v>0</v>
      </c>
      <c r="CD19" s="196">
        <v>0</v>
      </c>
      <c r="CE19" s="193">
        <v>0</v>
      </c>
      <c r="CF19" s="191">
        <v>7</v>
      </c>
      <c r="CG19" s="191">
        <v>6</v>
      </c>
      <c r="CH19" s="191">
        <v>0</v>
      </c>
      <c r="CI19" s="191">
        <v>10</v>
      </c>
      <c r="CJ19" s="191">
        <v>0</v>
      </c>
      <c r="CK19" s="196">
        <v>23</v>
      </c>
      <c r="CL19" s="195">
        <v>23</v>
      </c>
      <c r="CM19" s="190">
        <v>0</v>
      </c>
      <c r="CN19" s="191">
        <v>0</v>
      </c>
      <c r="CO19" s="196">
        <v>0</v>
      </c>
      <c r="CP19" s="193">
        <v>0</v>
      </c>
      <c r="CQ19" s="191">
        <v>0</v>
      </c>
      <c r="CR19" s="191">
        <v>0</v>
      </c>
      <c r="CS19" s="191">
        <v>0</v>
      </c>
      <c r="CT19" s="191">
        <v>0</v>
      </c>
      <c r="CU19" s="191">
        <v>0</v>
      </c>
      <c r="CV19" s="196">
        <v>0</v>
      </c>
      <c r="CW19" s="195">
        <v>0</v>
      </c>
      <c r="CX19" s="190">
        <v>0</v>
      </c>
      <c r="CY19" s="191">
        <v>0</v>
      </c>
      <c r="CZ19" s="196">
        <v>0</v>
      </c>
      <c r="DA19" s="193">
        <v>0</v>
      </c>
      <c r="DB19" s="191">
        <v>0</v>
      </c>
      <c r="DC19" s="191">
        <v>0</v>
      </c>
      <c r="DD19" s="191">
        <v>0</v>
      </c>
      <c r="DE19" s="191">
        <v>0</v>
      </c>
      <c r="DF19" s="191">
        <v>0</v>
      </c>
      <c r="DG19" s="196">
        <v>0</v>
      </c>
      <c r="DH19" s="195">
        <v>0</v>
      </c>
    </row>
    <row r="20" spans="2:112" ht="21" customHeight="1" x14ac:dyDescent="0.2">
      <c r="B20" s="106" t="s">
        <v>18</v>
      </c>
      <c r="C20" s="190">
        <v>0</v>
      </c>
      <c r="D20" s="191">
        <v>0</v>
      </c>
      <c r="E20" s="192">
        <v>0</v>
      </c>
      <c r="F20" s="193">
        <v>0</v>
      </c>
      <c r="G20" s="191">
        <v>244</v>
      </c>
      <c r="H20" s="191">
        <v>248</v>
      </c>
      <c r="I20" s="191">
        <v>809</v>
      </c>
      <c r="J20" s="191">
        <v>633</v>
      </c>
      <c r="K20" s="191">
        <v>178</v>
      </c>
      <c r="L20" s="194">
        <v>2112</v>
      </c>
      <c r="M20" s="195">
        <v>2112</v>
      </c>
      <c r="N20" s="190">
        <v>0</v>
      </c>
      <c r="O20" s="191">
        <v>0</v>
      </c>
      <c r="P20" s="196">
        <v>0</v>
      </c>
      <c r="Q20" s="193">
        <v>0</v>
      </c>
      <c r="R20" s="191">
        <v>4</v>
      </c>
      <c r="S20" s="191">
        <v>0</v>
      </c>
      <c r="T20" s="191">
        <v>0</v>
      </c>
      <c r="U20" s="191">
        <v>12</v>
      </c>
      <c r="V20" s="191">
        <v>22</v>
      </c>
      <c r="W20" s="196">
        <v>38</v>
      </c>
      <c r="X20" s="195">
        <v>38</v>
      </c>
      <c r="Y20" s="190">
        <v>43</v>
      </c>
      <c r="Z20" s="191">
        <v>66</v>
      </c>
      <c r="AA20" s="196">
        <v>109</v>
      </c>
      <c r="AB20" s="193">
        <v>0</v>
      </c>
      <c r="AC20" s="191">
        <v>192</v>
      </c>
      <c r="AD20" s="191">
        <v>340</v>
      </c>
      <c r="AE20" s="191">
        <v>159</v>
      </c>
      <c r="AF20" s="191">
        <v>56</v>
      </c>
      <c r="AG20" s="191">
        <v>38</v>
      </c>
      <c r="AH20" s="196">
        <v>785</v>
      </c>
      <c r="AI20" s="195">
        <v>894</v>
      </c>
      <c r="AJ20" s="190">
        <v>0</v>
      </c>
      <c r="AK20" s="191">
        <v>0</v>
      </c>
      <c r="AL20" s="196">
        <v>0</v>
      </c>
      <c r="AM20" s="193">
        <v>0</v>
      </c>
      <c r="AN20" s="191">
        <v>33</v>
      </c>
      <c r="AO20" s="191">
        <v>70</v>
      </c>
      <c r="AP20" s="191">
        <v>60</v>
      </c>
      <c r="AQ20" s="191">
        <v>0</v>
      </c>
      <c r="AR20" s="191">
        <v>6</v>
      </c>
      <c r="AS20" s="196">
        <v>169</v>
      </c>
      <c r="AT20" s="195">
        <v>169</v>
      </c>
      <c r="AU20" s="190">
        <v>0</v>
      </c>
      <c r="AV20" s="191">
        <v>0</v>
      </c>
      <c r="AW20" s="196">
        <v>0</v>
      </c>
      <c r="AX20" s="193">
        <v>0</v>
      </c>
      <c r="AY20" s="191">
        <v>426</v>
      </c>
      <c r="AZ20" s="191">
        <v>282</v>
      </c>
      <c r="BA20" s="191">
        <v>286</v>
      </c>
      <c r="BB20" s="191">
        <v>23</v>
      </c>
      <c r="BC20" s="191">
        <v>75</v>
      </c>
      <c r="BD20" s="194">
        <v>1092</v>
      </c>
      <c r="BE20" s="195">
        <v>1092</v>
      </c>
      <c r="BF20" s="190">
        <v>0</v>
      </c>
      <c r="BG20" s="191">
        <v>0</v>
      </c>
      <c r="BH20" s="196">
        <v>0</v>
      </c>
      <c r="BI20" s="193">
        <v>0</v>
      </c>
      <c r="BJ20" s="191">
        <v>108</v>
      </c>
      <c r="BK20" s="191">
        <v>42</v>
      </c>
      <c r="BL20" s="191">
        <v>38</v>
      </c>
      <c r="BM20" s="191">
        <v>8</v>
      </c>
      <c r="BN20" s="191">
        <v>2</v>
      </c>
      <c r="BO20" s="196">
        <v>198</v>
      </c>
      <c r="BP20" s="195">
        <v>198</v>
      </c>
      <c r="BQ20" s="190">
        <v>0</v>
      </c>
      <c r="BR20" s="191">
        <v>9</v>
      </c>
      <c r="BS20" s="196">
        <v>9</v>
      </c>
      <c r="BT20" s="193">
        <v>0</v>
      </c>
      <c r="BU20" s="191">
        <v>17</v>
      </c>
      <c r="BV20" s="191">
        <v>28</v>
      </c>
      <c r="BW20" s="191">
        <v>169</v>
      </c>
      <c r="BX20" s="191">
        <v>106</v>
      </c>
      <c r="BY20" s="191">
        <v>67</v>
      </c>
      <c r="BZ20" s="196">
        <v>387</v>
      </c>
      <c r="CA20" s="195">
        <v>396</v>
      </c>
      <c r="CB20" s="190">
        <v>0</v>
      </c>
      <c r="CC20" s="191">
        <v>0</v>
      </c>
      <c r="CD20" s="196">
        <v>0</v>
      </c>
      <c r="CE20" s="193">
        <v>0</v>
      </c>
      <c r="CF20" s="191">
        <v>0</v>
      </c>
      <c r="CG20" s="191">
        <v>0</v>
      </c>
      <c r="CH20" s="191">
        <v>0</v>
      </c>
      <c r="CI20" s="191">
        <v>0</v>
      </c>
      <c r="CJ20" s="191">
        <v>0</v>
      </c>
      <c r="CK20" s="196">
        <v>0</v>
      </c>
      <c r="CL20" s="195">
        <v>0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0</v>
      </c>
      <c r="CS20" s="191">
        <v>0</v>
      </c>
      <c r="CT20" s="191">
        <v>0</v>
      </c>
      <c r="CU20" s="191">
        <v>0</v>
      </c>
      <c r="CV20" s="196">
        <v>0</v>
      </c>
      <c r="CW20" s="195">
        <v>0</v>
      </c>
      <c r="CX20" s="190">
        <v>0</v>
      </c>
      <c r="CY20" s="191">
        <v>0</v>
      </c>
      <c r="CZ20" s="196">
        <v>0</v>
      </c>
      <c r="DA20" s="193">
        <v>0</v>
      </c>
      <c r="DB20" s="191">
        <v>0</v>
      </c>
      <c r="DC20" s="191">
        <v>0</v>
      </c>
      <c r="DD20" s="191">
        <v>0</v>
      </c>
      <c r="DE20" s="191">
        <v>0</v>
      </c>
      <c r="DF20" s="191">
        <v>0</v>
      </c>
      <c r="DG20" s="196">
        <v>0</v>
      </c>
      <c r="DH20" s="195">
        <v>0</v>
      </c>
    </row>
    <row r="21" spans="2:112" ht="21" customHeight="1" x14ac:dyDescent="0.2">
      <c r="B21" s="106" t="s">
        <v>19</v>
      </c>
      <c r="C21" s="190">
        <v>0</v>
      </c>
      <c r="D21" s="191">
        <v>0</v>
      </c>
      <c r="E21" s="192">
        <v>0</v>
      </c>
      <c r="F21" s="193">
        <v>0</v>
      </c>
      <c r="G21" s="191">
        <v>144</v>
      </c>
      <c r="H21" s="191">
        <v>178</v>
      </c>
      <c r="I21" s="191">
        <v>148</v>
      </c>
      <c r="J21" s="191">
        <v>128</v>
      </c>
      <c r="K21" s="191">
        <v>152</v>
      </c>
      <c r="L21" s="194">
        <v>750</v>
      </c>
      <c r="M21" s="195">
        <v>750</v>
      </c>
      <c r="N21" s="190">
        <v>0</v>
      </c>
      <c r="O21" s="191">
        <v>0</v>
      </c>
      <c r="P21" s="196">
        <v>0</v>
      </c>
      <c r="Q21" s="193">
        <v>0</v>
      </c>
      <c r="R21" s="191">
        <v>0</v>
      </c>
      <c r="S21" s="191">
        <v>0</v>
      </c>
      <c r="T21" s="191">
        <v>10</v>
      </c>
      <c r="U21" s="191">
        <v>6</v>
      </c>
      <c r="V21" s="191">
        <v>16</v>
      </c>
      <c r="W21" s="196">
        <v>32</v>
      </c>
      <c r="X21" s="195">
        <v>32</v>
      </c>
      <c r="Y21" s="190">
        <v>10</v>
      </c>
      <c r="Z21" s="191">
        <v>29</v>
      </c>
      <c r="AA21" s="196">
        <v>39</v>
      </c>
      <c r="AB21" s="193">
        <v>0</v>
      </c>
      <c r="AC21" s="191">
        <v>148</v>
      </c>
      <c r="AD21" s="191">
        <v>57</v>
      </c>
      <c r="AE21" s="191">
        <v>53</v>
      </c>
      <c r="AF21" s="191">
        <v>52</v>
      </c>
      <c r="AG21" s="191">
        <v>51</v>
      </c>
      <c r="AH21" s="196">
        <v>361</v>
      </c>
      <c r="AI21" s="195">
        <v>400</v>
      </c>
      <c r="AJ21" s="190">
        <v>0</v>
      </c>
      <c r="AK21" s="191">
        <v>0</v>
      </c>
      <c r="AL21" s="196">
        <v>0</v>
      </c>
      <c r="AM21" s="193">
        <v>0</v>
      </c>
      <c r="AN21" s="191">
        <v>9</v>
      </c>
      <c r="AO21" s="191">
        <v>0</v>
      </c>
      <c r="AP21" s="191">
        <v>24</v>
      </c>
      <c r="AQ21" s="191">
        <v>0</v>
      </c>
      <c r="AR21" s="191">
        <v>12</v>
      </c>
      <c r="AS21" s="196">
        <v>45</v>
      </c>
      <c r="AT21" s="195">
        <v>45</v>
      </c>
      <c r="AU21" s="190">
        <v>0</v>
      </c>
      <c r="AV21" s="191">
        <v>0</v>
      </c>
      <c r="AW21" s="196">
        <v>0</v>
      </c>
      <c r="AX21" s="193">
        <v>0</v>
      </c>
      <c r="AY21" s="191">
        <v>157</v>
      </c>
      <c r="AZ21" s="191">
        <v>97</v>
      </c>
      <c r="BA21" s="191">
        <v>24</v>
      </c>
      <c r="BB21" s="191">
        <v>0</v>
      </c>
      <c r="BC21" s="191">
        <v>17</v>
      </c>
      <c r="BD21" s="194">
        <v>295</v>
      </c>
      <c r="BE21" s="195">
        <v>295</v>
      </c>
      <c r="BF21" s="190">
        <v>0</v>
      </c>
      <c r="BG21" s="191">
        <v>0</v>
      </c>
      <c r="BH21" s="196">
        <v>0</v>
      </c>
      <c r="BI21" s="193">
        <v>0</v>
      </c>
      <c r="BJ21" s="191">
        <v>67</v>
      </c>
      <c r="BK21" s="191">
        <v>52</v>
      </c>
      <c r="BL21" s="191">
        <v>34</v>
      </c>
      <c r="BM21" s="191">
        <v>0</v>
      </c>
      <c r="BN21" s="191">
        <v>8</v>
      </c>
      <c r="BO21" s="196">
        <v>161</v>
      </c>
      <c r="BP21" s="195">
        <v>161</v>
      </c>
      <c r="BQ21" s="190">
        <v>0</v>
      </c>
      <c r="BR21" s="191">
        <v>4</v>
      </c>
      <c r="BS21" s="196">
        <v>4</v>
      </c>
      <c r="BT21" s="193">
        <v>0</v>
      </c>
      <c r="BU21" s="191">
        <v>13</v>
      </c>
      <c r="BV21" s="191">
        <v>39</v>
      </c>
      <c r="BW21" s="191">
        <v>3</v>
      </c>
      <c r="BX21" s="191">
        <v>10</v>
      </c>
      <c r="BY21" s="191">
        <v>3</v>
      </c>
      <c r="BZ21" s="196">
        <v>68</v>
      </c>
      <c r="CA21" s="195">
        <v>72</v>
      </c>
      <c r="CB21" s="190">
        <v>0</v>
      </c>
      <c r="CC21" s="191">
        <v>0</v>
      </c>
      <c r="CD21" s="196">
        <v>0</v>
      </c>
      <c r="CE21" s="193">
        <v>0</v>
      </c>
      <c r="CF21" s="191">
        <v>1</v>
      </c>
      <c r="CG21" s="191">
        <v>7</v>
      </c>
      <c r="CH21" s="191">
        <v>0</v>
      </c>
      <c r="CI21" s="191">
        <v>0</v>
      </c>
      <c r="CJ21" s="191">
        <v>0</v>
      </c>
      <c r="CK21" s="196">
        <v>8</v>
      </c>
      <c r="CL21" s="195">
        <v>8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0</v>
      </c>
      <c r="CS21" s="191">
        <v>0</v>
      </c>
      <c r="CT21" s="191">
        <v>0</v>
      </c>
      <c r="CU21" s="191">
        <v>0</v>
      </c>
      <c r="CV21" s="196">
        <v>0</v>
      </c>
      <c r="CW21" s="195">
        <v>0</v>
      </c>
      <c r="CX21" s="190">
        <v>0</v>
      </c>
      <c r="CY21" s="191">
        <v>0</v>
      </c>
      <c r="CZ21" s="196">
        <v>0</v>
      </c>
      <c r="DA21" s="193">
        <v>0</v>
      </c>
      <c r="DB21" s="191">
        <v>0</v>
      </c>
      <c r="DC21" s="191">
        <v>0</v>
      </c>
      <c r="DD21" s="191">
        <v>0</v>
      </c>
      <c r="DE21" s="191">
        <v>0</v>
      </c>
      <c r="DF21" s="191">
        <v>0</v>
      </c>
      <c r="DG21" s="196">
        <v>0</v>
      </c>
      <c r="DH21" s="195">
        <v>0</v>
      </c>
    </row>
    <row r="22" spans="2:112" ht="21" customHeight="1" x14ac:dyDescent="0.2">
      <c r="B22" s="106" t="s">
        <v>20</v>
      </c>
      <c r="C22" s="190">
        <v>0</v>
      </c>
      <c r="D22" s="191">
        <v>0</v>
      </c>
      <c r="E22" s="192">
        <v>0</v>
      </c>
      <c r="F22" s="193">
        <v>0</v>
      </c>
      <c r="G22" s="191">
        <v>190</v>
      </c>
      <c r="H22" s="191">
        <v>255</v>
      </c>
      <c r="I22" s="191">
        <v>158</v>
      </c>
      <c r="J22" s="191">
        <v>109</v>
      </c>
      <c r="K22" s="191">
        <v>142</v>
      </c>
      <c r="L22" s="194">
        <v>854</v>
      </c>
      <c r="M22" s="195">
        <v>854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4</v>
      </c>
      <c r="T22" s="191">
        <v>3</v>
      </c>
      <c r="U22" s="191">
        <v>24</v>
      </c>
      <c r="V22" s="191">
        <v>13</v>
      </c>
      <c r="W22" s="196">
        <v>44</v>
      </c>
      <c r="X22" s="195">
        <v>44</v>
      </c>
      <c r="Y22" s="190">
        <v>15</v>
      </c>
      <c r="Z22" s="191">
        <v>39</v>
      </c>
      <c r="AA22" s="196">
        <v>54</v>
      </c>
      <c r="AB22" s="193">
        <v>0</v>
      </c>
      <c r="AC22" s="191">
        <v>214</v>
      </c>
      <c r="AD22" s="191">
        <v>185</v>
      </c>
      <c r="AE22" s="191">
        <v>55</v>
      </c>
      <c r="AF22" s="191">
        <v>60</v>
      </c>
      <c r="AG22" s="191">
        <v>72</v>
      </c>
      <c r="AH22" s="196">
        <v>586</v>
      </c>
      <c r="AI22" s="195">
        <v>640</v>
      </c>
      <c r="AJ22" s="190">
        <v>17</v>
      </c>
      <c r="AK22" s="191">
        <v>32</v>
      </c>
      <c r="AL22" s="196">
        <v>49</v>
      </c>
      <c r="AM22" s="193">
        <v>0</v>
      </c>
      <c r="AN22" s="191">
        <v>24</v>
      </c>
      <c r="AO22" s="191">
        <v>99</v>
      </c>
      <c r="AP22" s="191">
        <v>82</v>
      </c>
      <c r="AQ22" s="191">
        <v>44</v>
      </c>
      <c r="AR22" s="191">
        <v>0</v>
      </c>
      <c r="AS22" s="196">
        <v>249</v>
      </c>
      <c r="AT22" s="195">
        <v>298</v>
      </c>
      <c r="AU22" s="190">
        <v>0</v>
      </c>
      <c r="AV22" s="191">
        <v>0</v>
      </c>
      <c r="AW22" s="196">
        <v>0</v>
      </c>
      <c r="AX22" s="193">
        <v>0</v>
      </c>
      <c r="AY22" s="191">
        <v>268</v>
      </c>
      <c r="AZ22" s="191">
        <v>178</v>
      </c>
      <c r="BA22" s="191">
        <v>140</v>
      </c>
      <c r="BB22" s="191">
        <v>72</v>
      </c>
      <c r="BC22" s="191">
        <v>0</v>
      </c>
      <c r="BD22" s="194">
        <v>658</v>
      </c>
      <c r="BE22" s="195">
        <v>658</v>
      </c>
      <c r="BF22" s="190">
        <v>0</v>
      </c>
      <c r="BG22" s="191">
        <v>0</v>
      </c>
      <c r="BH22" s="196">
        <v>0</v>
      </c>
      <c r="BI22" s="193">
        <v>0</v>
      </c>
      <c r="BJ22" s="191">
        <v>112</v>
      </c>
      <c r="BK22" s="191">
        <v>30</v>
      </c>
      <c r="BL22" s="191">
        <v>32</v>
      </c>
      <c r="BM22" s="191">
        <v>11</v>
      </c>
      <c r="BN22" s="191">
        <v>4</v>
      </c>
      <c r="BO22" s="196">
        <v>189</v>
      </c>
      <c r="BP22" s="195">
        <v>189</v>
      </c>
      <c r="BQ22" s="190">
        <v>0</v>
      </c>
      <c r="BR22" s="191">
        <v>0</v>
      </c>
      <c r="BS22" s="196">
        <v>0</v>
      </c>
      <c r="BT22" s="193">
        <v>0</v>
      </c>
      <c r="BU22" s="191">
        <v>51</v>
      </c>
      <c r="BV22" s="191">
        <v>73</v>
      </c>
      <c r="BW22" s="191">
        <v>22</v>
      </c>
      <c r="BX22" s="191">
        <v>86</v>
      </c>
      <c r="BY22" s="191">
        <v>6</v>
      </c>
      <c r="BZ22" s="196">
        <v>238</v>
      </c>
      <c r="CA22" s="195">
        <v>238</v>
      </c>
      <c r="CB22" s="190">
        <v>0</v>
      </c>
      <c r="CC22" s="191">
        <v>0</v>
      </c>
      <c r="CD22" s="196">
        <v>0</v>
      </c>
      <c r="CE22" s="193">
        <v>0</v>
      </c>
      <c r="CF22" s="191">
        <v>0</v>
      </c>
      <c r="CG22" s="191">
        <v>0</v>
      </c>
      <c r="CH22" s="191">
        <v>6</v>
      </c>
      <c r="CI22" s="191">
        <v>5</v>
      </c>
      <c r="CJ22" s="191">
        <v>0</v>
      </c>
      <c r="CK22" s="196">
        <v>11</v>
      </c>
      <c r="CL22" s="195">
        <v>11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  <c r="CX22" s="190">
        <v>0</v>
      </c>
      <c r="CY22" s="191">
        <v>0</v>
      </c>
      <c r="CZ22" s="196">
        <v>0</v>
      </c>
      <c r="DA22" s="193">
        <v>0</v>
      </c>
      <c r="DB22" s="191">
        <v>0</v>
      </c>
      <c r="DC22" s="191">
        <v>0</v>
      </c>
      <c r="DD22" s="191">
        <v>0</v>
      </c>
      <c r="DE22" s="191">
        <v>0</v>
      </c>
      <c r="DF22" s="191">
        <v>0</v>
      </c>
      <c r="DG22" s="196">
        <v>0</v>
      </c>
      <c r="DH22" s="195">
        <v>0</v>
      </c>
    </row>
    <row r="23" spans="2:112" ht="21" customHeight="1" x14ac:dyDescent="0.2">
      <c r="B23" s="106" t="s">
        <v>21</v>
      </c>
      <c r="C23" s="190">
        <v>0</v>
      </c>
      <c r="D23" s="191">
        <v>0</v>
      </c>
      <c r="E23" s="192">
        <v>0</v>
      </c>
      <c r="F23" s="193">
        <v>0</v>
      </c>
      <c r="G23" s="191">
        <v>80</v>
      </c>
      <c r="H23" s="191">
        <v>144</v>
      </c>
      <c r="I23" s="191">
        <v>101</v>
      </c>
      <c r="J23" s="191">
        <v>137</v>
      </c>
      <c r="K23" s="191">
        <v>275</v>
      </c>
      <c r="L23" s="194">
        <v>737</v>
      </c>
      <c r="M23" s="195">
        <v>737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4</v>
      </c>
      <c r="U23" s="191">
        <v>0</v>
      </c>
      <c r="V23" s="191">
        <v>4</v>
      </c>
      <c r="W23" s="196">
        <v>8</v>
      </c>
      <c r="X23" s="195">
        <v>8</v>
      </c>
      <c r="Y23" s="190">
        <v>14</v>
      </c>
      <c r="Z23" s="191">
        <v>34</v>
      </c>
      <c r="AA23" s="196">
        <v>48</v>
      </c>
      <c r="AB23" s="193">
        <v>0</v>
      </c>
      <c r="AC23" s="191">
        <v>65</v>
      </c>
      <c r="AD23" s="191">
        <v>242</v>
      </c>
      <c r="AE23" s="191">
        <v>122</v>
      </c>
      <c r="AF23" s="191">
        <v>100</v>
      </c>
      <c r="AG23" s="191">
        <v>30</v>
      </c>
      <c r="AH23" s="196">
        <v>559</v>
      </c>
      <c r="AI23" s="195">
        <v>607</v>
      </c>
      <c r="AJ23" s="190">
        <v>24</v>
      </c>
      <c r="AK23" s="191">
        <v>0</v>
      </c>
      <c r="AL23" s="196">
        <v>24</v>
      </c>
      <c r="AM23" s="193">
        <v>0</v>
      </c>
      <c r="AN23" s="191">
        <v>16</v>
      </c>
      <c r="AO23" s="191">
        <v>44</v>
      </c>
      <c r="AP23" s="191">
        <v>9</v>
      </c>
      <c r="AQ23" s="191">
        <v>0</v>
      </c>
      <c r="AR23" s="191">
        <v>0</v>
      </c>
      <c r="AS23" s="196">
        <v>69</v>
      </c>
      <c r="AT23" s="195">
        <v>93</v>
      </c>
      <c r="AU23" s="190">
        <v>0</v>
      </c>
      <c r="AV23" s="191">
        <v>0</v>
      </c>
      <c r="AW23" s="196">
        <v>0</v>
      </c>
      <c r="AX23" s="193">
        <v>0</v>
      </c>
      <c r="AY23" s="191">
        <v>199</v>
      </c>
      <c r="AZ23" s="191">
        <v>196</v>
      </c>
      <c r="BA23" s="191">
        <v>109</v>
      </c>
      <c r="BB23" s="191">
        <v>15</v>
      </c>
      <c r="BC23" s="191">
        <v>0</v>
      </c>
      <c r="BD23" s="194">
        <v>519</v>
      </c>
      <c r="BE23" s="195">
        <v>519</v>
      </c>
      <c r="BF23" s="190">
        <v>0</v>
      </c>
      <c r="BG23" s="191">
        <v>0</v>
      </c>
      <c r="BH23" s="196">
        <v>0</v>
      </c>
      <c r="BI23" s="193">
        <v>0</v>
      </c>
      <c r="BJ23" s="191">
        <v>34</v>
      </c>
      <c r="BK23" s="191">
        <v>16</v>
      </c>
      <c r="BL23" s="191">
        <v>18</v>
      </c>
      <c r="BM23" s="191">
        <v>0</v>
      </c>
      <c r="BN23" s="191">
        <v>3</v>
      </c>
      <c r="BO23" s="196">
        <v>71</v>
      </c>
      <c r="BP23" s="195">
        <v>71</v>
      </c>
      <c r="BQ23" s="190">
        <v>0</v>
      </c>
      <c r="BR23" s="191">
        <v>0</v>
      </c>
      <c r="BS23" s="196">
        <v>0</v>
      </c>
      <c r="BT23" s="193">
        <v>0</v>
      </c>
      <c r="BU23" s="191">
        <v>0</v>
      </c>
      <c r="BV23" s="191">
        <v>30</v>
      </c>
      <c r="BW23" s="191">
        <v>9</v>
      </c>
      <c r="BX23" s="191">
        <v>12</v>
      </c>
      <c r="BY23" s="191">
        <v>7</v>
      </c>
      <c r="BZ23" s="196">
        <v>58</v>
      </c>
      <c r="CA23" s="195">
        <v>58</v>
      </c>
      <c r="CB23" s="190">
        <v>0</v>
      </c>
      <c r="CC23" s="191">
        <v>0</v>
      </c>
      <c r="CD23" s="196">
        <v>0</v>
      </c>
      <c r="CE23" s="193">
        <v>0</v>
      </c>
      <c r="CF23" s="191">
        <v>1</v>
      </c>
      <c r="CG23" s="191">
        <v>0</v>
      </c>
      <c r="CH23" s="191">
        <v>0</v>
      </c>
      <c r="CI23" s="191">
        <v>0</v>
      </c>
      <c r="CJ23" s="191">
        <v>0</v>
      </c>
      <c r="CK23" s="196">
        <v>1</v>
      </c>
      <c r="CL23" s="195">
        <v>1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  <c r="CX23" s="190">
        <v>0</v>
      </c>
      <c r="CY23" s="191">
        <v>0</v>
      </c>
      <c r="CZ23" s="196">
        <v>0</v>
      </c>
      <c r="DA23" s="193">
        <v>0</v>
      </c>
      <c r="DB23" s="191">
        <v>0</v>
      </c>
      <c r="DC23" s="191">
        <v>0</v>
      </c>
      <c r="DD23" s="191">
        <v>0</v>
      </c>
      <c r="DE23" s="191">
        <v>0</v>
      </c>
      <c r="DF23" s="191">
        <v>0</v>
      </c>
      <c r="DG23" s="196">
        <v>0</v>
      </c>
      <c r="DH23" s="195">
        <v>0</v>
      </c>
    </row>
    <row r="24" spans="2:112" ht="21" customHeight="1" x14ac:dyDescent="0.2">
      <c r="B24" s="106" t="s">
        <v>22</v>
      </c>
      <c r="C24" s="190">
        <v>0</v>
      </c>
      <c r="D24" s="191">
        <v>0</v>
      </c>
      <c r="E24" s="192">
        <v>0</v>
      </c>
      <c r="F24" s="193">
        <v>0</v>
      </c>
      <c r="G24" s="191">
        <v>194</v>
      </c>
      <c r="H24" s="191">
        <v>135</v>
      </c>
      <c r="I24" s="191">
        <v>181</v>
      </c>
      <c r="J24" s="191">
        <v>147</v>
      </c>
      <c r="K24" s="191">
        <v>251</v>
      </c>
      <c r="L24" s="194">
        <v>908</v>
      </c>
      <c r="M24" s="195">
        <v>908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0</v>
      </c>
      <c r="V24" s="191">
        <v>0</v>
      </c>
      <c r="W24" s="196">
        <v>0</v>
      </c>
      <c r="X24" s="195">
        <v>0</v>
      </c>
      <c r="Y24" s="190">
        <v>2</v>
      </c>
      <c r="Z24" s="191">
        <v>0</v>
      </c>
      <c r="AA24" s="196">
        <v>2</v>
      </c>
      <c r="AB24" s="193">
        <v>0</v>
      </c>
      <c r="AC24" s="191">
        <v>17</v>
      </c>
      <c r="AD24" s="191">
        <v>65</v>
      </c>
      <c r="AE24" s="191">
        <v>27</v>
      </c>
      <c r="AF24" s="191">
        <v>22</v>
      </c>
      <c r="AG24" s="191">
        <v>17</v>
      </c>
      <c r="AH24" s="196">
        <v>148</v>
      </c>
      <c r="AI24" s="195">
        <v>150</v>
      </c>
      <c r="AJ24" s="190">
        <v>0</v>
      </c>
      <c r="AK24" s="191">
        <v>0</v>
      </c>
      <c r="AL24" s="196">
        <v>0</v>
      </c>
      <c r="AM24" s="193">
        <v>0</v>
      </c>
      <c r="AN24" s="191">
        <v>12</v>
      </c>
      <c r="AO24" s="191">
        <v>0</v>
      </c>
      <c r="AP24" s="191">
        <v>0</v>
      </c>
      <c r="AQ24" s="191">
        <v>0</v>
      </c>
      <c r="AR24" s="191">
        <v>0</v>
      </c>
      <c r="AS24" s="196">
        <v>12</v>
      </c>
      <c r="AT24" s="195">
        <v>12</v>
      </c>
      <c r="AU24" s="190">
        <v>0</v>
      </c>
      <c r="AV24" s="191">
        <v>0</v>
      </c>
      <c r="AW24" s="196">
        <v>0</v>
      </c>
      <c r="AX24" s="193">
        <v>0</v>
      </c>
      <c r="AY24" s="191">
        <v>76</v>
      </c>
      <c r="AZ24" s="191">
        <v>95</v>
      </c>
      <c r="BA24" s="191">
        <v>89</v>
      </c>
      <c r="BB24" s="191">
        <v>0</v>
      </c>
      <c r="BC24" s="191">
        <v>7</v>
      </c>
      <c r="BD24" s="194">
        <v>267</v>
      </c>
      <c r="BE24" s="195">
        <v>267</v>
      </c>
      <c r="BF24" s="190">
        <v>0</v>
      </c>
      <c r="BG24" s="191">
        <v>0</v>
      </c>
      <c r="BH24" s="196">
        <v>0</v>
      </c>
      <c r="BI24" s="193">
        <v>0</v>
      </c>
      <c r="BJ24" s="191">
        <v>26</v>
      </c>
      <c r="BK24" s="191">
        <v>4</v>
      </c>
      <c r="BL24" s="191">
        <v>0</v>
      </c>
      <c r="BM24" s="191">
        <v>0</v>
      </c>
      <c r="BN24" s="191">
        <v>8</v>
      </c>
      <c r="BO24" s="196">
        <v>38</v>
      </c>
      <c r="BP24" s="195">
        <v>38</v>
      </c>
      <c r="BQ24" s="190">
        <v>0</v>
      </c>
      <c r="BR24" s="191">
        <v>0</v>
      </c>
      <c r="BS24" s="196">
        <v>0</v>
      </c>
      <c r="BT24" s="193">
        <v>0</v>
      </c>
      <c r="BU24" s="191">
        <v>0</v>
      </c>
      <c r="BV24" s="191">
        <v>0</v>
      </c>
      <c r="BW24" s="191">
        <v>15</v>
      </c>
      <c r="BX24" s="191">
        <v>0</v>
      </c>
      <c r="BY24" s="191">
        <v>0</v>
      </c>
      <c r="BZ24" s="196">
        <v>15</v>
      </c>
      <c r="CA24" s="195">
        <v>15</v>
      </c>
      <c r="CB24" s="190">
        <v>0</v>
      </c>
      <c r="CC24" s="191">
        <v>0</v>
      </c>
      <c r="CD24" s="196">
        <v>0</v>
      </c>
      <c r="CE24" s="193">
        <v>0</v>
      </c>
      <c r="CF24" s="191">
        <v>7</v>
      </c>
      <c r="CG24" s="191">
        <v>0</v>
      </c>
      <c r="CH24" s="191">
        <v>0</v>
      </c>
      <c r="CI24" s="191">
        <v>0</v>
      </c>
      <c r="CJ24" s="191">
        <v>0</v>
      </c>
      <c r="CK24" s="196">
        <v>7</v>
      </c>
      <c r="CL24" s="195">
        <v>7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  <c r="CX24" s="190">
        <v>0</v>
      </c>
      <c r="CY24" s="191">
        <v>0</v>
      </c>
      <c r="CZ24" s="196">
        <v>0</v>
      </c>
      <c r="DA24" s="193">
        <v>0</v>
      </c>
      <c r="DB24" s="191">
        <v>0</v>
      </c>
      <c r="DC24" s="191">
        <v>0</v>
      </c>
      <c r="DD24" s="191">
        <v>0</v>
      </c>
      <c r="DE24" s="191">
        <v>0</v>
      </c>
      <c r="DF24" s="191">
        <v>0</v>
      </c>
      <c r="DG24" s="196">
        <v>0</v>
      </c>
      <c r="DH24" s="195">
        <v>0</v>
      </c>
    </row>
    <row r="25" spans="2:112" ht="21" customHeight="1" x14ac:dyDescent="0.2">
      <c r="B25" s="106" t="s">
        <v>23</v>
      </c>
      <c r="C25" s="190">
        <v>0</v>
      </c>
      <c r="D25" s="191">
        <v>0</v>
      </c>
      <c r="E25" s="192">
        <v>0</v>
      </c>
      <c r="F25" s="193">
        <v>0</v>
      </c>
      <c r="G25" s="191">
        <v>114</v>
      </c>
      <c r="H25" s="191">
        <v>121</v>
      </c>
      <c r="I25" s="191">
        <v>0</v>
      </c>
      <c r="J25" s="191">
        <v>100</v>
      </c>
      <c r="K25" s="191">
        <v>195</v>
      </c>
      <c r="L25" s="194">
        <v>530</v>
      </c>
      <c r="M25" s="195">
        <v>530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0</v>
      </c>
      <c r="V25" s="191">
        <v>0</v>
      </c>
      <c r="W25" s="196">
        <v>0</v>
      </c>
      <c r="X25" s="195">
        <v>0</v>
      </c>
      <c r="Y25" s="190">
        <v>26</v>
      </c>
      <c r="Z25" s="191">
        <v>40</v>
      </c>
      <c r="AA25" s="196">
        <v>66</v>
      </c>
      <c r="AB25" s="193">
        <v>0</v>
      </c>
      <c r="AC25" s="191">
        <v>99</v>
      </c>
      <c r="AD25" s="191">
        <v>131</v>
      </c>
      <c r="AE25" s="191">
        <v>15</v>
      </c>
      <c r="AF25" s="191">
        <v>40</v>
      </c>
      <c r="AG25" s="191">
        <v>2</v>
      </c>
      <c r="AH25" s="196">
        <v>287</v>
      </c>
      <c r="AI25" s="195">
        <v>353</v>
      </c>
      <c r="AJ25" s="190">
        <v>0</v>
      </c>
      <c r="AK25" s="191">
        <v>12</v>
      </c>
      <c r="AL25" s="196">
        <v>12</v>
      </c>
      <c r="AM25" s="193">
        <v>0</v>
      </c>
      <c r="AN25" s="191">
        <v>19</v>
      </c>
      <c r="AO25" s="191">
        <v>14</v>
      </c>
      <c r="AP25" s="191">
        <v>0</v>
      </c>
      <c r="AQ25" s="191">
        <v>0</v>
      </c>
      <c r="AR25" s="191">
        <v>0</v>
      </c>
      <c r="AS25" s="196">
        <v>33</v>
      </c>
      <c r="AT25" s="195">
        <v>45</v>
      </c>
      <c r="AU25" s="190">
        <v>0</v>
      </c>
      <c r="AV25" s="191">
        <v>0</v>
      </c>
      <c r="AW25" s="196">
        <v>0</v>
      </c>
      <c r="AX25" s="193">
        <v>0</v>
      </c>
      <c r="AY25" s="191">
        <v>110</v>
      </c>
      <c r="AZ25" s="191">
        <v>179</v>
      </c>
      <c r="BA25" s="191">
        <v>29</v>
      </c>
      <c r="BB25" s="191">
        <v>41</v>
      </c>
      <c r="BC25" s="191">
        <v>20</v>
      </c>
      <c r="BD25" s="194">
        <v>379</v>
      </c>
      <c r="BE25" s="195">
        <v>379</v>
      </c>
      <c r="BF25" s="190">
        <v>0</v>
      </c>
      <c r="BG25" s="191">
        <v>0</v>
      </c>
      <c r="BH25" s="196">
        <v>0</v>
      </c>
      <c r="BI25" s="193">
        <v>0</v>
      </c>
      <c r="BJ25" s="191">
        <v>12</v>
      </c>
      <c r="BK25" s="191">
        <v>21</v>
      </c>
      <c r="BL25" s="191">
        <v>0</v>
      </c>
      <c r="BM25" s="191">
        <v>0</v>
      </c>
      <c r="BN25" s="191">
        <v>0</v>
      </c>
      <c r="BO25" s="196">
        <v>33</v>
      </c>
      <c r="BP25" s="195">
        <v>33</v>
      </c>
      <c r="BQ25" s="190">
        <v>0</v>
      </c>
      <c r="BR25" s="191">
        <v>0</v>
      </c>
      <c r="BS25" s="196">
        <v>0</v>
      </c>
      <c r="BT25" s="193">
        <v>0</v>
      </c>
      <c r="BU25" s="191">
        <v>0</v>
      </c>
      <c r="BV25" s="191">
        <v>0</v>
      </c>
      <c r="BW25" s="191">
        <v>14</v>
      </c>
      <c r="BX25" s="191">
        <v>33</v>
      </c>
      <c r="BY25" s="191">
        <v>0</v>
      </c>
      <c r="BZ25" s="196">
        <v>47</v>
      </c>
      <c r="CA25" s="195">
        <v>47</v>
      </c>
      <c r="CB25" s="190">
        <v>0</v>
      </c>
      <c r="CC25" s="191">
        <v>0</v>
      </c>
      <c r="CD25" s="196">
        <v>0</v>
      </c>
      <c r="CE25" s="193">
        <v>0</v>
      </c>
      <c r="CF25" s="191">
        <v>9</v>
      </c>
      <c r="CG25" s="191">
        <v>3</v>
      </c>
      <c r="CH25" s="191">
        <v>0</v>
      </c>
      <c r="CI25" s="191">
        <v>0</v>
      </c>
      <c r="CJ25" s="191">
        <v>0</v>
      </c>
      <c r="CK25" s="196">
        <v>12</v>
      </c>
      <c r="CL25" s="195">
        <v>12</v>
      </c>
      <c r="CM25" s="190">
        <v>0</v>
      </c>
      <c r="CN25" s="191">
        <v>0</v>
      </c>
      <c r="CO25" s="196">
        <v>0</v>
      </c>
      <c r="CP25" s="193">
        <v>0</v>
      </c>
      <c r="CQ25" s="191">
        <v>0</v>
      </c>
      <c r="CR25" s="191">
        <v>0</v>
      </c>
      <c r="CS25" s="191">
        <v>0</v>
      </c>
      <c r="CT25" s="191">
        <v>0</v>
      </c>
      <c r="CU25" s="191">
        <v>0</v>
      </c>
      <c r="CV25" s="196">
        <v>0</v>
      </c>
      <c r="CW25" s="195">
        <v>0</v>
      </c>
      <c r="CX25" s="190">
        <v>0</v>
      </c>
      <c r="CY25" s="191">
        <v>0</v>
      </c>
      <c r="CZ25" s="196">
        <v>0</v>
      </c>
      <c r="DA25" s="193">
        <v>0</v>
      </c>
      <c r="DB25" s="191">
        <v>0</v>
      </c>
      <c r="DC25" s="191">
        <v>0</v>
      </c>
      <c r="DD25" s="191">
        <v>0</v>
      </c>
      <c r="DE25" s="191">
        <v>0</v>
      </c>
      <c r="DF25" s="191">
        <v>0</v>
      </c>
      <c r="DG25" s="196">
        <v>0</v>
      </c>
      <c r="DH25" s="195">
        <v>0</v>
      </c>
    </row>
    <row r="26" spans="2:112" ht="21" customHeight="1" x14ac:dyDescent="0.2">
      <c r="B26" s="106" t="s">
        <v>24</v>
      </c>
      <c r="C26" s="190">
        <v>0</v>
      </c>
      <c r="D26" s="191">
        <v>0</v>
      </c>
      <c r="E26" s="192">
        <v>0</v>
      </c>
      <c r="F26" s="193">
        <v>0</v>
      </c>
      <c r="G26" s="191">
        <v>89</v>
      </c>
      <c r="H26" s="191">
        <v>16</v>
      </c>
      <c r="I26" s="191">
        <v>60</v>
      </c>
      <c r="J26" s="191">
        <v>142</v>
      </c>
      <c r="K26" s="191">
        <v>183</v>
      </c>
      <c r="L26" s="194">
        <v>490</v>
      </c>
      <c r="M26" s="195">
        <v>490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4</v>
      </c>
      <c r="V26" s="191">
        <v>4</v>
      </c>
      <c r="W26" s="196">
        <v>8</v>
      </c>
      <c r="X26" s="195">
        <v>8</v>
      </c>
      <c r="Y26" s="190">
        <v>4</v>
      </c>
      <c r="Z26" s="191">
        <v>15</v>
      </c>
      <c r="AA26" s="196">
        <v>19</v>
      </c>
      <c r="AB26" s="193">
        <v>0</v>
      </c>
      <c r="AC26" s="191">
        <v>68</v>
      </c>
      <c r="AD26" s="191">
        <v>37</v>
      </c>
      <c r="AE26" s="191">
        <v>78</v>
      </c>
      <c r="AF26" s="191">
        <v>55</v>
      </c>
      <c r="AG26" s="191">
        <v>6</v>
      </c>
      <c r="AH26" s="196">
        <v>244</v>
      </c>
      <c r="AI26" s="195">
        <v>263</v>
      </c>
      <c r="AJ26" s="190">
        <v>0</v>
      </c>
      <c r="AK26" s="191">
        <v>0</v>
      </c>
      <c r="AL26" s="196">
        <v>0</v>
      </c>
      <c r="AM26" s="193">
        <v>0</v>
      </c>
      <c r="AN26" s="191">
        <v>12</v>
      </c>
      <c r="AO26" s="191">
        <v>18</v>
      </c>
      <c r="AP26" s="191">
        <v>0</v>
      </c>
      <c r="AQ26" s="191">
        <v>0</v>
      </c>
      <c r="AR26" s="191">
        <v>0</v>
      </c>
      <c r="AS26" s="196">
        <v>30</v>
      </c>
      <c r="AT26" s="195">
        <v>30</v>
      </c>
      <c r="AU26" s="190">
        <v>0</v>
      </c>
      <c r="AV26" s="191">
        <v>0</v>
      </c>
      <c r="AW26" s="196">
        <v>0</v>
      </c>
      <c r="AX26" s="193">
        <v>0</v>
      </c>
      <c r="AY26" s="191">
        <v>81</v>
      </c>
      <c r="AZ26" s="191">
        <v>49</v>
      </c>
      <c r="BA26" s="191">
        <v>44</v>
      </c>
      <c r="BB26" s="191">
        <v>38</v>
      </c>
      <c r="BC26" s="191">
        <v>8</v>
      </c>
      <c r="BD26" s="194">
        <v>220</v>
      </c>
      <c r="BE26" s="195">
        <v>220</v>
      </c>
      <c r="BF26" s="190">
        <v>0</v>
      </c>
      <c r="BG26" s="191">
        <v>0</v>
      </c>
      <c r="BH26" s="196">
        <v>0</v>
      </c>
      <c r="BI26" s="193">
        <v>0</v>
      </c>
      <c r="BJ26" s="191">
        <v>4</v>
      </c>
      <c r="BK26" s="191">
        <v>56</v>
      </c>
      <c r="BL26" s="191">
        <v>58</v>
      </c>
      <c r="BM26" s="191">
        <v>37</v>
      </c>
      <c r="BN26" s="191">
        <v>8</v>
      </c>
      <c r="BO26" s="196">
        <v>163</v>
      </c>
      <c r="BP26" s="195">
        <v>163</v>
      </c>
      <c r="BQ26" s="190">
        <v>0</v>
      </c>
      <c r="BR26" s="191">
        <v>0</v>
      </c>
      <c r="BS26" s="196">
        <v>0</v>
      </c>
      <c r="BT26" s="193">
        <v>0</v>
      </c>
      <c r="BU26" s="191">
        <v>7</v>
      </c>
      <c r="BV26" s="191">
        <v>16</v>
      </c>
      <c r="BW26" s="191">
        <v>15</v>
      </c>
      <c r="BX26" s="191">
        <v>48</v>
      </c>
      <c r="BY26" s="191">
        <v>0</v>
      </c>
      <c r="BZ26" s="196">
        <v>86</v>
      </c>
      <c r="CA26" s="195">
        <v>86</v>
      </c>
      <c r="CB26" s="190">
        <v>0</v>
      </c>
      <c r="CC26" s="191">
        <v>0</v>
      </c>
      <c r="CD26" s="196">
        <v>0</v>
      </c>
      <c r="CE26" s="193">
        <v>0</v>
      </c>
      <c r="CF26" s="191">
        <v>0</v>
      </c>
      <c r="CG26" s="191">
        <v>2</v>
      </c>
      <c r="CH26" s="191">
        <v>4</v>
      </c>
      <c r="CI26" s="191">
        <v>0</v>
      </c>
      <c r="CJ26" s="191">
        <v>0</v>
      </c>
      <c r="CK26" s="196">
        <v>6</v>
      </c>
      <c r="CL26" s="195">
        <v>6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  <c r="CX26" s="190">
        <v>0</v>
      </c>
      <c r="CY26" s="191">
        <v>0</v>
      </c>
      <c r="CZ26" s="196">
        <v>0</v>
      </c>
      <c r="DA26" s="193">
        <v>0</v>
      </c>
      <c r="DB26" s="191">
        <v>0</v>
      </c>
      <c r="DC26" s="191">
        <v>0</v>
      </c>
      <c r="DD26" s="191">
        <v>0</v>
      </c>
      <c r="DE26" s="191">
        <v>0</v>
      </c>
      <c r="DF26" s="191">
        <v>0</v>
      </c>
      <c r="DG26" s="196">
        <v>0</v>
      </c>
      <c r="DH26" s="195">
        <v>0</v>
      </c>
    </row>
    <row r="27" spans="2:112" ht="21" customHeight="1" x14ac:dyDescent="0.2">
      <c r="B27" s="106" t="s">
        <v>25</v>
      </c>
      <c r="C27" s="190">
        <v>0</v>
      </c>
      <c r="D27" s="191">
        <v>0</v>
      </c>
      <c r="E27" s="192">
        <v>0</v>
      </c>
      <c r="F27" s="193">
        <v>0</v>
      </c>
      <c r="G27" s="191">
        <v>23</v>
      </c>
      <c r="H27" s="191">
        <v>90</v>
      </c>
      <c r="I27" s="191">
        <v>27</v>
      </c>
      <c r="J27" s="191">
        <v>138</v>
      </c>
      <c r="K27" s="191">
        <v>0</v>
      </c>
      <c r="L27" s="194">
        <v>278</v>
      </c>
      <c r="M27" s="195">
        <v>278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3</v>
      </c>
      <c r="T27" s="191">
        <v>9</v>
      </c>
      <c r="U27" s="191">
        <v>0</v>
      </c>
      <c r="V27" s="191">
        <v>0</v>
      </c>
      <c r="W27" s="196">
        <v>12</v>
      </c>
      <c r="X27" s="195">
        <v>12</v>
      </c>
      <c r="Y27" s="190">
        <v>2</v>
      </c>
      <c r="Z27" s="191">
        <v>0</v>
      </c>
      <c r="AA27" s="196">
        <v>2</v>
      </c>
      <c r="AB27" s="193">
        <v>0</v>
      </c>
      <c r="AC27" s="191">
        <v>30</v>
      </c>
      <c r="AD27" s="191">
        <v>62</v>
      </c>
      <c r="AE27" s="191">
        <v>27</v>
      </c>
      <c r="AF27" s="191">
        <v>0</v>
      </c>
      <c r="AG27" s="191">
        <v>0</v>
      </c>
      <c r="AH27" s="196">
        <v>119</v>
      </c>
      <c r="AI27" s="195">
        <v>121</v>
      </c>
      <c r="AJ27" s="190">
        <v>0</v>
      </c>
      <c r="AK27" s="191">
        <v>8</v>
      </c>
      <c r="AL27" s="196">
        <v>8</v>
      </c>
      <c r="AM27" s="193">
        <v>0</v>
      </c>
      <c r="AN27" s="191">
        <v>0</v>
      </c>
      <c r="AO27" s="191">
        <v>6</v>
      </c>
      <c r="AP27" s="191">
        <v>8</v>
      </c>
      <c r="AQ27" s="191">
        <v>0</v>
      </c>
      <c r="AR27" s="191">
        <v>0</v>
      </c>
      <c r="AS27" s="196">
        <v>14</v>
      </c>
      <c r="AT27" s="195">
        <v>22</v>
      </c>
      <c r="AU27" s="190">
        <v>0</v>
      </c>
      <c r="AV27" s="191">
        <v>0</v>
      </c>
      <c r="AW27" s="196">
        <v>0</v>
      </c>
      <c r="AX27" s="193">
        <v>0</v>
      </c>
      <c r="AY27" s="191">
        <v>17</v>
      </c>
      <c r="AZ27" s="191">
        <v>39</v>
      </c>
      <c r="BA27" s="191">
        <v>33</v>
      </c>
      <c r="BB27" s="191">
        <v>0</v>
      </c>
      <c r="BC27" s="191">
        <v>0</v>
      </c>
      <c r="BD27" s="194">
        <v>89</v>
      </c>
      <c r="BE27" s="195">
        <v>89</v>
      </c>
      <c r="BF27" s="190">
        <v>0</v>
      </c>
      <c r="BG27" s="191">
        <v>0</v>
      </c>
      <c r="BH27" s="196">
        <v>0</v>
      </c>
      <c r="BI27" s="193">
        <v>0</v>
      </c>
      <c r="BJ27" s="191">
        <v>0</v>
      </c>
      <c r="BK27" s="191">
        <v>11</v>
      </c>
      <c r="BL27" s="191">
        <v>16</v>
      </c>
      <c r="BM27" s="191">
        <v>6</v>
      </c>
      <c r="BN27" s="191">
        <v>0</v>
      </c>
      <c r="BO27" s="196">
        <v>33</v>
      </c>
      <c r="BP27" s="195">
        <v>33</v>
      </c>
      <c r="BQ27" s="190">
        <v>0</v>
      </c>
      <c r="BR27" s="191">
        <v>0</v>
      </c>
      <c r="BS27" s="196">
        <v>0</v>
      </c>
      <c r="BT27" s="193">
        <v>0</v>
      </c>
      <c r="BU27" s="191">
        <v>-4</v>
      </c>
      <c r="BV27" s="191">
        <v>14</v>
      </c>
      <c r="BW27" s="191">
        <v>0</v>
      </c>
      <c r="BX27" s="191">
        <v>5</v>
      </c>
      <c r="BY27" s="191">
        <v>0</v>
      </c>
      <c r="BZ27" s="196">
        <v>15</v>
      </c>
      <c r="CA27" s="195">
        <v>15</v>
      </c>
      <c r="CB27" s="190">
        <v>0</v>
      </c>
      <c r="CC27" s="191">
        <v>0</v>
      </c>
      <c r="CD27" s="196">
        <v>0</v>
      </c>
      <c r="CE27" s="193">
        <v>0</v>
      </c>
      <c r="CF27" s="191">
        <v>0</v>
      </c>
      <c r="CG27" s="191">
        <v>4</v>
      </c>
      <c r="CH27" s="191">
        <v>0</v>
      </c>
      <c r="CI27" s="191">
        <v>0</v>
      </c>
      <c r="CJ27" s="191">
        <v>0</v>
      </c>
      <c r="CK27" s="196">
        <v>4</v>
      </c>
      <c r="CL27" s="195">
        <v>4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  <c r="CX27" s="190">
        <v>0</v>
      </c>
      <c r="CY27" s="191">
        <v>0</v>
      </c>
      <c r="CZ27" s="196">
        <v>0</v>
      </c>
      <c r="DA27" s="193">
        <v>0</v>
      </c>
      <c r="DB27" s="191">
        <v>0</v>
      </c>
      <c r="DC27" s="191">
        <v>0</v>
      </c>
      <c r="DD27" s="191">
        <v>0</v>
      </c>
      <c r="DE27" s="191">
        <v>0</v>
      </c>
      <c r="DF27" s="191">
        <v>0</v>
      </c>
      <c r="DG27" s="196">
        <v>0</v>
      </c>
      <c r="DH27" s="195">
        <v>0</v>
      </c>
    </row>
    <row r="28" spans="2:112" ht="21" customHeight="1" x14ac:dyDescent="0.2">
      <c r="B28" s="106" t="s">
        <v>26</v>
      </c>
      <c r="C28" s="190">
        <v>0</v>
      </c>
      <c r="D28" s="191">
        <v>0</v>
      </c>
      <c r="E28" s="192">
        <v>0</v>
      </c>
      <c r="F28" s="193">
        <v>0</v>
      </c>
      <c r="G28" s="191">
        <v>111</v>
      </c>
      <c r="H28" s="191">
        <v>78</v>
      </c>
      <c r="I28" s="191">
        <v>103</v>
      </c>
      <c r="J28" s="191">
        <v>107</v>
      </c>
      <c r="K28" s="191">
        <v>116</v>
      </c>
      <c r="L28" s="194">
        <v>515</v>
      </c>
      <c r="M28" s="195">
        <v>515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9</v>
      </c>
      <c r="V28" s="191">
        <v>5</v>
      </c>
      <c r="W28" s="196">
        <v>14</v>
      </c>
      <c r="X28" s="195">
        <v>14</v>
      </c>
      <c r="Y28" s="190">
        <v>6</v>
      </c>
      <c r="Z28" s="191">
        <v>16</v>
      </c>
      <c r="AA28" s="196">
        <v>22</v>
      </c>
      <c r="AB28" s="193">
        <v>0</v>
      </c>
      <c r="AC28" s="191">
        <v>61</v>
      </c>
      <c r="AD28" s="191">
        <v>65</v>
      </c>
      <c r="AE28" s="191">
        <v>11</v>
      </c>
      <c r="AF28" s="191">
        <v>51</v>
      </c>
      <c r="AG28" s="191">
        <v>26</v>
      </c>
      <c r="AH28" s="196">
        <v>214</v>
      </c>
      <c r="AI28" s="195">
        <v>236</v>
      </c>
      <c r="AJ28" s="190">
        <v>0</v>
      </c>
      <c r="AK28" s="191">
        <v>0</v>
      </c>
      <c r="AL28" s="196">
        <v>0</v>
      </c>
      <c r="AM28" s="193">
        <v>0</v>
      </c>
      <c r="AN28" s="191">
        <v>0</v>
      </c>
      <c r="AO28" s="191">
        <v>0</v>
      </c>
      <c r="AP28" s="191">
        <v>0</v>
      </c>
      <c r="AQ28" s="191">
        <v>0</v>
      </c>
      <c r="AR28" s="191">
        <v>0</v>
      </c>
      <c r="AS28" s="196">
        <v>0</v>
      </c>
      <c r="AT28" s="195">
        <v>0</v>
      </c>
      <c r="AU28" s="190">
        <v>0</v>
      </c>
      <c r="AV28" s="191">
        <v>0</v>
      </c>
      <c r="AW28" s="196">
        <v>0</v>
      </c>
      <c r="AX28" s="193">
        <v>0</v>
      </c>
      <c r="AY28" s="191">
        <v>64</v>
      </c>
      <c r="AZ28" s="191">
        <v>52</v>
      </c>
      <c r="BA28" s="191">
        <v>43</v>
      </c>
      <c r="BB28" s="191">
        <v>12</v>
      </c>
      <c r="BC28" s="191">
        <v>0</v>
      </c>
      <c r="BD28" s="194">
        <v>171</v>
      </c>
      <c r="BE28" s="195">
        <v>171</v>
      </c>
      <c r="BF28" s="190">
        <v>0</v>
      </c>
      <c r="BG28" s="191">
        <v>0</v>
      </c>
      <c r="BH28" s="196">
        <v>0</v>
      </c>
      <c r="BI28" s="193">
        <v>0</v>
      </c>
      <c r="BJ28" s="191">
        <v>11</v>
      </c>
      <c r="BK28" s="191">
        <v>14</v>
      </c>
      <c r="BL28" s="191">
        <v>10</v>
      </c>
      <c r="BM28" s="191">
        <v>6</v>
      </c>
      <c r="BN28" s="191">
        <v>0</v>
      </c>
      <c r="BO28" s="196">
        <v>41</v>
      </c>
      <c r="BP28" s="195">
        <v>41</v>
      </c>
      <c r="BQ28" s="190">
        <v>0</v>
      </c>
      <c r="BR28" s="191">
        <v>0</v>
      </c>
      <c r="BS28" s="196">
        <v>0</v>
      </c>
      <c r="BT28" s="193">
        <v>0</v>
      </c>
      <c r="BU28" s="191">
        <v>20</v>
      </c>
      <c r="BV28" s="191">
        <v>13</v>
      </c>
      <c r="BW28" s="191">
        <v>0</v>
      </c>
      <c r="BX28" s="191">
        <v>4</v>
      </c>
      <c r="BY28" s="191">
        <v>0</v>
      </c>
      <c r="BZ28" s="196">
        <v>37</v>
      </c>
      <c r="CA28" s="195">
        <v>37</v>
      </c>
      <c r="CB28" s="190">
        <v>0</v>
      </c>
      <c r="CC28" s="191">
        <v>0</v>
      </c>
      <c r="CD28" s="196">
        <v>0</v>
      </c>
      <c r="CE28" s="193">
        <v>0</v>
      </c>
      <c r="CF28" s="191">
        <v>0</v>
      </c>
      <c r="CG28" s="191">
        <v>0</v>
      </c>
      <c r="CH28" s="191">
        <v>0</v>
      </c>
      <c r="CI28" s="191">
        <v>5</v>
      </c>
      <c r="CJ28" s="191">
        <v>0</v>
      </c>
      <c r="CK28" s="196">
        <v>5</v>
      </c>
      <c r="CL28" s="195">
        <v>5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  <c r="CX28" s="190">
        <v>0</v>
      </c>
      <c r="CY28" s="191">
        <v>0</v>
      </c>
      <c r="CZ28" s="196">
        <v>0</v>
      </c>
      <c r="DA28" s="193">
        <v>0</v>
      </c>
      <c r="DB28" s="191">
        <v>0</v>
      </c>
      <c r="DC28" s="191">
        <v>0</v>
      </c>
      <c r="DD28" s="191">
        <v>0</v>
      </c>
      <c r="DE28" s="191">
        <v>0</v>
      </c>
      <c r="DF28" s="191">
        <v>0</v>
      </c>
      <c r="DG28" s="196">
        <v>0</v>
      </c>
      <c r="DH28" s="195">
        <v>0</v>
      </c>
    </row>
    <row r="29" spans="2:112" ht="21" customHeight="1" x14ac:dyDescent="0.2">
      <c r="B29" s="106" t="s">
        <v>27</v>
      </c>
      <c r="C29" s="190">
        <v>0</v>
      </c>
      <c r="D29" s="191">
        <v>0</v>
      </c>
      <c r="E29" s="192">
        <v>0</v>
      </c>
      <c r="F29" s="193">
        <v>0</v>
      </c>
      <c r="G29" s="191">
        <v>24</v>
      </c>
      <c r="H29" s="191">
        <v>82</v>
      </c>
      <c r="I29" s="191">
        <v>146</v>
      </c>
      <c r="J29" s="191">
        <v>78</v>
      </c>
      <c r="K29" s="191">
        <v>253</v>
      </c>
      <c r="L29" s="194">
        <v>583</v>
      </c>
      <c r="M29" s="195">
        <v>583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1</v>
      </c>
      <c r="U29" s="191">
        <v>4</v>
      </c>
      <c r="V29" s="191">
        <v>0</v>
      </c>
      <c r="W29" s="196">
        <v>5</v>
      </c>
      <c r="X29" s="195">
        <v>5</v>
      </c>
      <c r="Y29" s="190">
        <v>18</v>
      </c>
      <c r="Z29" s="191">
        <v>38</v>
      </c>
      <c r="AA29" s="196">
        <v>56</v>
      </c>
      <c r="AB29" s="193">
        <v>0</v>
      </c>
      <c r="AC29" s="191">
        <v>18</v>
      </c>
      <c r="AD29" s="191">
        <v>23</v>
      </c>
      <c r="AE29" s="191">
        <v>41</v>
      </c>
      <c r="AF29" s="191">
        <v>13</v>
      </c>
      <c r="AG29" s="191">
        <v>46</v>
      </c>
      <c r="AH29" s="196">
        <v>141</v>
      </c>
      <c r="AI29" s="195">
        <v>197</v>
      </c>
      <c r="AJ29" s="190">
        <v>0</v>
      </c>
      <c r="AK29" s="191">
        <v>0</v>
      </c>
      <c r="AL29" s="196">
        <v>0</v>
      </c>
      <c r="AM29" s="193">
        <v>0</v>
      </c>
      <c r="AN29" s="191">
        <v>0</v>
      </c>
      <c r="AO29" s="191">
        <v>0</v>
      </c>
      <c r="AP29" s="191">
        <v>0</v>
      </c>
      <c r="AQ29" s="191">
        <v>0</v>
      </c>
      <c r="AR29" s="191">
        <v>0</v>
      </c>
      <c r="AS29" s="196">
        <v>0</v>
      </c>
      <c r="AT29" s="195">
        <v>0</v>
      </c>
      <c r="AU29" s="190">
        <v>0</v>
      </c>
      <c r="AV29" s="191">
        <v>0</v>
      </c>
      <c r="AW29" s="196">
        <v>0</v>
      </c>
      <c r="AX29" s="193">
        <v>0</v>
      </c>
      <c r="AY29" s="191">
        <v>47</v>
      </c>
      <c r="AZ29" s="191">
        <v>34</v>
      </c>
      <c r="BA29" s="191">
        <v>27</v>
      </c>
      <c r="BB29" s="191">
        <v>11</v>
      </c>
      <c r="BC29" s="191">
        <v>9</v>
      </c>
      <c r="BD29" s="194">
        <v>128</v>
      </c>
      <c r="BE29" s="195">
        <v>128</v>
      </c>
      <c r="BF29" s="190">
        <v>0</v>
      </c>
      <c r="BG29" s="191">
        <v>0</v>
      </c>
      <c r="BH29" s="196">
        <v>0</v>
      </c>
      <c r="BI29" s="193">
        <v>0</v>
      </c>
      <c r="BJ29" s="191">
        <v>8</v>
      </c>
      <c r="BK29" s="191">
        <v>14</v>
      </c>
      <c r="BL29" s="191">
        <v>0</v>
      </c>
      <c r="BM29" s="191">
        <v>0</v>
      </c>
      <c r="BN29" s="191">
        <v>4</v>
      </c>
      <c r="BO29" s="196">
        <v>26</v>
      </c>
      <c r="BP29" s="195">
        <v>26</v>
      </c>
      <c r="BQ29" s="190">
        <v>0</v>
      </c>
      <c r="BR29" s="191">
        <v>0</v>
      </c>
      <c r="BS29" s="196">
        <v>0</v>
      </c>
      <c r="BT29" s="193">
        <v>0</v>
      </c>
      <c r="BU29" s="191">
        <v>0</v>
      </c>
      <c r="BV29" s="191">
        <v>8</v>
      </c>
      <c r="BW29" s="191">
        <v>7</v>
      </c>
      <c r="BX29" s="191">
        <v>0</v>
      </c>
      <c r="BY29" s="191">
        <v>0</v>
      </c>
      <c r="BZ29" s="196">
        <v>15</v>
      </c>
      <c r="CA29" s="195">
        <v>15</v>
      </c>
      <c r="CB29" s="190">
        <v>0</v>
      </c>
      <c r="CC29" s="191">
        <v>0</v>
      </c>
      <c r="CD29" s="196">
        <v>0</v>
      </c>
      <c r="CE29" s="193">
        <v>0</v>
      </c>
      <c r="CF29" s="191">
        <v>0</v>
      </c>
      <c r="CG29" s="191">
        <v>0</v>
      </c>
      <c r="CH29" s="191">
        <v>0</v>
      </c>
      <c r="CI29" s="191">
        <v>0</v>
      </c>
      <c r="CJ29" s="191">
        <v>0</v>
      </c>
      <c r="CK29" s="196">
        <v>0</v>
      </c>
      <c r="CL29" s="195">
        <v>0</v>
      </c>
      <c r="CM29" s="190">
        <v>0</v>
      </c>
      <c r="CN29" s="191">
        <v>0</v>
      </c>
      <c r="CO29" s="196">
        <v>0</v>
      </c>
      <c r="CP29" s="193">
        <v>0</v>
      </c>
      <c r="CQ29" s="191">
        <v>0</v>
      </c>
      <c r="CR29" s="191">
        <v>0</v>
      </c>
      <c r="CS29" s="191">
        <v>0</v>
      </c>
      <c r="CT29" s="191">
        <v>0</v>
      </c>
      <c r="CU29" s="191">
        <v>0</v>
      </c>
      <c r="CV29" s="196">
        <v>0</v>
      </c>
      <c r="CW29" s="195">
        <v>0</v>
      </c>
      <c r="CX29" s="190">
        <v>0</v>
      </c>
      <c r="CY29" s="191">
        <v>0</v>
      </c>
      <c r="CZ29" s="196">
        <v>0</v>
      </c>
      <c r="DA29" s="193">
        <v>0</v>
      </c>
      <c r="DB29" s="191">
        <v>0</v>
      </c>
      <c r="DC29" s="191">
        <v>0</v>
      </c>
      <c r="DD29" s="191">
        <v>0</v>
      </c>
      <c r="DE29" s="191">
        <v>0</v>
      </c>
      <c r="DF29" s="191">
        <v>0</v>
      </c>
      <c r="DG29" s="196">
        <v>0</v>
      </c>
      <c r="DH29" s="195">
        <v>0</v>
      </c>
    </row>
    <row r="30" spans="2:112" ht="21" customHeight="1" x14ac:dyDescent="0.2">
      <c r="B30" s="106" t="s">
        <v>28</v>
      </c>
      <c r="C30" s="190">
        <v>0</v>
      </c>
      <c r="D30" s="191">
        <v>0</v>
      </c>
      <c r="E30" s="192">
        <v>0</v>
      </c>
      <c r="F30" s="193">
        <v>0</v>
      </c>
      <c r="G30" s="191">
        <v>6</v>
      </c>
      <c r="H30" s="191">
        <v>0</v>
      </c>
      <c r="I30" s="191">
        <v>56</v>
      </c>
      <c r="J30" s="191">
        <v>0</v>
      </c>
      <c r="K30" s="191">
        <v>2</v>
      </c>
      <c r="L30" s="194">
        <v>64</v>
      </c>
      <c r="M30" s="195">
        <v>64</v>
      </c>
      <c r="N30" s="190">
        <v>0</v>
      </c>
      <c r="O30" s="191">
        <v>0</v>
      </c>
      <c r="P30" s="196">
        <v>0</v>
      </c>
      <c r="Q30" s="193">
        <v>0</v>
      </c>
      <c r="R30" s="191">
        <v>5</v>
      </c>
      <c r="S30" s="191">
        <v>0</v>
      </c>
      <c r="T30" s="191">
        <v>0</v>
      </c>
      <c r="U30" s="191">
        <v>0</v>
      </c>
      <c r="V30" s="191">
        <v>0</v>
      </c>
      <c r="W30" s="196">
        <v>5</v>
      </c>
      <c r="X30" s="195">
        <v>5</v>
      </c>
      <c r="Y30" s="190">
        <v>0</v>
      </c>
      <c r="Z30" s="191">
        <v>0</v>
      </c>
      <c r="AA30" s="196">
        <v>0</v>
      </c>
      <c r="AB30" s="193">
        <v>0</v>
      </c>
      <c r="AC30" s="191">
        <v>16</v>
      </c>
      <c r="AD30" s="191">
        <v>0</v>
      </c>
      <c r="AE30" s="191">
        <v>8</v>
      </c>
      <c r="AF30" s="191">
        <v>6</v>
      </c>
      <c r="AG30" s="191">
        <v>0</v>
      </c>
      <c r="AH30" s="196">
        <v>30</v>
      </c>
      <c r="AI30" s="195">
        <v>30</v>
      </c>
      <c r="AJ30" s="190">
        <v>0</v>
      </c>
      <c r="AK30" s="191">
        <v>0</v>
      </c>
      <c r="AL30" s="196">
        <v>0</v>
      </c>
      <c r="AM30" s="193">
        <v>0</v>
      </c>
      <c r="AN30" s="191">
        <v>0</v>
      </c>
      <c r="AO30" s="191">
        <v>0</v>
      </c>
      <c r="AP30" s="191">
        <v>0</v>
      </c>
      <c r="AQ30" s="191">
        <v>0</v>
      </c>
      <c r="AR30" s="191">
        <v>0</v>
      </c>
      <c r="AS30" s="196">
        <v>0</v>
      </c>
      <c r="AT30" s="195">
        <v>0</v>
      </c>
      <c r="AU30" s="190">
        <v>0</v>
      </c>
      <c r="AV30" s="191">
        <v>0</v>
      </c>
      <c r="AW30" s="196">
        <v>0</v>
      </c>
      <c r="AX30" s="193">
        <v>0</v>
      </c>
      <c r="AY30" s="191">
        <v>6</v>
      </c>
      <c r="AZ30" s="191">
        <v>9</v>
      </c>
      <c r="BA30" s="191">
        <v>10</v>
      </c>
      <c r="BB30" s="191">
        <v>0</v>
      </c>
      <c r="BC30" s="191">
        <v>0</v>
      </c>
      <c r="BD30" s="194">
        <v>25</v>
      </c>
      <c r="BE30" s="195">
        <v>25</v>
      </c>
      <c r="BF30" s="190">
        <v>0</v>
      </c>
      <c r="BG30" s="191">
        <v>0</v>
      </c>
      <c r="BH30" s="196">
        <v>0</v>
      </c>
      <c r="BI30" s="193">
        <v>0</v>
      </c>
      <c r="BJ30" s="191">
        <v>6</v>
      </c>
      <c r="BK30" s="191">
        <v>0</v>
      </c>
      <c r="BL30" s="191">
        <v>0</v>
      </c>
      <c r="BM30" s="191">
        <v>0</v>
      </c>
      <c r="BN30" s="191">
        <v>0</v>
      </c>
      <c r="BO30" s="196">
        <v>6</v>
      </c>
      <c r="BP30" s="195">
        <v>6</v>
      </c>
      <c r="BQ30" s="190">
        <v>0</v>
      </c>
      <c r="BR30" s="191">
        <v>0</v>
      </c>
      <c r="BS30" s="196">
        <v>0</v>
      </c>
      <c r="BT30" s="193">
        <v>0</v>
      </c>
      <c r="BU30" s="191">
        <v>6</v>
      </c>
      <c r="BV30" s="191">
        <v>0</v>
      </c>
      <c r="BW30" s="191">
        <v>0</v>
      </c>
      <c r="BX30" s="191">
        <v>0</v>
      </c>
      <c r="BY30" s="191">
        <v>18</v>
      </c>
      <c r="BZ30" s="196">
        <v>24</v>
      </c>
      <c r="CA30" s="195">
        <v>24</v>
      </c>
      <c r="CB30" s="190">
        <v>0</v>
      </c>
      <c r="CC30" s="191">
        <v>0</v>
      </c>
      <c r="CD30" s="196">
        <v>0</v>
      </c>
      <c r="CE30" s="193">
        <v>0</v>
      </c>
      <c r="CF30" s="191">
        <v>0</v>
      </c>
      <c r="CG30" s="191">
        <v>0</v>
      </c>
      <c r="CH30" s="191">
        <v>5</v>
      </c>
      <c r="CI30" s="191">
        <v>0</v>
      </c>
      <c r="CJ30" s="191">
        <v>0</v>
      </c>
      <c r="CK30" s="196">
        <v>5</v>
      </c>
      <c r="CL30" s="195">
        <v>5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  <c r="CX30" s="190">
        <v>0</v>
      </c>
      <c r="CY30" s="191">
        <v>0</v>
      </c>
      <c r="CZ30" s="196">
        <v>0</v>
      </c>
      <c r="DA30" s="193">
        <v>0</v>
      </c>
      <c r="DB30" s="191">
        <v>0</v>
      </c>
      <c r="DC30" s="191">
        <v>0</v>
      </c>
      <c r="DD30" s="191">
        <v>0</v>
      </c>
      <c r="DE30" s="191">
        <v>0</v>
      </c>
      <c r="DF30" s="191">
        <v>0</v>
      </c>
      <c r="DG30" s="196">
        <v>0</v>
      </c>
      <c r="DH30" s="195">
        <v>0</v>
      </c>
    </row>
    <row r="31" spans="2:112" ht="21" customHeight="1" x14ac:dyDescent="0.2">
      <c r="B31" s="106" t="s">
        <v>29</v>
      </c>
      <c r="C31" s="190">
        <v>0</v>
      </c>
      <c r="D31" s="191">
        <v>0</v>
      </c>
      <c r="E31" s="192">
        <v>0</v>
      </c>
      <c r="F31" s="193">
        <v>0</v>
      </c>
      <c r="G31" s="191">
        <v>0</v>
      </c>
      <c r="H31" s="191">
        <v>14</v>
      </c>
      <c r="I31" s="191">
        <v>17</v>
      </c>
      <c r="J31" s="191">
        <v>79</v>
      </c>
      <c r="K31" s="191">
        <v>0</v>
      </c>
      <c r="L31" s="194">
        <v>110</v>
      </c>
      <c r="M31" s="195">
        <v>110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  <c r="Y31" s="190">
        <v>9</v>
      </c>
      <c r="Z31" s="191">
        <v>5</v>
      </c>
      <c r="AA31" s="196">
        <v>14</v>
      </c>
      <c r="AB31" s="193">
        <v>0</v>
      </c>
      <c r="AC31" s="191">
        <v>2</v>
      </c>
      <c r="AD31" s="191">
        <v>2</v>
      </c>
      <c r="AE31" s="191">
        <v>13</v>
      </c>
      <c r="AF31" s="191">
        <v>0</v>
      </c>
      <c r="AG31" s="191">
        <v>0</v>
      </c>
      <c r="AH31" s="196">
        <v>17</v>
      </c>
      <c r="AI31" s="195">
        <v>31</v>
      </c>
      <c r="AJ31" s="190">
        <v>0</v>
      </c>
      <c r="AK31" s="191">
        <v>0</v>
      </c>
      <c r="AL31" s="196">
        <v>0</v>
      </c>
      <c r="AM31" s="193">
        <v>0</v>
      </c>
      <c r="AN31" s="191">
        <v>0</v>
      </c>
      <c r="AO31" s="191">
        <v>0</v>
      </c>
      <c r="AP31" s="191">
        <v>12</v>
      </c>
      <c r="AQ31" s="191">
        <v>0</v>
      </c>
      <c r="AR31" s="191">
        <v>0</v>
      </c>
      <c r="AS31" s="196">
        <v>12</v>
      </c>
      <c r="AT31" s="195">
        <v>12</v>
      </c>
      <c r="AU31" s="190">
        <v>0</v>
      </c>
      <c r="AV31" s="191">
        <v>0</v>
      </c>
      <c r="AW31" s="196">
        <v>0</v>
      </c>
      <c r="AX31" s="193">
        <v>0</v>
      </c>
      <c r="AY31" s="191">
        <v>0</v>
      </c>
      <c r="AZ31" s="191">
        <v>20</v>
      </c>
      <c r="BA31" s="191">
        <v>14</v>
      </c>
      <c r="BB31" s="191">
        <v>0</v>
      </c>
      <c r="BC31" s="191">
        <v>0</v>
      </c>
      <c r="BD31" s="194">
        <v>34</v>
      </c>
      <c r="BE31" s="195">
        <v>34</v>
      </c>
      <c r="BF31" s="190">
        <v>0</v>
      </c>
      <c r="BG31" s="191">
        <v>0</v>
      </c>
      <c r="BH31" s="196">
        <v>0</v>
      </c>
      <c r="BI31" s="193">
        <v>0</v>
      </c>
      <c r="BJ31" s="191">
        <v>4</v>
      </c>
      <c r="BK31" s="191">
        <v>0</v>
      </c>
      <c r="BL31" s="191">
        <v>9</v>
      </c>
      <c r="BM31" s="191">
        <v>6</v>
      </c>
      <c r="BN31" s="191">
        <v>0</v>
      </c>
      <c r="BO31" s="196">
        <v>19</v>
      </c>
      <c r="BP31" s="195">
        <v>19</v>
      </c>
      <c r="BQ31" s="190">
        <v>0</v>
      </c>
      <c r="BR31" s="191">
        <v>0</v>
      </c>
      <c r="BS31" s="196">
        <v>0</v>
      </c>
      <c r="BT31" s="193">
        <v>0</v>
      </c>
      <c r="BU31" s="191">
        <v>0</v>
      </c>
      <c r="BV31" s="191">
        <v>2</v>
      </c>
      <c r="BW31" s="191">
        <v>0</v>
      </c>
      <c r="BX31" s="191">
        <v>0</v>
      </c>
      <c r="BY31" s="191">
        <v>0</v>
      </c>
      <c r="BZ31" s="196">
        <v>2</v>
      </c>
      <c r="CA31" s="195">
        <v>2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0</v>
      </c>
      <c r="CH31" s="191">
        <v>0</v>
      </c>
      <c r="CI31" s="191">
        <v>0</v>
      </c>
      <c r="CJ31" s="191">
        <v>0</v>
      </c>
      <c r="CK31" s="196">
        <v>0</v>
      </c>
      <c r="CL31" s="195">
        <v>0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  <c r="CX31" s="190">
        <v>0</v>
      </c>
      <c r="CY31" s="191">
        <v>0</v>
      </c>
      <c r="CZ31" s="196">
        <v>0</v>
      </c>
      <c r="DA31" s="193">
        <v>0</v>
      </c>
      <c r="DB31" s="191">
        <v>0</v>
      </c>
      <c r="DC31" s="191">
        <v>0</v>
      </c>
      <c r="DD31" s="191">
        <v>0</v>
      </c>
      <c r="DE31" s="191">
        <v>0</v>
      </c>
      <c r="DF31" s="191">
        <v>0</v>
      </c>
      <c r="DG31" s="196">
        <v>0</v>
      </c>
      <c r="DH31" s="195">
        <v>0</v>
      </c>
    </row>
    <row r="32" spans="2:112" ht="21" customHeight="1" x14ac:dyDescent="0.2">
      <c r="B32" s="106" t="s">
        <v>30</v>
      </c>
      <c r="C32" s="190">
        <v>0</v>
      </c>
      <c r="D32" s="191">
        <v>0</v>
      </c>
      <c r="E32" s="192">
        <v>0</v>
      </c>
      <c r="F32" s="193">
        <v>0</v>
      </c>
      <c r="G32" s="191">
        <v>8</v>
      </c>
      <c r="H32" s="191">
        <v>0</v>
      </c>
      <c r="I32" s="191">
        <v>61</v>
      </c>
      <c r="J32" s="191">
        <v>0</v>
      </c>
      <c r="K32" s="191">
        <v>158</v>
      </c>
      <c r="L32" s="194">
        <v>227</v>
      </c>
      <c r="M32" s="195">
        <v>227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0</v>
      </c>
      <c r="V32" s="191">
        <v>0</v>
      </c>
      <c r="W32" s="196">
        <v>0</v>
      </c>
      <c r="X32" s="195">
        <v>0</v>
      </c>
      <c r="Y32" s="190">
        <v>7</v>
      </c>
      <c r="Z32" s="191">
        <v>9</v>
      </c>
      <c r="AA32" s="196">
        <v>16</v>
      </c>
      <c r="AB32" s="193">
        <v>0</v>
      </c>
      <c r="AC32" s="191">
        <v>9</v>
      </c>
      <c r="AD32" s="191">
        <v>0</v>
      </c>
      <c r="AE32" s="191">
        <v>6</v>
      </c>
      <c r="AF32" s="191">
        <v>15</v>
      </c>
      <c r="AG32" s="191">
        <v>9</v>
      </c>
      <c r="AH32" s="196">
        <v>39</v>
      </c>
      <c r="AI32" s="195">
        <v>55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0</v>
      </c>
      <c r="AP32" s="191">
        <v>0</v>
      </c>
      <c r="AQ32" s="191">
        <v>0</v>
      </c>
      <c r="AR32" s="191">
        <v>0</v>
      </c>
      <c r="AS32" s="196">
        <v>0</v>
      </c>
      <c r="AT32" s="195">
        <v>0</v>
      </c>
      <c r="AU32" s="190">
        <v>0</v>
      </c>
      <c r="AV32" s="191">
        <v>0</v>
      </c>
      <c r="AW32" s="196">
        <v>0</v>
      </c>
      <c r="AX32" s="193">
        <v>0</v>
      </c>
      <c r="AY32" s="191">
        <v>25</v>
      </c>
      <c r="AZ32" s="191">
        <v>3</v>
      </c>
      <c r="BA32" s="191">
        <v>0</v>
      </c>
      <c r="BB32" s="191">
        <v>12</v>
      </c>
      <c r="BC32" s="191">
        <v>4</v>
      </c>
      <c r="BD32" s="194">
        <v>44</v>
      </c>
      <c r="BE32" s="195">
        <v>44</v>
      </c>
      <c r="BF32" s="190">
        <v>0</v>
      </c>
      <c r="BG32" s="191">
        <v>0</v>
      </c>
      <c r="BH32" s="196">
        <v>0</v>
      </c>
      <c r="BI32" s="193">
        <v>0</v>
      </c>
      <c r="BJ32" s="191">
        <v>7</v>
      </c>
      <c r="BK32" s="191">
        <v>0</v>
      </c>
      <c r="BL32" s="191">
        <v>0</v>
      </c>
      <c r="BM32" s="191">
        <v>0</v>
      </c>
      <c r="BN32" s="191">
        <v>0</v>
      </c>
      <c r="BO32" s="196">
        <v>7</v>
      </c>
      <c r="BP32" s="195">
        <v>7</v>
      </c>
      <c r="BQ32" s="190">
        <v>0</v>
      </c>
      <c r="BR32" s="191">
        <v>0</v>
      </c>
      <c r="BS32" s="196">
        <v>0</v>
      </c>
      <c r="BT32" s="193">
        <v>0</v>
      </c>
      <c r="BU32" s="191">
        <v>0</v>
      </c>
      <c r="BV32" s="191">
        <v>0</v>
      </c>
      <c r="BW32" s="191">
        <v>10</v>
      </c>
      <c r="BX32" s="191">
        <v>0</v>
      </c>
      <c r="BY32" s="191">
        <v>0</v>
      </c>
      <c r="BZ32" s="196">
        <v>10</v>
      </c>
      <c r="CA32" s="195">
        <v>10</v>
      </c>
      <c r="CB32" s="190">
        <v>0</v>
      </c>
      <c r="CC32" s="191">
        <v>0</v>
      </c>
      <c r="CD32" s="196">
        <v>0</v>
      </c>
      <c r="CE32" s="193">
        <v>0</v>
      </c>
      <c r="CF32" s="191">
        <v>0</v>
      </c>
      <c r="CG32" s="191">
        <v>0</v>
      </c>
      <c r="CH32" s="191">
        <v>0</v>
      </c>
      <c r="CI32" s="191">
        <v>0</v>
      </c>
      <c r="CJ32" s="191">
        <v>0</v>
      </c>
      <c r="CK32" s="196">
        <v>0</v>
      </c>
      <c r="CL32" s="195">
        <v>0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  <c r="CX32" s="190">
        <v>0</v>
      </c>
      <c r="CY32" s="191">
        <v>0</v>
      </c>
      <c r="CZ32" s="196">
        <v>0</v>
      </c>
      <c r="DA32" s="193">
        <v>0</v>
      </c>
      <c r="DB32" s="191">
        <v>0</v>
      </c>
      <c r="DC32" s="191">
        <v>0</v>
      </c>
      <c r="DD32" s="191">
        <v>0</v>
      </c>
      <c r="DE32" s="191">
        <v>0</v>
      </c>
      <c r="DF32" s="191">
        <v>0</v>
      </c>
      <c r="DG32" s="196">
        <v>0</v>
      </c>
      <c r="DH32" s="195">
        <v>0</v>
      </c>
    </row>
    <row r="33" spans="2:112" ht="21" customHeight="1" x14ac:dyDescent="0.2">
      <c r="B33" s="106" t="s">
        <v>31</v>
      </c>
      <c r="C33" s="190">
        <v>0</v>
      </c>
      <c r="D33" s="191">
        <v>0</v>
      </c>
      <c r="E33" s="192">
        <v>0</v>
      </c>
      <c r="F33" s="193">
        <v>0</v>
      </c>
      <c r="G33" s="191">
        <v>13</v>
      </c>
      <c r="H33" s="191">
        <v>23</v>
      </c>
      <c r="I33" s="191">
        <v>0</v>
      </c>
      <c r="J33" s="191">
        <v>0</v>
      </c>
      <c r="K33" s="191">
        <v>0</v>
      </c>
      <c r="L33" s="194">
        <v>36</v>
      </c>
      <c r="M33" s="195">
        <v>36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3</v>
      </c>
      <c r="T33" s="191">
        <v>0</v>
      </c>
      <c r="U33" s="191">
        <v>0</v>
      </c>
      <c r="V33" s="191">
        <v>0</v>
      </c>
      <c r="W33" s="196">
        <v>3</v>
      </c>
      <c r="X33" s="195">
        <v>3</v>
      </c>
      <c r="Y33" s="190">
        <v>0</v>
      </c>
      <c r="Z33" s="191">
        <v>0</v>
      </c>
      <c r="AA33" s="196">
        <v>0</v>
      </c>
      <c r="AB33" s="193">
        <v>0</v>
      </c>
      <c r="AC33" s="191">
        <v>0</v>
      </c>
      <c r="AD33" s="191">
        <v>16</v>
      </c>
      <c r="AE33" s="191">
        <v>4</v>
      </c>
      <c r="AF33" s="191">
        <v>0</v>
      </c>
      <c r="AG33" s="191">
        <v>3</v>
      </c>
      <c r="AH33" s="196">
        <v>23</v>
      </c>
      <c r="AI33" s="195">
        <v>23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0</v>
      </c>
      <c r="AQ33" s="191">
        <v>0</v>
      </c>
      <c r="AR33" s="191">
        <v>0</v>
      </c>
      <c r="AS33" s="196">
        <v>0</v>
      </c>
      <c r="AT33" s="195">
        <v>0</v>
      </c>
      <c r="AU33" s="190">
        <v>0</v>
      </c>
      <c r="AV33" s="191">
        <v>0</v>
      </c>
      <c r="AW33" s="196">
        <v>0</v>
      </c>
      <c r="AX33" s="193">
        <v>0</v>
      </c>
      <c r="AY33" s="191">
        <v>20</v>
      </c>
      <c r="AZ33" s="191">
        <v>19</v>
      </c>
      <c r="BA33" s="191">
        <v>0</v>
      </c>
      <c r="BB33" s="191">
        <v>1</v>
      </c>
      <c r="BC33" s="191">
        <v>0</v>
      </c>
      <c r="BD33" s="194">
        <v>40</v>
      </c>
      <c r="BE33" s="195">
        <v>40</v>
      </c>
      <c r="BF33" s="190">
        <v>0</v>
      </c>
      <c r="BG33" s="191">
        <v>0</v>
      </c>
      <c r="BH33" s="196">
        <v>0</v>
      </c>
      <c r="BI33" s="193">
        <v>0</v>
      </c>
      <c r="BJ33" s="191">
        <v>8</v>
      </c>
      <c r="BK33" s="191">
        <v>0</v>
      </c>
      <c r="BL33" s="191">
        <v>6</v>
      </c>
      <c r="BM33" s="191">
        <v>0</v>
      </c>
      <c r="BN33" s="191">
        <v>0</v>
      </c>
      <c r="BO33" s="196">
        <v>14</v>
      </c>
      <c r="BP33" s="195">
        <v>14</v>
      </c>
      <c r="BQ33" s="190">
        <v>0</v>
      </c>
      <c r="BR33" s="191">
        <v>0</v>
      </c>
      <c r="BS33" s="196">
        <v>0</v>
      </c>
      <c r="BT33" s="193">
        <v>0</v>
      </c>
      <c r="BU33" s="191">
        <v>8</v>
      </c>
      <c r="BV33" s="191">
        <v>16</v>
      </c>
      <c r="BW33" s="191">
        <v>0</v>
      </c>
      <c r="BX33" s="191">
        <v>3</v>
      </c>
      <c r="BY33" s="191">
        <v>0</v>
      </c>
      <c r="BZ33" s="196">
        <v>27</v>
      </c>
      <c r="CA33" s="195">
        <v>27</v>
      </c>
      <c r="CB33" s="190">
        <v>0</v>
      </c>
      <c r="CC33" s="191">
        <v>0</v>
      </c>
      <c r="CD33" s="196">
        <v>0</v>
      </c>
      <c r="CE33" s="193">
        <v>0</v>
      </c>
      <c r="CF33" s="191">
        <v>0</v>
      </c>
      <c r="CG33" s="191">
        <v>0</v>
      </c>
      <c r="CH33" s="191">
        <v>0</v>
      </c>
      <c r="CI33" s="191">
        <v>0</v>
      </c>
      <c r="CJ33" s="191">
        <v>0</v>
      </c>
      <c r="CK33" s="196">
        <v>0</v>
      </c>
      <c r="CL33" s="195">
        <v>0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  <c r="CX33" s="190">
        <v>0</v>
      </c>
      <c r="CY33" s="191">
        <v>0</v>
      </c>
      <c r="CZ33" s="196">
        <v>0</v>
      </c>
      <c r="DA33" s="193">
        <v>0</v>
      </c>
      <c r="DB33" s="191">
        <v>0</v>
      </c>
      <c r="DC33" s="191">
        <v>0</v>
      </c>
      <c r="DD33" s="191">
        <v>0</v>
      </c>
      <c r="DE33" s="191">
        <v>0</v>
      </c>
      <c r="DF33" s="191">
        <v>0</v>
      </c>
      <c r="DG33" s="196">
        <v>0</v>
      </c>
      <c r="DH33" s="195">
        <v>0</v>
      </c>
    </row>
    <row r="34" spans="2:112" ht="21" customHeight="1" x14ac:dyDescent="0.2">
      <c r="B34" s="106" t="s">
        <v>32</v>
      </c>
      <c r="C34" s="190">
        <v>0</v>
      </c>
      <c r="D34" s="191">
        <v>0</v>
      </c>
      <c r="E34" s="192">
        <v>0</v>
      </c>
      <c r="F34" s="193">
        <v>0</v>
      </c>
      <c r="G34" s="191">
        <v>21</v>
      </c>
      <c r="H34" s="191">
        <v>122</v>
      </c>
      <c r="I34" s="191">
        <v>35</v>
      </c>
      <c r="J34" s="191">
        <v>0</v>
      </c>
      <c r="K34" s="191">
        <v>88</v>
      </c>
      <c r="L34" s="194">
        <v>266</v>
      </c>
      <c r="M34" s="195">
        <v>266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4</v>
      </c>
      <c r="U34" s="191">
        <v>0</v>
      </c>
      <c r="V34" s="191">
        <v>4</v>
      </c>
      <c r="W34" s="196">
        <v>8</v>
      </c>
      <c r="X34" s="195">
        <v>8</v>
      </c>
      <c r="Y34" s="190">
        <v>4</v>
      </c>
      <c r="Z34" s="191">
        <v>0</v>
      </c>
      <c r="AA34" s="196">
        <v>4</v>
      </c>
      <c r="AB34" s="193">
        <v>0</v>
      </c>
      <c r="AC34" s="191">
        <v>3</v>
      </c>
      <c r="AD34" s="191">
        <v>82</v>
      </c>
      <c r="AE34" s="191">
        <v>0</v>
      </c>
      <c r="AF34" s="191">
        <v>0</v>
      </c>
      <c r="AG34" s="191">
        <v>6</v>
      </c>
      <c r="AH34" s="196">
        <v>91</v>
      </c>
      <c r="AI34" s="195">
        <v>95</v>
      </c>
      <c r="AJ34" s="190">
        <v>0</v>
      </c>
      <c r="AK34" s="191">
        <v>0</v>
      </c>
      <c r="AL34" s="196">
        <v>0</v>
      </c>
      <c r="AM34" s="193">
        <v>0</v>
      </c>
      <c r="AN34" s="191">
        <v>24</v>
      </c>
      <c r="AO34" s="191">
        <v>0</v>
      </c>
      <c r="AP34" s="191">
        <v>0</v>
      </c>
      <c r="AQ34" s="191">
        <v>0</v>
      </c>
      <c r="AR34" s="191">
        <v>0</v>
      </c>
      <c r="AS34" s="196">
        <v>24</v>
      </c>
      <c r="AT34" s="195">
        <v>24</v>
      </c>
      <c r="AU34" s="190">
        <v>0</v>
      </c>
      <c r="AV34" s="191">
        <v>0</v>
      </c>
      <c r="AW34" s="196">
        <v>0</v>
      </c>
      <c r="AX34" s="193">
        <v>0</v>
      </c>
      <c r="AY34" s="191">
        <v>16</v>
      </c>
      <c r="AZ34" s="191">
        <v>28</v>
      </c>
      <c r="BA34" s="191">
        <v>9</v>
      </c>
      <c r="BB34" s="191">
        <v>28</v>
      </c>
      <c r="BC34" s="191">
        <v>0</v>
      </c>
      <c r="BD34" s="194">
        <v>81</v>
      </c>
      <c r="BE34" s="195">
        <v>81</v>
      </c>
      <c r="BF34" s="190">
        <v>0</v>
      </c>
      <c r="BG34" s="191">
        <v>0</v>
      </c>
      <c r="BH34" s="196">
        <v>0</v>
      </c>
      <c r="BI34" s="193">
        <v>0</v>
      </c>
      <c r="BJ34" s="191">
        <v>0</v>
      </c>
      <c r="BK34" s="191">
        <v>12</v>
      </c>
      <c r="BL34" s="191">
        <v>0</v>
      </c>
      <c r="BM34" s="191">
        <v>0</v>
      </c>
      <c r="BN34" s="191">
        <v>0</v>
      </c>
      <c r="BO34" s="196">
        <v>12</v>
      </c>
      <c r="BP34" s="195">
        <v>12</v>
      </c>
      <c r="BQ34" s="190">
        <v>0</v>
      </c>
      <c r="BR34" s="191">
        <v>0</v>
      </c>
      <c r="BS34" s="196">
        <v>0</v>
      </c>
      <c r="BT34" s="193">
        <v>0</v>
      </c>
      <c r="BU34" s="191">
        <v>0</v>
      </c>
      <c r="BV34" s="191">
        <v>0</v>
      </c>
      <c r="BW34" s="191">
        <v>4</v>
      </c>
      <c r="BX34" s="191">
        <v>0</v>
      </c>
      <c r="BY34" s="191">
        <v>0</v>
      </c>
      <c r="BZ34" s="196">
        <v>4</v>
      </c>
      <c r="CA34" s="195">
        <v>4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0</v>
      </c>
      <c r="CH34" s="191">
        <v>0</v>
      </c>
      <c r="CI34" s="191">
        <v>0</v>
      </c>
      <c r="CJ34" s="191">
        <v>0</v>
      </c>
      <c r="CK34" s="196">
        <v>0</v>
      </c>
      <c r="CL34" s="195">
        <v>0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  <c r="CX34" s="190">
        <v>0</v>
      </c>
      <c r="CY34" s="191">
        <v>0</v>
      </c>
      <c r="CZ34" s="196">
        <v>0</v>
      </c>
      <c r="DA34" s="193">
        <v>0</v>
      </c>
      <c r="DB34" s="191">
        <v>0</v>
      </c>
      <c r="DC34" s="191">
        <v>0</v>
      </c>
      <c r="DD34" s="191">
        <v>0</v>
      </c>
      <c r="DE34" s="191">
        <v>0</v>
      </c>
      <c r="DF34" s="191">
        <v>0</v>
      </c>
      <c r="DG34" s="196">
        <v>0</v>
      </c>
      <c r="DH34" s="195">
        <v>0</v>
      </c>
    </row>
    <row r="35" spans="2:112" ht="21" customHeight="1" x14ac:dyDescent="0.2">
      <c r="B35" s="106" t="s">
        <v>33</v>
      </c>
      <c r="C35" s="190">
        <v>0</v>
      </c>
      <c r="D35" s="191">
        <v>0</v>
      </c>
      <c r="E35" s="192">
        <v>0</v>
      </c>
      <c r="F35" s="193">
        <v>0</v>
      </c>
      <c r="G35" s="191">
        <v>13</v>
      </c>
      <c r="H35" s="191">
        <v>0</v>
      </c>
      <c r="I35" s="191">
        <v>15</v>
      </c>
      <c r="J35" s="191">
        <v>0</v>
      </c>
      <c r="K35" s="191">
        <v>0</v>
      </c>
      <c r="L35" s="194">
        <v>28</v>
      </c>
      <c r="M35" s="195">
        <v>28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0</v>
      </c>
      <c r="AA35" s="196">
        <v>0</v>
      </c>
      <c r="AB35" s="193">
        <v>0</v>
      </c>
      <c r="AC35" s="191">
        <v>4</v>
      </c>
      <c r="AD35" s="191">
        <v>0</v>
      </c>
      <c r="AE35" s="191">
        <v>4</v>
      </c>
      <c r="AF35" s="191">
        <v>0</v>
      </c>
      <c r="AG35" s="191">
        <v>0</v>
      </c>
      <c r="AH35" s="196">
        <v>8</v>
      </c>
      <c r="AI35" s="195">
        <v>8</v>
      </c>
      <c r="AJ35" s="190">
        <v>21</v>
      </c>
      <c r="AK35" s="191">
        <v>6</v>
      </c>
      <c r="AL35" s="196">
        <v>27</v>
      </c>
      <c r="AM35" s="193">
        <v>0</v>
      </c>
      <c r="AN35" s="191">
        <v>27</v>
      </c>
      <c r="AO35" s="191">
        <v>0</v>
      </c>
      <c r="AP35" s="191">
        <v>15</v>
      </c>
      <c r="AQ35" s="191">
        <v>0</v>
      </c>
      <c r="AR35" s="191">
        <v>0</v>
      </c>
      <c r="AS35" s="196">
        <v>42</v>
      </c>
      <c r="AT35" s="195">
        <v>69</v>
      </c>
      <c r="AU35" s="190">
        <v>0</v>
      </c>
      <c r="AV35" s="191">
        <v>0</v>
      </c>
      <c r="AW35" s="196">
        <v>0</v>
      </c>
      <c r="AX35" s="193">
        <v>0</v>
      </c>
      <c r="AY35" s="191">
        <v>0</v>
      </c>
      <c r="AZ35" s="191">
        <v>0</v>
      </c>
      <c r="BA35" s="191">
        <v>0</v>
      </c>
      <c r="BB35" s="191">
        <v>0</v>
      </c>
      <c r="BC35" s="191">
        <v>0</v>
      </c>
      <c r="BD35" s="194">
        <v>0</v>
      </c>
      <c r="BE35" s="195">
        <v>0</v>
      </c>
      <c r="BF35" s="190">
        <v>0</v>
      </c>
      <c r="BG35" s="191">
        <v>0</v>
      </c>
      <c r="BH35" s="196">
        <v>0</v>
      </c>
      <c r="BI35" s="193">
        <v>0</v>
      </c>
      <c r="BJ35" s="191">
        <v>0</v>
      </c>
      <c r="BK35" s="191">
        <v>0</v>
      </c>
      <c r="BL35" s="191">
        <v>0</v>
      </c>
      <c r="BM35" s="191">
        <v>0</v>
      </c>
      <c r="BN35" s="191">
        <v>0</v>
      </c>
      <c r="BO35" s="196">
        <v>0</v>
      </c>
      <c r="BP35" s="195">
        <v>0</v>
      </c>
      <c r="BQ35" s="190">
        <v>0</v>
      </c>
      <c r="BR35" s="191">
        <v>0</v>
      </c>
      <c r="BS35" s="196">
        <v>0</v>
      </c>
      <c r="BT35" s="193">
        <v>0</v>
      </c>
      <c r="BU35" s="191">
        <v>6</v>
      </c>
      <c r="BV35" s="191">
        <v>0</v>
      </c>
      <c r="BW35" s="191">
        <v>0</v>
      </c>
      <c r="BX35" s="191">
        <v>0</v>
      </c>
      <c r="BY35" s="191">
        <v>31</v>
      </c>
      <c r="BZ35" s="196">
        <v>37</v>
      </c>
      <c r="CA35" s="195">
        <v>37</v>
      </c>
      <c r="CB35" s="190">
        <v>0</v>
      </c>
      <c r="CC35" s="191">
        <v>0</v>
      </c>
      <c r="CD35" s="196">
        <v>0</v>
      </c>
      <c r="CE35" s="193">
        <v>0</v>
      </c>
      <c r="CF35" s="191">
        <v>0</v>
      </c>
      <c r="CG35" s="191">
        <v>0</v>
      </c>
      <c r="CH35" s="191">
        <v>0</v>
      </c>
      <c r="CI35" s="191">
        <v>0</v>
      </c>
      <c r="CJ35" s="191">
        <v>0</v>
      </c>
      <c r="CK35" s="196">
        <v>0</v>
      </c>
      <c r="CL35" s="195">
        <v>0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  <c r="CX35" s="190">
        <v>0</v>
      </c>
      <c r="CY35" s="191">
        <v>0</v>
      </c>
      <c r="CZ35" s="196">
        <v>0</v>
      </c>
      <c r="DA35" s="193">
        <v>0</v>
      </c>
      <c r="DB35" s="191">
        <v>0</v>
      </c>
      <c r="DC35" s="191">
        <v>0</v>
      </c>
      <c r="DD35" s="191">
        <v>0</v>
      </c>
      <c r="DE35" s="191">
        <v>0</v>
      </c>
      <c r="DF35" s="191">
        <v>0</v>
      </c>
      <c r="DG35" s="196">
        <v>0</v>
      </c>
      <c r="DH35" s="195">
        <v>0</v>
      </c>
    </row>
    <row r="36" spans="2:112" ht="21" customHeight="1" x14ac:dyDescent="0.2">
      <c r="B36" s="106" t="s">
        <v>34</v>
      </c>
      <c r="C36" s="190">
        <v>0</v>
      </c>
      <c r="D36" s="191">
        <v>0</v>
      </c>
      <c r="E36" s="192">
        <v>0</v>
      </c>
      <c r="F36" s="193">
        <v>0</v>
      </c>
      <c r="G36" s="191">
        <v>0</v>
      </c>
      <c r="H36" s="191">
        <v>0</v>
      </c>
      <c r="I36" s="191">
        <v>0</v>
      </c>
      <c r="J36" s="191">
        <v>0</v>
      </c>
      <c r="K36" s="191">
        <v>0</v>
      </c>
      <c r="L36" s="194">
        <v>0</v>
      </c>
      <c r="M36" s="195">
        <v>0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0</v>
      </c>
      <c r="Z36" s="191">
        <v>0</v>
      </c>
      <c r="AA36" s="196">
        <v>0</v>
      </c>
      <c r="AB36" s="193">
        <v>0</v>
      </c>
      <c r="AC36" s="191">
        <v>10</v>
      </c>
      <c r="AD36" s="191">
        <v>32</v>
      </c>
      <c r="AE36" s="191">
        <v>0</v>
      </c>
      <c r="AF36" s="191">
        <v>0</v>
      </c>
      <c r="AG36" s="191">
        <v>11</v>
      </c>
      <c r="AH36" s="196">
        <v>53</v>
      </c>
      <c r="AI36" s="195">
        <v>53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0</v>
      </c>
      <c r="AP36" s="191">
        <v>0</v>
      </c>
      <c r="AQ36" s="191">
        <v>0</v>
      </c>
      <c r="AR36" s="191">
        <v>16</v>
      </c>
      <c r="AS36" s="196">
        <v>16</v>
      </c>
      <c r="AT36" s="195">
        <v>16</v>
      </c>
      <c r="AU36" s="190">
        <v>0</v>
      </c>
      <c r="AV36" s="191">
        <v>0</v>
      </c>
      <c r="AW36" s="196">
        <v>0</v>
      </c>
      <c r="AX36" s="193">
        <v>0</v>
      </c>
      <c r="AY36" s="191">
        <v>8</v>
      </c>
      <c r="AZ36" s="191">
        <v>12</v>
      </c>
      <c r="BA36" s="191">
        <v>0</v>
      </c>
      <c r="BB36" s="191">
        <v>0</v>
      </c>
      <c r="BC36" s="191">
        <v>0</v>
      </c>
      <c r="BD36" s="194">
        <v>20</v>
      </c>
      <c r="BE36" s="195">
        <v>20</v>
      </c>
      <c r="BF36" s="190">
        <v>0</v>
      </c>
      <c r="BG36" s="191">
        <v>0</v>
      </c>
      <c r="BH36" s="196">
        <v>0</v>
      </c>
      <c r="BI36" s="193">
        <v>0</v>
      </c>
      <c r="BJ36" s="191">
        <v>0</v>
      </c>
      <c r="BK36" s="191">
        <v>0</v>
      </c>
      <c r="BL36" s="191">
        <v>0</v>
      </c>
      <c r="BM36" s="191">
        <v>0</v>
      </c>
      <c r="BN36" s="191">
        <v>0</v>
      </c>
      <c r="BO36" s="196">
        <v>0</v>
      </c>
      <c r="BP36" s="195">
        <v>0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0</v>
      </c>
      <c r="BW36" s="191">
        <v>0</v>
      </c>
      <c r="BX36" s="191">
        <v>0</v>
      </c>
      <c r="BY36" s="191">
        <v>0</v>
      </c>
      <c r="BZ36" s="196">
        <v>0</v>
      </c>
      <c r="CA36" s="195">
        <v>0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0</v>
      </c>
      <c r="CH36" s="191">
        <v>0</v>
      </c>
      <c r="CI36" s="191">
        <v>0</v>
      </c>
      <c r="CJ36" s="191">
        <v>0</v>
      </c>
      <c r="CK36" s="196">
        <v>0</v>
      </c>
      <c r="CL36" s="195">
        <v>0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  <c r="CX36" s="190">
        <v>0</v>
      </c>
      <c r="CY36" s="191">
        <v>0</v>
      </c>
      <c r="CZ36" s="196">
        <v>0</v>
      </c>
      <c r="DA36" s="193">
        <v>0</v>
      </c>
      <c r="DB36" s="191">
        <v>0</v>
      </c>
      <c r="DC36" s="191">
        <v>0</v>
      </c>
      <c r="DD36" s="191">
        <v>0</v>
      </c>
      <c r="DE36" s="191">
        <v>0</v>
      </c>
      <c r="DF36" s="191">
        <v>0</v>
      </c>
      <c r="DG36" s="196">
        <v>0</v>
      </c>
      <c r="DH36" s="195">
        <v>0</v>
      </c>
    </row>
    <row r="37" spans="2:112" ht="21" customHeight="1" x14ac:dyDescent="0.2">
      <c r="B37" s="106" t="s">
        <v>35</v>
      </c>
      <c r="C37" s="190">
        <v>0</v>
      </c>
      <c r="D37" s="191">
        <v>0</v>
      </c>
      <c r="E37" s="192">
        <v>0</v>
      </c>
      <c r="F37" s="193">
        <v>0</v>
      </c>
      <c r="G37" s="191">
        <v>8</v>
      </c>
      <c r="H37" s="191">
        <v>134</v>
      </c>
      <c r="I37" s="191">
        <v>0</v>
      </c>
      <c r="J37" s="191">
        <v>0</v>
      </c>
      <c r="K37" s="191">
        <v>0</v>
      </c>
      <c r="L37" s="194">
        <v>142</v>
      </c>
      <c r="M37" s="195">
        <v>142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4</v>
      </c>
      <c r="U37" s="191">
        <v>0</v>
      </c>
      <c r="V37" s="191">
        <v>6</v>
      </c>
      <c r="W37" s="196">
        <v>10</v>
      </c>
      <c r="X37" s="195">
        <v>10</v>
      </c>
      <c r="Y37" s="190">
        <v>0</v>
      </c>
      <c r="Z37" s="191">
        <v>8</v>
      </c>
      <c r="AA37" s="196">
        <v>8</v>
      </c>
      <c r="AB37" s="193">
        <v>0</v>
      </c>
      <c r="AC37" s="191">
        <v>7</v>
      </c>
      <c r="AD37" s="191">
        <v>28</v>
      </c>
      <c r="AE37" s="191">
        <v>12</v>
      </c>
      <c r="AF37" s="191">
        <v>0</v>
      </c>
      <c r="AG37" s="191">
        <v>70</v>
      </c>
      <c r="AH37" s="196">
        <v>117</v>
      </c>
      <c r="AI37" s="195">
        <v>125</v>
      </c>
      <c r="AJ37" s="190">
        <v>0</v>
      </c>
      <c r="AK37" s="191">
        <v>0</v>
      </c>
      <c r="AL37" s="196">
        <v>0</v>
      </c>
      <c r="AM37" s="193">
        <v>0</v>
      </c>
      <c r="AN37" s="191">
        <v>24</v>
      </c>
      <c r="AO37" s="191">
        <v>0</v>
      </c>
      <c r="AP37" s="191">
        <v>0</v>
      </c>
      <c r="AQ37" s="191">
        <v>0</v>
      </c>
      <c r="AR37" s="191">
        <v>4</v>
      </c>
      <c r="AS37" s="196">
        <v>28</v>
      </c>
      <c r="AT37" s="195">
        <v>28</v>
      </c>
      <c r="AU37" s="190">
        <v>0</v>
      </c>
      <c r="AV37" s="191">
        <v>0</v>
      </c>
      <c r="AW37" s="196">
        <v>0</v>
      </c>
      <c r="AX37" s="193">
        <v>0</v>
      </c>
      <c r="AY37" s="191">
        <v>40</v>
      </c>
      <c r="AZ37" s="191">
        <v>24</v>
      </c>
      <c r="BA37" s="191">
        <v>13</v>
      </c>
      <c r="BB37" s="191">
        <v>0</v>
      </c>
      <c r="BC37" s="191">
        <v>0</v>
      </c>
      <c r="BD37" s="194">
        <v>77</v>
      </c>
      <c r="BE37" s="195">
        <v>77</v>
      </c>
      <c r="BF37" s="190">
        <v>0</v>
      </c>
      <c r="BG37" s="191">
        <v>0</v>
      </c>
      <c r="BH37" s="196">
        <v>0</v>
      </c>
      <c r="BI37" s="193">
        <v>0</v>
      </c>
      <c r="BJ37" s="191">
        <v>33</v>
      </c>
      <c r="BK37" s="191">
        <v>19</v>
      </c>
      <c r="BL37" s="191">
        <v>0</v>
      </c>
      <c r="BM37" s="191">
        <v>11</v>
      </c>
      <c r="BN37" s="191">
        <v>0</v>
      </c>
      <c r="BO37" s="196">
        <v>63</v>
      </c>
      <c r="BP37" s="195">
        <v>63</v>
      </c>
      <c r="BQ37" s="190">
        <v>0</v>
      </c>
      <c r="BR37" s="191">
        <v>0</v>
      </c>
      <c r="BS37" s="196">
        <v>0</v>
      </c>
      <c r="BT37" s="193">
        <v>0</v>
      </c>
      <c r="BU37" s="191">
        <v>0</v>
      </c>
      <c r="BV37" s="191">
        <v>0</v>
      </c>
      <c r="BW37" s="191">
        <v>0</v>
      </c>
      <c r="BX37" s="191">
        <v>0</v>
      </c>
      <c r="BY37" s="191">
        <v>0</v>
      </c>
      <c r="BZ37" s="196">
        <v>0</v>
      </c>
      <c r="CA37" s="195">
        <v>0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0</v>
      </c>
      <c r="CH37" s="191">
        <v>0</v>
      </c>
      <c r="CI37" s="191">
        <v>0</v>
      </c>
      <c r="CJ37" s="191">
        <v>0</v>
      </c>
      <c r="CK37" s="196">
        <v>0</v>
      </c>
      <c r="CL37" s="195">
        <v>0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  <c r="CX37" s="190">
        <v>0</v>
      </c>
      <c r="CY37" s="191">
        <v>0</v>
      </c>
      <c r="CZ37" s="196">
        <v>0</v>
      </c>
      <c r="DA37" s="193">
        <v>0</v>
      </c>
      <c r="DB37" s="191">
        <v>0</v>
      </c>
      <c r="DC37" s="191">
        <v>0</v>
      </c>
      <c r="DD37" s="191">
        <v>0</v>
      </c>
      <c r="DE37" s="191">
        <v>0</v>
      </c>
      <c r="DF37" s="191">
        <v>0</v>
      </c>
      <c r="DG37" s="196">
        <v>0</v>
      </c>
      <c r="DH37" s="195">
        <v>0</v>
      </c>
    </row>
    <row r="38" spans="2:112" ht="21" customHeight="1" x14ac:dyDescent="0.2">
      <c r="B38" s="106" t="s">
        <v>36</v>
      </c>
      <c r="C38" s="190">
        <v>0</v>
      </c>
      <c r="D38" s="191">
        <v>0</v>
      </c>
      <c r="E38" s="192">
        <v>0</v>
      </c>
      <c r="F38" s="193">
        <v>0</v>
      </c>
      <c r="G38" s="191">
        <v>19</v>
      </c>
      <c r="H38" s="191">
        <v>90</v>
      </c>
      <c r="I38" s="191">
        <v>0</v>
      </c>
      <c r="J38" s="191">
        <v>75</v>
      </c>
      <c r="K38" s="191">
        <v>124</v>
      </c>
      <c r="L38" s="194">
        <v>308</v>
      </c>
      <c r="M38" s="195">
        <v>308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8</v>
      </c>
      <c r="V38" s="191">
        <v>0</v>
      </c>
      <c r="W38" s="196">
        <v>8</v>
      </c>
      <c r="X38" s="195">
        <v>8</v>
      </c>
      <c r="Y38" s="190">
        <v>0</v>
      </c>
      <c r="Z38" s="191">
        <v>4</v>
      </c>
      <c r="AA38" s="196">
        <v>4</v>
      </c>
      <c r="AB38" s="193">
        <v>0</v>
      </c>
      <c r="AC38" s="191">
        <v>40</v>
      </c>
      <c r="AD38" s="191">
        <v>0</v>
      </c>
      <c r="AE38" s="191">
        <v>0</v>
      </c>
      <c r="AF38" s="191">
        <v>13</v>
      </c>
      <c r="AG38" s="191">
        <v>0</v>
      </c>
      <c r="AH38" s="196">
        <v>53</v>
      </c>
      <c r="AI38" s="195">
        <v>57</v>
      </c>
      <c r="AJ38" s="190">
        <v>0</v>
      </c>
      <c r="AK38" s="191">
        <v>0</v>
      </c>
      <c r="AL38" s="196">
        <v>0</v>
      </c>
      <c r="AM38" s="193">
        <v>0</v>
      </c>
      <c r="AN38" s="191">
        <v>0</v>
      </c>
      <c r="AO38" s="191">
        <v>8</v>
      </c>
      <c r="AP38" s="191">
        <v>0</v>
      </c>
      <c r="AQ38" s="191">
        <v>0</v>
      </c>
      <c r="AR38" s="191">
        <v>0</v>
      </c>
      <c r="AS38" s="196">
        <v>8</v>
      </c>
      <c r="AT38" s="195">
        <v>8</v>
      </c>
      <c r="AU38" s="190">
        <v>0</v>
      </c>
      <c r="AV38" s="191">
        <v>0</v>
      </c>
      <c r="AW38" s="196">
        <v>0</v>
      </c>
      <c r="AX38" s="193">
        <v>0</v>
      </c>
      <c r="AY38" s="191">
        <v>0</v>
      </c>
      <c r="AZ38" s="191">
        <v>11</v>
      </c>
      <c r="BA38" s="191">
        <v>0</v>
      </c>
      <c r="BB38" s="191">
        <v>0</v>
      </c>
      <c r="BC38" s="191">
        <v>0</v>
      </c>
      <c r="BD38" s="194">
        <v>11</v>
      </c>
      <c r="BE38" s="195">
        <v>11</v>
      </c>
      <c r="BF38" s="190">
        <v>0</v>
      </c>
      <c r="BG38" s="191">
        <v>0</v>
      </c>
      <c r="BH38" s="196">
        <v>0</v>
      </c>
      <c r="BI38" s="193">
        <v>0</v>
      </c>
      <c r="BJ38" s="191">
        <v>14</v>
      </c>
      <c r="BK38" s="191">
        <v>0</v>
      </c>
      <c r="BL38" s="191">
        <v>0</v>
      </c>
      <c r="BM38" s="191">
        <v>0</v>
      </c>
      <c r="BN38" s="191">
        <v>0</v>
      </c>
      <c r="BO38" s="196">
        <v>14</v>
      </c>
      <c r="BP38" s="195">
        <v>14</v>
      </c>
      <c r="BQ38" s="190">
        <v>0</v>
      </c>
      <c r="BR38" s="191">
        <v>0</v>
      </c>
      <c r="BS38" s="196">
        <v>0</v>
      </c>
      <c r="BT38" s="193">
        <v>0</v>
      </c>
      <c r="BU38" s="191">
        <v>0</v>
      </c>
      <c r="BV38" s="191">
        <v>3</v>
      </c>
      <c r="BW38" s="191">
        <v>0</v>
      </c>
      <c r="BX38" s="191">
        <v>0</v>
      </c>
      <c r="BY38" s="191">
        <v>0</v>
      </c>
      <c r="BZ38" s="196">
        <v>3</v>
      </c>
      <c r="CA38" s="195">
        <v>3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0</v>
      </c>
      <c r="CH38" s="191">
        <v>0</v>
      </c>
      <c r="CI38" s="191">
        <v>0</v>
      </c>
      <c r="CJ38" s="191">
        <v>0</v>
      </c>
      <c r="CK38" s="196">
        <v>0</v>
      </c>
      <c r="CL38" s="195">
        <v>0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  <c r="CX38" s="190">
        <v>0</v>
      </c>
      <c r="CY38" s="191">
        <v>0</v>
      </c>
      <c r="CZ38" s="196">
        <v>0</v>
      </c>
      <c r="DA38" s="193">
        <v>0</v>
      </c>
      <c r="DB38" s="191">
        <v>0</v>
      </c>
      <c r="DC38" s="191">
        <v>0</v>
      </c>
      <c r="DD38" s="191">
        <v>0</v>
      </c>
      <c r="DE38" s="191">
        <v>0</v>
      </c>
      <c r="DF38" s="191">
        <v>0</v>
      </c>
      <c r="DG38" s="196">
        <v>0</v>
      </c>
      <c r="DH38" s="195">
        <v>0</v>
      </c>
    </row>
    <row r="39" spans="2:112" ht="21" customHeight="1" thickBot="1" x14ac:dyDescent="0.25">
      <c r="B39" s="108" t="s">
        <v>37</v>
      </c>
      <c r="C39" s="197">
        <v>0</v>
      </c>
      <c r="D39" s="198">
        <v>0</v>
      </c>
      <c r="E39" s="199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1">
        <v>0</v>
      </c>
      <c r="M39" s="202">
        <v>0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0</v>
      </c>
      <c r="AD39" s="198">
        <v>0</v>
      </c>
      <c r="AE39" s="198">
        <v>0</v>
      </c>
      <c r="AF39" s="198">
        <v>15</v>
      </c>
      <c r="AG39" s="198">
        <v>0</v>
      </c>
      <c r="AH39" s="203">
        <v>15</v>
      </c>
      <c r="AI39" s="202">
        <v>15</v>
      </c>
      <c r="AJ39" s="197">
        <v>0</v>
      </c>
      <c r="AK39" s="198">
        <v>0</v>
      </c>
      <c r="AL39" s="203">
        <v>0</v>
      </c>
      <c r="AM39" s="200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203">
        <v>0</v>
      </c>
      <c r="AT39" s="202">
        <v>0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0</v>
      </c>
      <c r="BA39" s="198">
        <v>0</v>
      </c>
      <c r="BB39" s="198">
        <v>0</v>
      </c>
      <c r="BC39" s="198">
        <v>0</v>
      </c>
      <c r="BD39" s="201">
        <v>0</v>
      </c>
      <c r="BE39" s="202">
        <v>0</v>
      </c>
      <c r="BF39" s="197">
        <v>0</v>
      </c>
      <c r="BG39" s="198">
        <v>0</v>
      </c>
      <c r="BH39" s="203">
        <v>0</v>
      </c>
      <c r="BI39" s="200">
        <v>0</v>
      </c>
      <c r="BJ39" s="198">
        <v>4</v>
      </c>
      <c r="BK39" s="198">
        <v>6</v>
      </c>
      <c r="BL39" s="198">
        <v>0</v>
      </c>
      <c r="BM39" s="198">
        <v>6</v>
      </c>
      <c r="BN39" s="198">
        <v>0</v>
      </c>
      <c r="BO39" s="203">
        <v>16</v>
      </c>
      <c r="BP39" s="202">
        <v>16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0</v>
      </c>
      <c r="BW39" s="198">
        <v>0</v>
      </c>
      <c r="BX39" s="198">
        <v>2</v>
      </c>
      <c r="BY39" s="198">
        <v>0</v>
      </c>
      <c r="BZ39" s="203">
        <v>2</v>
      </c>
      <c r="CA39" s="202">
        <v>2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  <c r="CX39" s="197">
        <v>0</v>
      </c>
      <c r="CY39" s="198">
        <v>0</v>
      </c>
      <c r="CZ39" s="203">
        <v>0</v>
      </c>
      <c r="DA39" s="200">
        <v>0</v>
      </c>
      <c r="DB39" s="198">
        <v>0</v>
      </c>
      <c r="DC39" s="198">
        <v>0</v>
      </c>
      <c r="DD39" s="198">
        <v>0</v>
      </c>
      <c r="DE39" s="198">
        <v>0</v>
      </c>
      <c r="DF39" s="198">
        <v>0</v>
      </c>
      <c r="DG39" s="203">
        <v>0</v>
      </c>
      <c r="DH39" s="202">
        <v>0</v>
      </c>
    </row>
    <row r="40" spans="2:112" ht="27" customHeight="1" x14ac:dyDescent="0.2"/>
  </sheetData>
  <mergeCells count="43">
    <mergeCell ref="CX3:DH3"/>
    <mergeCell ref="CX4:CZ4"/>
    <mergeCell ref="DA4:DG4"/>
    <mergeCell ref="DH4:DH5"/>
    <mergeCell ref="CB3:CL3"/>
    <mergeCell ref="CM3:CW3"/>
    <mergeCell ref="CB4:CD4"/>
    <mergeCell ref="CE4:CK4"/>
    <mergeCell ref="CL4:CL5"/>
    <mergeCell ref="CM4:CO4"/>
    <mergeCell ref="CP4:CV4"/>
    <mergeCell ref="CW4:CW5"/>
    <mergeCell ref="J1:K1"/>
    <mergeCell ref="M1:N1"/>
    <mergeCell ref="B3:B5"/>
    <mergeCell ref="C3:M3"/>
    <mergeCell ref="N3:X3"/>
    <mergeCell ref="Y3:AI3"/>
    <mergeCell ref="C4:E4"/>
    <mergeCell ref="F4:L4"/>
    <mergeCell ref="M4:M5"/>
    <mergeCell ref="N4:P4"/>
    <mergeCell ref="Q4:W4"/>
    <mergeCell ref="X4:X5"/>
    <mergeCell ref="Y4:AA4"/>
    <mergeCell ref="AB4:AH4"/>
    <mergeCell ref="AI4:AI5"/>
    <mergeCell ref="AJ4:AL4"/>
    <mergeCell ref="AJ3:AT3"/>
    <mergeCell ref="AU3:BE3"/>
    <mergeCell ref="BF3:BP3"/>
    <mergeCell ref="BQ3:CA3"/>
    <mergeCell ref="AM4:AS4"/>
    <mergeCell ref="AT4:AT5"/>
    <mergeCell ref="AU4:AW4"/>
    <mergeCell ref="AX4:BD4"/>
    <mergeCell ref="BE4:BE5"/>
    <mergeCell ref="BF4:BH4"/>
    <mergeCell ref="BI4:BO4"/>
    <mergeCell ref="BP4:BP5"/>
    <mergeCell ref="BQ4:BS4"/>
    <mergeCell ref="BT4:BZ4"/>
    <mergeCell ref="CA4:CA5"/>
  </mergeCells>
  <phoneticPr fontId="4"/>
  <pageMargins left="0.70866141732283472" right="0.70866141732283472" top="0.47244094488188981" bottom="0.59055118110236227" header="0.27559055118110237" footer="0.31496062992125984"/>
  <pageSetup paperSize="9" scale="60" orientation="landscape" r:id="rId1"/>
  <headerFooter>
    <oddFooter>&amp;L&amp;20&amp;A&amp;C&amp;P/&amp;N</oddFooter>
  </headerFooter>
  <colBreaks count="4" manualBreakCount="4">
    <brk id="24" max="39" man="1"/>
    <brk id="46" max="39" man="1"/>
    <brk id="68" max="1048575" man="1"/>
    <brk id="90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DH40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5" width="9" style="175"/>
    <col min="6" max="6" width="7.77734375" style="175" customWidth="1"/>
    <col min="7" max="7" width="9" style="175"/>
    <col min="8" max="8" width="10.6640625" style="175" customWidth="1"/>
    <col min="9" max="16" width="9" style="175"/>
    <col min="17" max="17" width="7.88671875" style="175" customWidth="1"/>
    <col min="18" max="27" width="9" style="175"/>
    <col min="28" max="28" width="7.77734375" style="175" customWidth="1"/>
    <col min="29" max="38" width="9" style="175"/>
    <col min="39" max="39" width="7.5546875" style="175" customWidth="1"/>
    <col min="40" max="49" width="9" style="175"/>
    <col min="50" max="50" width="7.77734375" style="175" customWidth="1"/>
    <col min="51" max="60" width="9" style="175"/>
    <col min="61" max="61" width="7.44140625" style="175" customWidth="1"/>
    <col min="62" max="71" width="9" style="175"/>
    <col min="72" max="72" width="7.33203125" style="175" customWidth="1"/>
    <col min="73" max="82" width="9" style="175"/>
    <col min="83" max="83" width="7.44140625" style="175" customWidth="1"/>
    <col min="84" max="93" width="9" style="175"/>
    <col min="94" max="94" width="7.6640625" style="175" customWidth="1"/>
    <col min="95" max="16384" width="9" style="175"/>
  </cols>
  <sheetData>
    <row r="1" spans="2:112" ht="24" customHeight="1" x14ac:dyDescent="0.2">
      <c r="B1" s="142" t="s">
        <v>121</v>
      </c>
      <c r="J1" s="442">
        <f>第１表!F2</f>
        <v>7</v>
      </c>
      <c r="K1" s="442"/>
      <c r="L1" s="18">
        <f>第１表!G2</f>
        <v>3</v>
      </c>
      <c r="M1" s="447">
        <f>IF(L1&lt;3,L1+12-2,L1-2)</f>
        <v>1</v>
      </c>
      <c r="N1" s="447"/>
    </row>
    <row r="2" spans="2:112" ht="24" customHeight="1" thickBot="1" x14ac:dyDescent="0.25">
      <c r="B2" s="142" t="s">
        <v>150</v>
      </c>
    </row>
    <row r="3" spans="2:112" ht="21" customHeight="1" thickBot="1" x14ac:dyDescent="0.25">
      <c r="B3" s="484"/>
      <c r="C3" s="487" t="s">
        <v>111</v>
      </c>
      <c r="D3" s="487"/>
      <c r="E3" s="487"/>
      <c r="F3" s="487"/>
      <c r="G3" s="487"/>
      <c r="H3" s="487"/>
      <c r="I3" s="487"/>
      <c r="J3" s="487"/>
      <c r="K3" s="487"/>
      <c r="L3" s="487"/>
      <c r="M3" s="488"/>
      <c r="N3" s="482" t="s">
        <v>110</v>
      </c>
      <c r="O3" s="482"/>
      <c r="P3" s="482"/>
      <c r="Q3" s="482"/>
      <c r="R3" s="482"/>
      <c r="S3" s="482"/>
      <c r="T3" s="482"/>
      <c r="U3" s="482"/>
      <c r="V3" s="482"/>
      <c r="W3" s="482"/>
      <c r="X3" s="483"/>
      <c r="Y3" s="481" t="s">
        <v>109</v>
      </c>
      <c r="Z3" s="482"/>
      <c r="AA3" s="482"/>
      <c r="AB3" s="482"/>
      <c r="AC3" s="482"/>
      <c r="AD3" s="482"/>
      <c r="AE3" s="482"/>
      <c r="AF3" s="482"/>
      <c r="AG3" s="482"/>
      <c r="AH3" s="482"/>
      <c r="AI3" s="483"/>
      <c r="AJ3" s="481" t="s">
        <v>108</v>
      </c>
      <c r="AK3" s="482"/>
      <c r="AL3" s="482"/>
      <c r="AM3" s="482"/>
      <c r="AN3" s="482"/>
      <c r="AO3" s="482"/>
      <c r="AP3" s="482"/>
      <c r="AQ3" s="482"/>
      <c r="AR3" s="482"/>
      <c r="AS3" s="482"/>
      <c r="AT3" s="483"/>
      <c r="AU3" s="481" t="s">
        <v>107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106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105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124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1" t="s">
        <v>157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  <c r="CX3" s="481" t="s">
        <v>153</v>
      </c>
      <c r="CY3" s="482"/>
      <c r="CZ3" s="482"/>
      <c r="DA3" s="482"/>
      <c r="DB3" s="482"/>
      <c r="DC3" s="482"/>
      <c r="DD3" s="482"/>
      <c r="DE3" s="482"/>
      <c r="DF3" s="482"/>
      <c r="DG3" s="482"/>
      <c r="DH3" s="483"/>
    </row>
    <row r="4" spans="2:112" ht="21" customHeight="1" x14ac:dyDescent="0.2">
      <c r="B4" s="485"/>
      <c r="C4" s="489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89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71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65" t="s">
        <v>61</v>
      </c>
      <c r="AV4" s="466"/>
      <c r="AW4" s="471"/>
      <c r="AX4" s="468" t="s">
        <v>62</v>
      </c>
      <c r="AY4" s="466"/>
      <c r="AZ4" s="466"/>
      <c r="BA4" s="466"/>
      <c r="BB4" s="466"/>
      <c r="BC4" s="466"/>
      <c r="BD4" s="471"/>
      <c r="BE4" s="469" t="s">
        <v>52</v>
      </c>
      <c r="BF4" s="465" t="s">
        <v>61</v>
      </c>
      <c r="BG4" s="466"/>
      <c r="BH4" s="467"/>
      <c r="BI4" s="468" t="s">
        <v>62</v>
      </c>
      <c r="BJ4" s="466"/>
      <c r="BK4" s="466"/>
      <c r="BL4" s="466"/>
      <c r="BM4" s="466"/>
      <c r="BN4" s="466"/>
      <c r="BO4" s="467"/>
      <c r="BP4" s="469" t="s">
        <v>52</v>
      </c>
      <c r="BQ4" s="465" t="s">
        <v>61</v>
      </c>
      <c r="BR4" s="466"/>
      <c r="BS4" s="467"/>
      <c r="BT4" s="468" t="s">
        <v>62</v>
      </c>
      <c r="BU4" s="466"/>
      <c r="BV4" s="466"/>
      <c r="BW4" s="466"/>
      <c r="BX4" s="466"/>
      <c r="BY4" s="466"/>
      <c r="BZ4" s="467"/>
      <c r="CA4" s="469" t="s">
        <v>52</v>
      </c>
      <c r="CB4" s="465" t="s">
        <v>61</v>
      </c>
      <c r="CC4" s="466"/>
      <c r="CD4" s="467"/>
      <c r="CE4" s="468" t="s">
        <v>62</v>
      </c>
      <c r="CF4" s="466"/>
      <c r="CG4" s="466"/>
      <c r="CH4" s="466"/>
      <c r="CI4" s="466"/>
      <c r="CJ4" s="466"/>
      <c r="CK4" s="467"/>
      <c r="CL4" s="469" t="s">
        <v>52</v>
      </c>
      <c r="CM4" s="465" t="s">
        <v>61</v>
      </c>
      <c r="CN4" s="466"/>
      <c r="CO4" s="467"/>
      <c r="CP4" s="468" t="s">
        <v>62</v>
      </c>
      <c r="CQ4" s="466"/>
      <c r="CR4" s="466"/>
      <c r="CS4" s="466"/>
      <c r="CT4" s="466"/>
      <c r="CU4" s="466"/>
      <c r="CV4" s="467"/>
      <c r="CW4" s="469" t="s">
        <v>52</v>
      </c>
      <c r="CX4" s="465" t="s">
        <v>61</v>
      </c>
      <c r="CY4" s="466"/>
      <c r="CZ4" s="467"/>
      <c r="DA4" s="468" t="s">
        <v>62</v>
      </c>
      <c r="DB4" s="466"/>
      <c r="DC4" s="466"/>
      <c r="DD4" s="466"/>
      <c r="DE4" s="466"/>
      <c r="DF4" s="466"/>
      <c r="DG4" s="467"/>
      <c r="DH4" s="469" t="s">
        <v>52</v>
      </c>
    </row>
    <row r="5" spans="2:112" ht="30" customHeight="1" thickBot="1" x14ac:dyDescent="0.25">
      <c r="B5" s="486"/>
      <c r="C5" s="204" t="s">
        <v>43</v>
      </c>
      <c r="D5" s="182" t="s">
        <v>44</v>
      </c>
      <c r="E5" s="205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204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1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1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1" t="s">
        <v>45</v>
      </c>
      <c r="BE5" s="470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70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70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70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70"/>
      <c r="CX5" s="177" t="s">
        <v>43</v>
      </c>
      <c r="CY5" s="178" t="s">
        <v>44</v>
      </c>
      <c r="CZ5" s="182" t="s">
        <v>45</v>
      </c>
      <c r="DA5" s="180" t="s">
        <v>83</v>
      </c>
      <c r="DB5" s="178" t="s">
        <v>47</v>
      </c>
      <c r="DC5" s="178" t="s">
        <v>48</v>
      </c>
      <c r="DD5" s="178" t="s">
        <v>49</v>
      </c>
      <c r="DE5" s="178" t="s">
        <v>50</v>
      </c>
      <c r="DF5" s="178" t="s">
        <v>51</v>
      </c>
      <c r="DG5" s="182" t="s">
        <v>45</v>
      </c>
      <c r="DH5" s="470"/>
    </row>
    <row r="6" spans="2:112" ht="21" customHeight="1" x14ac:dyDescent="0.2">
      <c r="B6" s="84" t="s">
        <v>4</v>
      </c>
      <c r="C6" s="183">
        <v>0</v>
      </c>
      <c r="D6" s="189">
        <v>0</v>
      </c>
      <c r="E6" s="206">
        <v>0</v>
      </c>
      <c r="F6" s="186">
        <v>0</v>
      </c>
      <c r="G6" s="184">
        <v>12249</v>
      </c>
      <c r="H6" s="184">
        <v>20420</v>
      </c>
      <c r="I6" s="184">
        <v>22345</v>
      </c>
      <c r="J6" s="184">
        <v>25358</v>
      </c>
      <c r="K6" s="184">
        <v>25420</v>
      </c>
      <c r="L6" s="187">
        <v>105792</v>
      </c>
      <c r="M6" s="188">
        <v>105792</v>
      </c>
      <c r="N6" s="183">
        <v>0</v>
      </c>
      <c r="O6" s="184">
        <v>12</v>
      </c>
      <c r="P6" s="189">
        <v>12</v>
      </c>
      <c r="Q6" s="186">
        <v>0</v>
      </c>
      <c r="R6" s="184">
        <v>29</v>
      </c>
      <c r="S6" s="184">
        <v>84</v>
      </c>
      <c r="T6" s="184">
        <v>242</v>
      </c>
      <c r="U6" s="184">
        <v>632</v>
      </c>
      <c r="V6" s="184">
        <v>1251</v>
      </c>
      <c r="W6" s="189">
        <v>2238</v>
      </c>
      <c r="X6" s="188">
        <v>2250</v>
      </c>
      <c r="Y6" s="183">
        <v>1596</v>
      </c>
      <c r="Z6" s="184">
        <v>4399</v>
      </c>
      <c r="AA6" s="189">
        <v>5995</v>
      </c>
      <c r="AB6" s="186">
        <v>0</v>
      </c>
      <c r="AC6" s="184">
        <v>9881</v>
      </c>
      <c r="AD6" s="184">
        <v>15577</v>
      </c>
      <c r="AE6" s="184">
        <v>9065</v>
      </c>
      <c r="AF6" s="184">
        <v>7911</v>
      </c>
      <c r="AG6" s="184">
        <v>5174</v>
      </c>
      <c r="AH6" s="189">
        <v>47608</v>
      </c>
      <c r="AI6" s="188">
        <v>53603</v>
      </c>
      <c r="AJ6" s="183">
        <v>208</v>
      </c>
      <c r="AK6" s="184">
        <v>740</v>
      </c>
      <c r="AL6" s="189">
        <v>948</v>
      </c>
      <c r="AM6" s="186">
        <v>0</v>
      </c>
      <c r="AN6" s="184">
        <v>1213</v>
      </c>
      <c r="AO6" s="184">
        <v>1713</v>
      </c>
      <c r="AP6" s="184">
        <v>1000</v>
      </c>
      <c r="AQ6" s="184">
        <v>1044</v>
      </c>
      <c r="AR6" s="184">
        <v>680</v>
      </c>
      <c r="AS6" s="189">
        <v>5650</v>
      </c>
      <c r="AT6" s="188">
        <v>6598</v>
      </c>
      <c r="AU6" s="183">
        <v>0</v>
      </c>
      <c r="AV6" s="184">
        <v>0</v>
      </c>
      <c r="AW6" s="189">
        <v>0</v>
      </c>
      <c r="AX6" s="186">
        <v>0</v>
      </c>
      <c r="AY6" s="184">
        <v>10190</v>
      </c>
      <c r="AZ6" s="184">
        <v>9942</v>
      </c>
      <c r="BA6" s="184">
        <v>5132</v>
      </c>
      <c r="BB6" s="184">
        <v>2857</v>
      </c>
      <c r="BC6" s="184">
        <v>1151</v>
      </c>
      <c r="BD6" s="187">
        <v>29272</v>
      </c>
      <c r="BE6" s="188">
        <v>29272</v>
      </c>
      <c r="BF6" s="183">
        <v>0</v>
      </c>
      <c r="BG6" s="184">
        <v>0</v>
      </c>
      <c r="BH6" s="189">
        <v>0</v>
      </c>
      <c r="BI6" s="186">
        <v>0</v>
      </c>
      <c r="BJ6" s="184">
        <v>2290</v>
      </c>
      <c r="BK6" s="184">
        <v>2881</v>
      </c>
      <c r="BL6" s="184">
        <v>2012</v>
      </c>
      <c r="BM6" s="184">
        <v>1137</v>
      </c>
      <c r="BN6" s="184">
        <v>406</v>
      </c>
      <c r="BO6" s="189">
        <v>8726</v>
      </c>
      <c r="BP6" s="188">
        <v>8726</v>
      </c>
      <c r="BQ6" s="183">
        <v>12</v>
      </c>
      <c r="BR6" s="184">
        <v>77</v>
      </c>
      <c r="BS6" s="189">
        <v>89</v>
      </c>
      <c r="BT6" s="186">
        <v>0</v>
      </c>
      <c r="BU6" s="184">
        <v>1175</v>
      </c>
      <c r="BV6" s="184">
        <v>1885</v>
      </c>
      <c r="BW6" s="184">
        <v>2943</v>
      </c>
      <c r="BX6" s="184">
        <v>2068</v>
      </c>
      <c r="BY6" s="184">
        <v>1137</v>
      </c>
      <c r="BZ6" s="189">
        <v>9208</v>
      </c>
      <c r="CA6" s="188">
        <v>9297</v>
      </c>
      <c r="CB6" s="183">
        <v>3</v>
      </c>
      <c r="CC6" s="184">
        <v>3</v>
      </c>
      <c r="CD6" s="189">
        <v>6</v>
      </c>
      <c r="CE6" s="186">
        <v>0</v>
      </c>
      <c r="CF6" s="184">
        <v>90</v>
      </c>
      <c r="CG6" s="184">
        <v>286</v>
      </c>
      <c r="CH6" s="184">
        <v>387</v>
      </c>
      <c r="CI6" s="184">
        <v>401</v>
      </c>
      <c r="CJ6" s="184">
        <v>224</v>
      </c>
      <c r="CK6" s="189">
        <v>1388</v>
      </c>
      <c r="CL6" s="188">
        <v>1394</v>
      </c>
      <c r="CM6" s="183">
        <v>0</v>
      </c>
      <c r="CN6" s="184">
        <v>0</v>
      </c>
      <c r="CO6" s="189">
        <v>0</v>
      </c>
      <c r="CP6" s="186">
        <v>0</v>
      </c>
      <c r="CQ6" s="184">
        <v>0</v>
      </c>
      <c r="CR6" s="184">
        <v>0</v>
      </c>
      <c r="CS6" s="184">
        <v>0</v>
      </c>
      <c r="CT6" s="184">
        <v>0</v>
      </c>
      <c r="CU6" s="184">
        <v>0</v>
      </c>
      <c r="CV6" s="189">
        <v>0</v>
      </c>
      <c r="CW6" s="188">
        <v>0</v>
      </c>
      <c r="CX6" s="183">
        <v>0</v>
      </c>
      <c r="CY6" s="184">
        <v>0</v>
      </c>
      <c r="CZ6" s="189">
        <v>0</v>
      </c>
      <c r="DA6" s="186">
        <v>0</v>
      </c>
      <c r="DB6" s="184">
        <v>0</v>
      </c>
      <c r="DC6" s="184">
        <v>0</v>
      </c>
      <c r="DD6" s="184">
        <v>0</v>
      </c>
      <c r="DE6" s="184">
        <v>0</v>
      </c>
      <c r="DF6" s="184">
        <v>0</v>
      </c>
      <c r="DG6" s="189">
        <v>0</v>
      </c>
      <c r="DH6" s="188">
        <v>0</v>
      </c>
    </row>
    <row r="7" spans="2:112" ht="21" customHeight="1" x14ac:dyDescent="0.2">
      <c r="B7" s="95" t="s">
        <v>5</v>
      </c>
      <c r="C7" s="190">
        <v>0</v>
      </c>
      <c r="D7" s="196">
        <v>0</v>
      </c>
      <c r="E7" s="207">
        <v>0</v>
      </c>
      <c r="F7" s="193">
        <v>0</v>
      </c>
      <c r="G7" s="191">
        <v>4557</v>
      </c>
      <c r="H7" s="191">
        <v>8938</v>
      </c>
      <c r="I7" s="191">
        <v>8828</v>
      </c>
      <c r="J7" s="191">
        <v>10196</v>
      </c>
      <c r="K7" s="191">
        <v>11319</v>
      </c>
      <c r="L7" s="194">
        <v>43838</v>
      </c>
      <c r="M7" s="195">
        <v>43838</v>
      </c>
      <c r="N7" s="190">
        <v>0</v>
      </c>
      <c r="O7" s="191">
        <v>8</v>
      </c>
      <c r="P7" s="196">
        <v>8</v>
      </c>
      <c r="Q7" s="193">
        <v>0</v>
      </c>
      <c r="R7" s="191">
        <v>13</v>
      </c>
      <c r="S7" s="191">
        <v>31</v>
      </c>
      <c r="T7" s="191">
        <v>72</v>
      </c>
      <c r="U7" s="191">
        <v>233</v>
      </c>
      <c r="V7" s="191">
        <v>686</v>
      </c>
      <c r="W7" s="196">
        <v>1035</v>
      </c>
      <c r="X7" s="195">
        <v>1043</v>
      </c>
      <c r="Y7" s="190">
        <v>738</v>
      </c>
      <c r="Z7" s="191">
        <v>2446</v>
      </c>
      <c r="AA7" s="196">
        <v>3184</v>
      </c>
      <c r="AB7" s="193">
        <v>0</v>
      </c>
      <c r="AC7" s="191">
        <v>3931</v>
      </c>
      <c r="AD7" s="191">
        <v>8621</v>
      </c>
      <c r="AE7" s="191">
        <v>4609</v>
      </c>
      <c r="AF7" s="191">
        <v>3678</v>
      </c>
      <c r="AG7" s="191">
        <v>2460</v>
      </c>
      <c r="AH7" s="196">
        <v>23299</v>
      </c>
      <c r="AI7" s="195">
        <v>26483</v>
      </c>
      <c r="AJ7" s="190">
        <v>92</v>
      </c>
      <c r="AK7" s="191">
        <v>441</v>
      </c>
      <c r="AL7" s="196">
        <v>533</v>
      </c>
      <c r="AM7" s="193">
        <v>0</v>
      </c>
      <c r="AN7" s="191">
        <v>402</v>
      </c>
      <c r="AO7" s="191">
        <v>807</v>
      </c>
      <c r="AP7" s="191">
        <v>421</v>
      </c>
      <c r="AQ7" s="191">
        <v>451</v>
      </c>
      <c r="AR7" s="191">
        <v>316</v>
      </c>
      <c r="AS7" s="196">
        <v>2397</v>
      </c>
      <c r="AT7" s="195">
        <v>2930</v>
      </c>
      <c r="AU7" s="190">
        <v>0</v>
      </c>
      <c r="AV7" s="191">
        <v>0</v>
      </c>
      <c r="AW7" s="196">
        <v>0</v>
      </c>
      <c r="AX7" s="193">
        <v>0</v>
      </c>
      <c r="AY7" s="191">
        <v>3556</v>
      </c>
      <c r="AZ7" s="191">
        <v>4347</v>
      </c>
      <c r="BA7" s="191">
        <v>1857</v>
      </c>
      <c r="BB7" s="191">
        <v>1033</v>
      </c>
      <c r="BC7" s="191">
        <v>466</v>
      </c>
      <c r="BD7" s="194">
        <v>11259</v>
      </c>
      <c r="BE7" s="195">
        <v>11259</v>
      </c>
      <c r="BF7" s="190">
        <v>0</v>
      </c>
      <c r="BG7" s="191">
        <v>0</v>
      </c>
      <c r="BH7" s="196">
        <v>0</v>
      </c>
      <c r="BI7" s="193">
        <v>0</v>
      </c>
      <c r="BJ7" s="191">
        <v>721</v>
      </c>
      <c r="BK7" s="191">
        <v>1373</v>
      </c>
      <c r="BL7" s="191">
        <v>958</v>
      </c>
      <c r="BM7" s="191">
        <v>536</v>
      </c>
      <c r="BN7" s="191">
        <v>185</v>
      </c>
      <c r="BO7" s="196">
        <v>3773</v>
      </c>
      <c r="BP7" s="195">
        <v>3773</v>
      </c>
      <c r="BQ7" s="190">
        <v>4</v>
      </c>
      <c r="BR7" s="191">
        <v>33</v>
      </c>
      <c r="BS7" s="196">
        <v>37</v>
      </c>
      <c r="BT7" s="193">
        <v>0</v>
      </c>
      <c r="BU7" s="191">
        <v>466</v>
      </c>
      <c r="BV7" s="191">
        <v>816</v>
      </c>
      <c r="BW7" s="191">
        <v>1443</v>
      </c>
      <c r="BX7" s="191">
        <v>771</v>
      </c>
      <c r="BY7" s="191">
        <v>513</v>
      </c>
      <c r="BZ7" s="196">
        <v>4009</v>
      </c>
      <c r="CA7" s="195">
        <v>4046</v>
      </c>
      <c r="CB7" s="190">
        <v>3</v>
      </c>
      <c r="CC7" s="191">
        <v>3</v>
      </c>
      <c r="CD7" s="196">
        <v>6</v>
      </c>
      <c r="CE7" s="193">
        <v>0</v>
      </c>
      <c r="CF7" s="191">
        <v>33</v>
      </c>
      <c r="CG7" s="191">
        <v>147</v>
      </c>
      <c r="CH7" s="191">
        <v>219</v>
      </c>
      <c r="CI7" s="191">
        <v>291</v>
      </c>
      <c r="CJ7" s="191">
        <v>131</v>
      </c>
      <c r="CK7" s="196">
        <v>821</v>
      </c>
      <c r="CL7" s="195">
        <v>827</v>
      </c>
      <c r="CM7" s="190">
        <v>0</v>
      </c>
      <c r="CN7" s="191">
        <v>0</v>
      </c>
      <c r="CO7" s="196">
        <v>0</v>
      </c>
      <c r="CP7" s="193">
        <v>0</v>
      </c>
      <c r="CQ7" s="191">
        <v>0</v>
      </c>
      <c r="CR7" s="191">
        <v>0</v>
      </c>
      <c r="CS7" s="191">
        <v>0</v>
      </c>
      <c r="CT7" s="191">
        <v>0</v>
      </c>
      <c r="CU7" s="191">
        <v>0</v>
      </c>
      <c r="CV7" s="196">
        <v>0</v>
      </c>
      <c r="CW7" s="195">
        <v>0</v>
      </c>
      <c r="CX7" s="190">
        <v>0</v>
      </c>
      <c r="CY7" s="191">
        <v>0</v>
      </c>
      <c r="CZ7" s="196">
        <v>0</v>
      </c>
      <c r="DA7" s="193">
        <v>0</v>
      </c>
      <c r="DB7" s="191">
        <v>0</v>
      </c>
      <c r="DC7" s="191">
        <v>0</v>
      </c>
      <c r="DD7" s="191">
        <v>0</v>
      </c>
      <c r="DE7" s="191">
        <v>0</v>
      </c>
      <c r="DF7" s="191">
        <v>0</v>
      </c>
      <c r="DG7" s="196">
        <v>0</v>
      </c>
      <c r="DH7" s="195">
        <v>0</v>
      </c>
    </row>
    <row r="8" spans="2:112" ht="21" customHeight="1" x14ac:dyDescent="0.2">
      <c r="B8" s="106" t="s">
        <v>6</v>
      </c>
      <c r="C8" s="190">
        <v>0</v>
      </c>
      <c r="D8" s="196">
        <v>0</v>
      </c>
      <c r="E8" s="207">
        <v>0</v>
      </c>
      <c r="F8" s="193">
        <v>0</v>
      </c>
      <c r="G8" s="191">
        <v>1995</v>
      </c>
      <c r="H8" s="191">
        <v>3410</v>
      </c>
      <c r="I8" s="191">
        <v>2808</v>
      </c>
      <c r="J8" s="191">
        <v>3604</v>
      </c>
      <c r="K8" s="191">
        <v>4070</v>
      </c>
      <c r="L8" s="194">
        <v>15887</v>
      </c>
      <c r="M8" s="195">
        <v>15887</v>
      </c>
      <c r="N8" s="190">
        <v>0</v>
      </c>
      <c r="O8" s="191">
        <v>0</v>
      </c>
      <c r="P8" s="196">
        <v>0</v>
      </c>
      <c r="Q8" s="193">
        <v>0</v>
      </c>
      <c r="R8" s="191">
        <v>12</v>
      </c>
      <c r="S8" s="191">
        <v>7</v>
      </c>
      <c r="T8" s="191">
        <v>48</v>
      </c>
      <c r="U8" s="191">
        <v>94</v>
      </c>
      <c r="V8" s="191">
        <v>153</v>
      </c>
      <c r="W8" s="196">
        <v>314</v>
      </c>
      <c r="X8" s="195">
        <v>314</v>
      </c>
      <c r="Y8" s="190">
        <v>320</v>
      </c>
      <c r="Z8" s="191">
        <v>753</v>
      </c>
      <c r="AA8" s="196">
        <v>1073</v>
      </c>
      <c r="AB8" s="193">
        <v>0</v>
      </c>
      <c r="AC8" s="191">
        <v>2234</v>
      </c>
      <c r="AD8" s="191">
        <v>2442</v>
      </c>
      <c r="AE8" s="191">
        <v>1617</v>
      </c>
      <c r="AF8" s="191">
        <v>1529</v>
      </c>
      <c r="AG8" s="191">
        <v>863</v>
      </c>
      <c r="AH8" s="196">
        <v>8685</v>
      </c>
      <c r="AI8" s="195">
        <v>9758</v>
      </c>
      <c r="AJ8" s="190">
        <v>12</v>
      </c>
      <c r="AK8" s="191">
        <v>93</v>
      </c>
      <c r="AL8" s="196">
        <v>105</v>
      </c>
      <c r="AM8" s="193">
        <v>0</v>
      </c>
      <c r="AN8" s="191">
        <v>215</v>
      </c>
      <c r="AO8" s="191">
        <v>285</v>
      </c>
      <c r="AP8" s="191">
        <v>160</v>
      </c>
      <c r="AQ8" s="191">
        <v>196</v>
      </c>
      <c r="AR8" s="191">
        <v>128</v>
      </c>
      <c r="AS8" s="196">
        <v>984</v>
      </c>
      <c r="AT8" s="195">
        <v>1089</v>
      </c>
      <c r="AU8" s="190">
        <v>0</v>
      </c>
      <c r="AV8" s="191">
        <v>0</v>
      </c>
      <c r="AW8" s="196">
        <v>0</v>
      </c>
      <c r="AX8" s="193">
        <v>0</v>
      </c>
      <c r="AY8" s="191">
        <v>1833</v>
      </c>
      <c r="AZ8" s="191">
        <v>1586</v>
      </c>
      <c r="BA8" s="191">
        <v>812</v>
      </c>
      <c r="BB8" s="191">
        <v>624</v>
      </c>
      <c r="BC8" s="191">
        <v>172</v>
      </c>
      <c r="BD8" s="194">
        <v>5027</v>
      </c>
      <c r="BE8" s="195">
        <v>5027</v>
      </c>
      <c r="BF8" s="190">
        <v>0</v>
      </c>
      <c r="BG8" s="191">
        <v>0</v>
      </c>
      <c r="BH8" s="196">
        <v>0</v>
      </c>
      <c r="BI8" s="193">
        <v>0</v>
      </c>
      <c r="BJ8" s="191">
        <v>369</v>
      </c>
      <c r="BK8" s="191">
        <v>415</v>
      </c>
      <c r="BL8" s="191">
        <v>253</v>
      </c>
      <c r="BM8" s="191">
        <v>141</v>
      </c>
      <c r="BN8" s="191">
        <v>30</v>
      </c>
      <c r="BO8" s="196">
        <v>1208</v>
      </c>
      <c r="BP8" s="195">
        <v>1208</v>
      </c>
      <c r="BQ8" s="190">
        <v>0</v>
      </c>
      <c r="BR8" s="191">
        <v>15</v>
      </c>
      <c r="BS8" s="196">
        <v>15</v>
      </c>
      <c r="BT8" s="193">
        <v>0</v>
      </c>
      <c r="BU8" s="191">
        <v>133</v>
      </c>
      <c r="BV8" s="191">
        <v>260</v>
      </c>
      <c r="BW8" s="191">
        <v>227</v>
      </c>
      <c r="BX8" s="191">
        <v>307</v>
      </c>
      <c r="BY8" s="191">
        <v>109</v>
      </c>
      <c r="BZ8" s="196">
        <v>1036</v>
      </c>
      <c r="CA8" s="195">
        <v>1051</v>
      </c>
      <c r="CB8" s="190">
        <v>0</v>
      </c>
      <c r="CC8" s="191">
        <v>0</v>
      </c>
      <c r="CD8" s="196">
        <v>0</v>
      </c>
      <c r="CE8" s="193">
        <v>0</v>
      </c>
      <c r="CF8" s="191">
        <v>4</v>
      </c>
      <c r="CG8" s="191">
        <v>67</v>
      </c>
      <c r="CH8" s="191">
        <v>58</v>
      </c>
      <c r="CI8" s="191">
        <v>47</v>
      </c>
      <c r="CJ8" s="191">
        <v>38</v>
      </c>
      <c r="CK8" s="196">
        <v>214</v>
      </c>
      <c r="CL8" s="195">
        <v>214</v>
      </c>
      <c r="CM8" s="190">
        <v>0</v>
      </c>
      <c r="CN8" s="191">
        <v>0</v>
      </c>
      <c r="CO8" s="196">
        <v>0</v>
      </c>
      <c r="CP8" s="193">
        <v>0</v>
      </c>
      <c r="CQ8" s="191">
        <v>0</v>
      </c>
      <c r="CR8" s="191">
        <v>0</v>
      </c>
      <c r="CS8" s="191">
        <v>0</v>
      </c>
      <c r="CT8" s="191">
        <v>0</v>
      </c>
      <c r="CU8" s="191">
        <v>0</v>
      </c>
      <c r="CV8" s="196">
        <v>0</v>
      </c>
      <c r="CW8" s="195">
        <v>0</v>
      </c>
      <c r="CX8" s="190">
        <v>0</v>
      </c>
      <c r="CY8" s="191">
        <v>0</v>
      </c>
      <c r="CZ8" s="196">
        <v>0</v>
      </c>
      <c r="DA8" s="193">
        <v>0</v>
      </c>
      <c r="DB8" s="191">
        <v>0</v>
      </c>
      <c r="DC8" s="191">
        <v>0</v>
      </c>
      <c r="DD8" s="191">
        <v>0</v>
      </c>
      <c r="DE8" s="191">
        <v>0</v>
      </c>
      <c r="DF8" s="191">
        <v>0</v>
      </c>
      <c r="DG8" s="196">
        <v>0</v>
      </c>
      <c r="DH8" s="195">
        <v>0</v>
      </c>
    </row>
    <row r="9" spans="2:112" ht="21" customHeight="1" x14ac:dyDescent="0.2">
      <c r="B9" s="106" t="s">
        <v>14</v>
      </c>
      <c r="C9" s="190">
        <v>0</v>
      </c>
      <c r="D9" s="196">
        <v>0</v>
      </c>
      <c r="E9" s="207">
        <v>0</v>
      </c>
      <c r="F9" s="193">
        <v>0</v>
      </c>
      <c r="G9" s="191">
        <v>441</v>
      </c>
      <c r="H9" s="191">
        <v>1461</v>
      </c>
      <c r="I9" s="191">
        <v>1412</v>
      </c>
      <c r="J9" s="191">
        <v>1508</v>
      </c>
      <c r="K9" s="191">
        <v>2301</v>
      </c>
      <c r="L9" s="194">
        <v>7123</v>
      </c>
      <c r="M9" s="195">
        <v>7123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4</v>
      </c>
      <c r="T9" s="191">
        <v>18</v>
      </c>
      <c r="U9" s="191">
        <v>41</v>
      </c>
      <c r="V9" s="191">
        <v>60</v>
      </c>
      <c r="W9" s="196">
        <v>123</v>
      </c>
      <c r="X9" s="195">
        <v>123</v>
      </c>
      <c r="Y9" s="190">
        <v>52</v>
      </c>
      <c r="Z9" s="191">
        <v>169</v>
      </c>
      <c r="AA9" s="196">
        <v>221</v>
      </c>
      <c r="AB9" s="193">
        <v>0</v>
      </c>
      <c r="AC9" s="191">
        <v>348</v>
      </c>
      <c r="AD9" s="191">
        <v>619</v>
      </c>
      <c r="AE9" s="191">
        <v>550</v>
      </c>
      <c r="AF9" s="191">
        <v>467</v>
      </c>
      <c r="AG9" s="191">
        <v>387</v>
      </c>
      <c r="AH9" s="196">
        <v>2371</v>
      </c>
      <c r="AI9" s="195">
        <v>2592</v>
      </c>
      <c r="AJ9" s="190">
        <v>0</v>
      </c>
      <c r="AK9" s="191">
        <v>28</v>
      </c>
      <c r="AL9" s="196">
        <v>28</v>
      </c>
      <c r="AM9" s="193">
        <v>0</v>
      </c>
      <c r="AN9" s="191">
        <v>0</v>
      </c>
      <c r="AO9" s="191">
        <v>91</v>
      </c>
      <c r="AP9" s="191">
        <v>26</v>
      </c>
      <c r="AQ9" s="191">
        <v>35</v>
      </c>
      <c r="AR9" s="191">
        <v>44</v>
      </c>
      <c r="AS9" s="196">
        <v>196</v>
      </c>
      <c r="AT9" s="195">
        <v>224</v>
      </c>
      <c r="AU9" s="190">
        <v>0</v>
      </c>
      <c r="AV9" s="191">
        <v>0</v>
      </c>
      <c r="AW9" s="196">
        <v>0</v>
      </c>
      <c r="AX9" s="193">
        <v>0</v>
      </c>
      <c r="AY9" s="191">
        <v>619</v>
      </c>
      <c r="AZ9" s="191">
        <v>844</v>
      </c>
      <c r="BA9" s="191">
        <v>491</v>
      </c>
      <c r="BB9" s="191">
        <v>200</v>
      </c>
      <c r="BC9" s="191">
        <v>102</v>
      </c>
      <c r="BD9" s="194">
        <v>2256</v>
      </c>
      <c r="BE9" s="195">
        <v>2256</v>
      </c>
      <c r="BF9" s="190">
        <v>0</v>
      </c>
      <c r="BG9" s="191">
        <v>0</v>
      </c>
      <c r="BH9" s="196">
        <v>0</v>
      </c>
      <c r="BI9" s="193">
        <v>0</v>
      </c>
      <c r="BJ9" s="191">
        <v>34</v>
      </c>
      <c r="BK9" s="191">
        <v>105</v>
      </c>
      <c r="BL9" s="191">
        <v>115</v>
      </c>
      <c r="BM9" s="191">
        <v>63</v>
      </c>
      <c r="BN9" s="191">
        <v>24</v>
      </c>
      <c r="BO9" s="196">
        <v>341</v>
      </c>
      <c r="BP9" s="195">
        <v>341</v>
      </c>
      <c r="BQ9" s="190">
        <v>0</v>
      </c>
      <c r="BR9" s="191">
        <v>0</v>
      </c>
      <c r="BS9" s="196">
        <v>0</v>
      </c>
      <c r="BT9" s="193">
        <v>0</v>
      </c>
      <c r="BU9" s="191">
        <v>59</v>
      </c>
      <c r="BV9" s="191">
        <v>104</v>
      </c>
      <c r="BW9" s="191">
        <v>292</v>
      </c>
      <c r="BX9" s="191">
        <v>203</v>
      </c>
      <c r="BY9" s="191">
        <v>55</v>
      </c>
      <c r="BZ9" s="196">
        <v>713</v>
      </c>
      <c r="CA9" s="195">
        <v>713</v>
      </c>
      <c r="CB9" s="190">
        <v>0</v>
      </c>
      <c r="CC9" s="191">
        <v>0</v>
      </c>
      <c r="CD9" s="196">
        <v>0</v>
      </c>
      <c r="CE9" s="193">
        <v>0</v>
      </c>
      <c r="CF9" s="191">
        <v>11</v>
      </c>
      <c r="CG9" s="191">
        <v>0</v>
      </c>
      <c r="CH9" s="191">
        <v>0</v>
      </c>
      <c r="CI9" s="191">
        <v>0</v>
      </c>
      <c r="CJ9" s="191">
        <v>0</v>
      </c>
      <c r="CK9" s="196">
        <v>11</v>
      </c>
      <c r="CL9" s="195">
        <v>11</v>
      </c>
      <c r="CM9" s="190">
        <v>0</v>
      </c>
      <c r="CN9" s="191">
        <v>0</v>
      </c>
      <c r="CO9" s="196">
        <v>0</v>
      </c>
      <c r="CP9" s="193">
        <v>0</v>
      </c>
      <c r="CQ9" s="191">
        <v>0</v>
      </c>
      <c r="CR9" s="191">
        <v>0</v>
      </c>
      <c r="CS9" s="191">
        <v>0</v>
      </c>
      <c r="CT9" s="191">
        <v>0</v>
      </c>
      <c r="CU9" s="191">
        <v>0</v>
      </c>
      <c r="CV9" s="196">
        <v>0</v>
      </c>
      <c r="CW9" s="195">
        <v>0</v>
      </c>
      <c r="CX9" s="190">
        <v>0</v>
      </c>
      <c r="CY9" s="191">
        <v>0</v>
      </c>
      <c r="CZ9" s="196">
        <v>0</v>
      </c>
      <c r="DA9" s="193">
        <v>0</v>
      </c>
      <c r="DB9" s="191">
        <v>0</v>
      </c>
      <c r="DC9" s="191">
        <v>0</v>
      </c>
      <c r="DD9" s="191">
        <v>0</v>
      </c>
      <c r="DE9" s="191">
        <v>0</v>
      </c>
      <c r="DF9" s="191">
        <v>0</v>
      </c>
      <c r="DG9" s="196">
        <v>0</v>
      </c>
      <c r="DH9" s="195">
        <v>0</v>
      </c>
    </row>
    <row r="10" spans="2:112" ht="21" customHeight="1" x14ac:dyDescent="0.2">
      <c r="B10" s="106" t="s">
        <v>7</v>
      </c>
      <c r="C10" s="190">
        <v>0</v>
      </c>
      <c r="D10" s="196">
        <v>0</v>
      </c>
      <c r="E10" s="207">
        <v>0</v>
      </c>
      <c r="F10" s="193">
        <v>0</v>
      </c>
      <c r="G10" s="191">
        <v>791</v>
      </c>
      <c r="H10" s="191">
        <v>543</v>
      </c>
      <c r="I10" s="191">
        <v>961</v>
      </c>
      <c r="J10" s="191">
        <v>1129</v>
      </c>
      <c r="K10" s="191">
        <v>637</v>
      </c>
      <c r="L10" s="194">
        <v>4061</v>
      </c>
      <c r="M10" s="195">
        <v>4061</v>
      </c>
      <c r="N10" s="190">
        <v>0</v>
      </c>
      <c r="O10" s="191">
        <v>0</v>
      </c>
      <c r="P10" s="196">
        <v>0</v>
      </c>
      <c r="Q10" s="193">
        <v>0</v>
      </c>
      <c r="R10" s="191">
        <v>0</v>
      </c>
      <c r="S10" s="191">
        <v>4</v>
      </c>
      <c r="T10" s="191">
        <v>17</v>
      </c>
      <c r="U10" s="191">
        <v>42</v>
      </c>
      <c r="V10" s="191">
        <v>31</v>
      </c>
      <c r="W10" s="196">
        <v>94</v>
      </c>
      <c r="X10" s="195">
        <v>94</v>
      </c>
      <c r="Y10" s="190">
        <v>4</v>
      </c>
      <c r="Z10" s="191">
        <v>17</v>
      </c>
      <c r="AA10" s="196">
        <v>21</v>
      </c>
      <c r="AB10" s="193">
        <v>0</v>
      </c>
      <c r="AC10" s="191">
        <v>289</v>
      </c>
      <c r="AD10" s="191">
        <v>243</v>
      </c>
      <c r="AE10" s="191">
        <v>228</v>
      </c>
      <c r="AF10" s="191">
        <v>210</v>
      </c>
      <c r="AG10" s="191">
        <v>90</v>
      </c>
      <c r="AH10" s="196">
        <v>1060</v>
      </c>
      <c r="AI10" s="195">
        <v>1081</v>
      </c>
      <c r="AJ10" s="190">
        <v>6</v>
      </c>
      <c r="AK10" s="191">
        <v>8</v>
      </c>
      <c r="AL10" s="196">
        <v>14</v>
      </c>
      <c r="AM10" s="193">
        <v>0</v>
      </c>
      <c r="AN10" s="191">
        <v>62</v>
      </c>
      <c r="AO10" s="191">
        <v>29</v>
      </c>
      <c r="AP10" s="191">
        <v>33</v>
      </c>
      <c r="AQ10" s="191">
        <v>39</v>
      </c>
      <c r="AR10" s="191">
        <v>0</v>
      </c>
      <c r="AS10" s="196">
        <v>163</v>
      </c>
      <c r="AT10" s="195">
        <v>177</v>
      </c>
      <c r="AU10" s="190">
        <v>0</v>
      </c>
      <c r="AV10" s="191">
        <v>0</v>
      </c>
      <c r="AW10" s="196">
        <v>0</v>
      </c>
      <c r="AX10" s="193">
        <v>0</v>
      </c>
      <c r="AY10" s="191">
        <v>590</v>
      </c>
      <c r="AZ10" s="191">
        <v>277</v>
      </c>
      <c r="BA10" s="191">
        <v>147</v>
      </c>
      <c r="BB10" s="191">
        <v>62</v>
      </c>
      <c r="BC10" s="191">
        <v>30</v>
      </c>
      <c r="BD10" s="194">
        <v>1106</v>
      </c>
      <c r="BE10" s="195">
        <v>1106</v>
      </c>
      <c r="BF10" s="190">
        <v>0</v>
      </c>
      <c r="BG10" s="191">
        <v>0</v>
      </c>
      <c r="BH10" s="196">
        <v>0</v>
      </c>
      <c r="BI10" s="193">
        <v>0</v>
      </c>
      <c r="BJ10" s="191">
        <v>92</v>
      </c>
      <c r="BK10" s="191">
        <v>101</v>
      </c>
      <c r="BL10" s="191">
        <v>34</v>
      </c>
      <c r="BM10" s="191">
        <v>37</v>
      </c>
      <c r="BN10" s="191">
        <v>15</v>
      </c>
      <c r="BO10" s="196">
        <v>279</v>
      </c>
      <c r="BP10" s="195">
        <v>279</v>
      </c>
      <c r="BQ10" s="190">
        <v>0</v>
      </c>
      <c r="BR10" s="191">
        <v>0</v>
      </c>
      <c r="BS10" s="196">
        <v>0</v>
      </c>
      <c r="BT10" s="193">
        <v>0</v>
      </c>
      <c r="BU10" s="191">
        <v>82</v>
      </c>
      <c r="BV10" s="191">
        <v>55</v>
      </c>
      <c r="BW10" s="191">
        <v>45</v>
      </c>
      <c r="BX10" s="191">
        <v>96</v>
      </c>
      <c r="BY10" s="191">
        <v>96</v>
      </c>
      <c r="BZ10" s="196">
        <v>374</v>
      </c>
      <c r="CA10" s="195">
        <v>374</v>
      </c>
      <c r="CB10" s="190">
        <v>0</v>
      </c>
      <c r="CC10" s="191">
        <v>0</v>
      </c>
      <c r="CD10" s="196">
        <v>0</v>
      </c>
      <c r="CE10" s="193">
        <v>0</v>
      </c>
      <c r="CF10" s="191">
        <v>0</v>
      </c>
      <c r="CG10" s="191">
        <v>0</v>
      </c>
      <c r="CH10" s="191">
        <v>5</v>
      </c>
      <c r="CI10" s="191">
        <v>0</v>
      </c>
      <c r="CJ10" s="191">
        <v>0</v>
      </c>
      <c r="CK10" s="196">
        <v>5</v>
      </c>
      <c r="CL10" s="195">
        <v>5</v>
      </c>
      <c r="CM10" s="190">
        <v>0</v>
      </c>
      <c r="CN10" s="191">
        <v>0</v>
      </c>
      <c r="CO10" s="196">
        <v>0</v>
      </c>
      <c r="CP10" s="193">
        <v>0</v>
      </c>
      <c r="CQ10" s="191">
        <v>0</v>
      </c>
      <c r="CR10" s="191">
        <v>0</v>
      </c>
      <c r="CS10" s="191">
        <v>0</v>
      </c>
      <c r="CT10" s="191">
        <v>0</v>
      </c>
      <c r="CU10" s="191">
        <v>0</v>
      </c>
      <c r="CV10" s="196">
        <v>0</v>
      </c>
      <c r="CW10" s="195">
        <v>0</v>
      </c>
      <c r="CX10" s="190">
        <v>0</v>
      </c>
      <c r="CY10" s="191">
        <v>0</v>
      </c>
      <c r="CZ10" s="196">
        <v>0</v>
      </c>
      <c r="DA10" s="193">
        <v>0</v>
      </c>
      <c r="DB10" s="191">
        <v>0</v>
      </c>
      <c r="DC10" s="191">
        <v>0</v>
      </c>
      <c r="DD10" s="191">
        <v>0</v>
      </c>
      <c r="DE10" s="191">
        <v>0</v>
      </c>
      <c r="DF10" s="191">
        <v>0</v>
      </c>
      <c r="DG10" s="196">
        <v>0</v>
      </c>
      <c r="DH10" s="195">
        <v>0</v>
      </c>
    </row>
    <row r="11" spans="2:112" ht="21" customHeight="1" x14ac:dyDescent="0.2">
      <c r="B11" s="106" t="s">
        <v>8</v>
      </c>
      <c r="C11" s="190">
        <v>0</v>
      </c>
      <c r="D11" s="196">
        <v>0</v>
      </c>
      <c r="E11" s="207">
        <v>0</v>
      </c>
      <c r="F11" s="193">
        <v>0</v>
      </c>
      <c r="G11" s="191">
        <v>241</v>
      </c>
      <c r="H11" s="191">
        <v>360</v>
      </c>
      <c r="I11" s="191">
        <v>712</v>
      </c>
      <c r="J11" s="191">
        <v>715</v>
      </c>
      <c r="K11" s="191">
        <v>532</v>
      </c>
      <c r="L11" s="194">
        <v>2560</v>
      </c>
      <c r="M11" s="195">
        <v>2560</v>
      </c>
      <c r="N11" s="190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12</v>
      </c>
      <c r="T11" s="191">
        <v>9</v>
      </c>
      <c r="U11" s="191">
        <v>11</v>
      </c>
      <c r="V11" s="191">
        <v>9</v>
      </c>
      <c r="W11" s="196">
        <v>41</v>
      </c>
      <c r="X11" s="195">
        <v>41</v>
      </c>
      <c r="Y11" s="190">
        <v>21</v>
      </c>
      <c r="Z11" s="191">
        <v>30</v>
      </c>
      <c r="AA11" s="196">
        <v>51</v>
      </c>
      <c r="AB11" s="193">
        <v>0</v>
      </c>
      <c r="AC11" s="191">
        <v>190</v>
      </c>
      <c r="AD11" s="191">
        <v>228</v>
      </c>
      <c r="AE11" s="191">
        <v>136</v>
      </c>
      <c r="AF11" s="191">
        <v>137</v>
      </c>
      <c r="AG11" s="191">
        <v>107</v>
      </c>
      <c r="AH11" s="196">
        <v>798</v>
      </c>
      <c r="AI11" s="195">
        <v>849</v>
      </c>
      <c r="AJ11" s="190">
        <v>12</v>
      </c>
      <c r="AK11" s="191">
        <v>0</v>
      </c>
      <c r="AL11" s="196">
        <v>12</v>
      </c>
      <c r="AM11" s="193">
        <v>0</v>
      </c>
      <c r="AN11" s="191">
        <v>36</v>
      </c>
      <c r="AO11" s="191">
        <v>33</v>
      </c>
      <c r="AP11" s="191">
        <v>62</v>
      </c>
      <c r="AQ11" s="191">
        <v>41</v>
      </c>
      <c r="AR11" s="191">
        <v>0</v>
      </c>
      <c r="AS11" s="196">
        <v>172</v>
      </c>
      <c r="AT11" s="195">
        <v>184</v>
      </c>
      <c r="AU11" s="190">
        <v>0</v>
      </c>
      <c r="AV11" s="191">
        <v>0</v>
      </c>
      <c r="AW11" s="196">
        <v>0</v>
      </c>
      <c r="AX11" s="193">
        <v>0</v>
      </c>
      <c r="AY11" s="191">
        <v>190</v>
      </c>
      <c r="AZ11" s="191">
        <v>166</v>
      </c>
      <c r="BA11" s="191">
        <v>270</v>
      </c>
      <c r="BB11" s="191">
        <v>49</v>
      </c>
      <c r="BC11" s="191">
        <v>49</v>
      </c>
      <c r="BD11" s="194">
        <v>724</v>
      </c>
      <c r="BE11" s="195">
        <v>724</v>
      </c>
      <c r="BF11" s="190">
        <v>0</v>
      </c>
      <c r="BG11" s="191">
        <v>0</v>
      </c>
      <c r="BH11" s="196">
        <v>0</v>
      </c>
      <c r="BI11" s="193">
        <v>0</v>
      </c>
      <c r="BJ11" s="191">
        <v>77</v>
      </c>
      <c r="BK11" s="191">
        <v>60</v>
      </c>
      <c r="BL11" s="191">
        <v>99</v>
      </c>
      <c r="BM11" s="191">
        <v>30</v>
      </c>
      <c r="BN11" s="191">
        <v>9</v>
      </c>
      <c r="BO11" s="196">
        <v>275</v>
      </c>
      <c r="BP11" s="195">
        <v>275</v>
      </c>
      <c r="BQ11" s="190">
        <v>8</v>
      </c>
      <c r="BR11" s="191">
        <v>0</v>
      </c>
      <c r="BS11" s="196">
        <v>8</v>
      </c>
      <c r="BT11" s="193">
        <v>0</v>
      </c>
      <c r="BU11" s="191">
        <v>46</v>
      </c>
      <c r="BV11" s="191">
        <v>43</v>
      </c>
      <c r="BW11" s="191">
        <v>149</v>
      </c>
      <c r="BX11" s="191">
        <v>47</v>
      </c>
      <c r="BY11" s="191">
        <v>22</v>
      </c>
      <c r="BZ11" s="196">
        <v>307</v>
      </c>
      <c r="CA11" s="195">
        <v>315</v>
      </c>
      <c r="CB11" s="190">
        <v>0</v>
      </c>
      <c r="CC11" s="191">
        <v>0</v>
      </c>
      <c r="CD11" s="196">
        <v>0</v>
      </c>
      <c r="CE11" s="193">
        <v>0</v>
      </c>
      <c r="CF11" s="191">
        <v>0</v>
      </c>
      <c r="CG11" s="191">
        <v>0</v>
      </c>
      <c r="CH11" s="191">
        <v>0</v>
      </c>
      <c r="CI11" s="191">
        <v>7</v>
      </c>
      <c r="CJ11" s="191">
        <v>0</v>
      </c>
      <c r="CK11" s="196">
        <v>7</v>
      </c>
      <c r="CL11" s="195">
        <v>7</v>
      </c>
      <c r="CM11" s="190">
        <v>0</v>
      </c>
      <c r="CN11" s="191">
        <v>0</v>
      </c>
      <c r="CO11" s="196">
        <v>0</v>
      </c>
      <c r="CP11" s="193">
        <v>0</v>
      </c>
      <c r="CQ11" s="191">
        <v>0</v>
      </c>
      <c r="CR11" s="191">
        <v>0</v>
      </c>
      <c r="CS11" s="191">
        <v>0</v>
      </c>
      <c r="CT11" s="191">
        <v>0</v>
      </c>
      <c r="CU11" s="191">
        <v>0</v>
      </c>
      <c r="CV11" s="196">
        <v>0</v>
      </c>
      <c r="CW11" s="195">
        <v>0</v>
      </c>
      <c r="CX11" s="190">
        <v>0</v>
      </c>
      <c r="CY11" s="191">
        <v>0</v>
      </c>
      <c r="CZ11" s="196">
        <v>0</v>
      </c>
      <c r="DA11" s="193">
        <v>0</v>
      </c>
      <c r="DB11" s="191">
        <v>0</v>
      </c>
      <c r="DC11" s="191">
        <v>0</v>
      </c>
      <c r="DD11" s="191">
        <v>0</v>
      </c>
      <c r="DE11" s="191">
        <v>0</v>
      </c>
      <c r="DF11" s="191">
        <v>0</v>
      </c>
      <c r="DG11" s="196">
        <v>0</v>
      </c>
      <c r="DH11" s="195">
        <v>0</v>
      </c>
    </row>
    <row r="12" spans="2:112" ht="21" customHeight="1" x14ac:dyDescent="0.2">
      <c r="B12" s="106" t="s">
        <v>9</v>
      </c>
      <c r="C12" s="190">
        <v>0</v>
      </c>
      <c r="D12" s="196">
        <v>0</v>
      </c>
      <c r="E12" s="207">
        <v>0</v>
      </c>
      <c r="F12" s="193">
        <v>0</v>
      </c>
      <c r="G12" s="191">
        <v>862</v>
      </c>
      <c r="H12" s="191">
        <v>789</v>
      </c>
      <c r="I12" s="191">
        <v>1123</v>
      </c>
      <c r="J12" s="191">
        <v>1222</v>
      </c>
      <c r="K12" s="191">
        <v>939</v>
      </c>
      <c r="L12" s="194">
        <v>4935</v>
      </c>
      <c r="M12" s="195">
        <v>4935</v>
      </c>
      <c r="N12" s="190">
        <v>0</v>
      </c>
      <c r="O12" s="191">
        <v>0</v>
      </c>
      <c r="P12" s="196">
        <v>0</v>
      </c>
      <c r="Q12" s="193">
        <v>0</v>
      </c>
      <c r="R12" s="191">
        <v>4</v>
      </c>
      <c r="S12" s="191">
        <v>0</v>
      </c>
      <c r="T12" s="191">
        <v>9</v>
      </c>
      <c r="U12" s="191">
        <v>41</v>
      </c>
      <c r="V12" s="191">
        <v>47</v>
      </c>
      <c r="W12" s="196">
        <v>101</v>
      </c>
      <c r="X12" s="195">
        <v>101</v>
      </c>
      <c r="Y12" s="190">
        <v>60</v>
      </c>
      <c r="Z12" s="191">
        <v>89</v>
      </c>
      <c r="AA12" s="196">
        <v>149</v>
      </c>
      <c r="AB12" s="193">
        <v>0</v>
      </c>
      <c r="AC12" s="191">
        <v>407</v>
      </c>
      <c r="AD12" s="191">
        <v>499</v>
      </c>
      <c r="AE12" s="191">
        <v>343</v>
      </c>
      <c r="AF12" s="191">
        <v>261</v>
      </c>
      <c r="AG12" s="191">
        <v>214</v>
      </c>
      <c r="AH12" s="196">
        <v>1724</v>
      </c>
      <c r="AI12" s="195">
        <v>1873</v>
      </c>
      <c r="AJ12" s="190">
        <v>0</v>
      </c>
      <c r="AK12" s="191">
        <v>0</v>
      </c>
      <c r="AL12" s="196">
        <v>0</v>
      </c>
      <c r="AM12" s="193">
        <v>0</v>
      </c>
      <c r="AN12" s="191">
        <v>48</v>
      </c>
      <c r="AO12" s="191">
        <v>83</v>
      </c>
      <c r="AP12" s="191">
        <v>36</v>
      </c>
      <c r="AQ12" s="191">
        <v>53</v>
      </c>
      <c r="AR12" s="191">
        <v>24</v>
      </c>
      <c r="AS12" s="196">
        <v>244</v>
      </c>
      <c r="AT12" s="195">
        <v>244</v>
      </c>
      <c r="AU12" s="190">
        <v>0</v>
      </c>
      <c r="AV12" s="191">
        <v>0</v>
      </c>
      <c r="AW12" s="196">
        <v>0</v>
      </c>
      <c r="AX12" s="193">
        <v>0</v>
      </c>
      <c r="AY12" s="191">
        <v>474</v>
      </c>
      <c r="AZ12" s="191">
        <v>352</v>
      </c>
      <c r="BA12" s="191">
        <v>140</v>
      </c>
      <c r="BB12" s="191">
        <v>69</v>
      </c>
      <c r="BC12" s="191">
        <v>12</v>
      </c>
      <c r="BD12" s="194">
        <v>1047</v>
      </c>
      <c r="BE12" s="195">
        <v>1047</v>
      </c>
      <c r="BF12" s="190">
        <v>0</v>
      </c>
      <c r="BG12" s="191">
        <v>0</v>
      </c>
      <c r="BH12" s="196">
        <v>0</v>
      </c>
      <c r="BI12" s="193">
        <v>0</v>
      </c>
      <c r="BJ12" s="191">
        <v>121</v>
      </c>
      <c r="BK12" s="191">
        <v>63</v>
      </c>
      <c r="BL12" s="191">
        <v>51</v>
      </c>
      <c r="BM12" s="191">
        <v>43</v>
      </c>
      <c r="BN12" s="191">
        <v>15</v>
      </c>
      <c r="BO12" s="196">
        <v>293</v>
      </c>
      <c r="BP12" s="195">
        <v>293</v>
      </c>
      <c r="BQ12" s="190">
        <v>0</v>
      </c>
      <c r="BR12" s="191">
        <v>0</v>
      </c>
      <c r="BS12" s="196">
        <v>0</v>
      </c>
      <c r="BT12" s="193">
        <v>0</v>
      </c>
      <c r="BU12" s="191">
        <v>43</v>
      </c>
      <c r="BV12" s="191">
        <v>49</v>
      </c>
      <c r="BW12" s="191">
        <v>119</v>
      </c>
      <c r="BX12" s="191">
        <v>103</v>
      </c>
      <c r="BY12" s="191">
        <v>24</v>
      </c>
      <c r="BZ12" s="196">
        <v>338</v>
      </c>
      <c r="CA12" s="195">
        <v>338</v>
      </c>
      <c r="CB12" s="190">
        <v>0</v>
      </c>
      <c r="CC12" s="191">
        <v>0</v>
      </c>
      <c r="CD12" s="196">
        <v>0</v>
      </c>
      <c r="CE12" s="193">
        <v>0</v>
      </c>
      <c r="CF12" s="191">
        <v>7</v>
      </c>
      <c r="CG12" s="191">
        <v>3</v>
      </c>
      <c r="CH12" s="191">
        <v>24</v>
      </c>
      <c r="CI12" s="191">
        <v>28</v>
      </c>
      <c r="CJ12" s="191">
        <v>3</v>
      </c>
      <c r="CK12" s="196">
        <v>65</v>
      </c>
      <c r="CL12" s="195">
        <v>65</v>
      </c>
      <c r="CM12" s="190">
        <v>0</v>
      </c>
      <c r="CN12" s="191">
        <v>0</v>
      </c>
      <c r="CO12" s="196">
        <v>0</v>
      </c>
      <c r="CP12" s="193">
        <v>0</v>
      </c>
      <c r="CQ12" s="191">
        <v>0</v>
      </c>
      <c r="CR12" s="191">
        <v>0</v>
      </c>
      <c r="CS12" s="191">
        <v>0</v>
      </c>
      <c r="CT12" s="191">
        <v>0</v>
      </c>
      <c r="CU12" s="191">
        <v>0</v>
      </c>
      <c r="CV12" s="196">
        <v>0</v>
      </c>
      <c r="CW12" s="195">
        <v>0</v>
      </c>
      <c r="CX12" s="190">
        <v>0</v>
      </c>
      <c r="CY12" s="191">
        <v>0</v>
      </c>
      <c r="CZ12" s="196">
        <v>0</v>
      </c>
      <c r="DA12" s="193">
        <v>0</v>
      </c>
      <c r="DB12" s="191">
        <v>0</v>
      </c>
      <c r="DC12" s="191">
        <v>0</v>
      </c>
      <c r="DD12" s="191">
        <v>0</v>
      </c>
      <c r="DE12" s="191">
        <v>0</v>
      </c>
      <c r="DF12" s="191">
        <v>0</v>
      </c>
      <c r="DG12" s="196">
        <v>0</v>
      </c>
      <c r="DH12" s="195">
        <v>0</v>
      </c>
    </row>
    <row r="13" spans="2:112" ht="21" customHeight="1" x14ac:dyDescent="0.2">
      <c r="B13" s="106" t="s">
        <v>10</v>
      </c>
      <c r="C13" s="190">
        <v>0</v>
      </c>
      <c r="D13" s="196">
        <v>0</v>
      </c>
      <c r="E13" s="207">
        <v>0</v>
      </c>
      <c r="F13" s="193">
        <v>0</v>
      </c>
      <c r="G13" s="191">
        <v>1145</v>
      </c>
      <c r="H13" s="191">
        <v>1267</v>
      </c>
      <c r="I13" s="191">
        <v>2065</v>
      </c>
      <c r="J13" s="191">
        <v>2939</v>
      </c>
      <c r="K13" s="191">
        <v>1413</v>
      </c>
      <c r="L13" s="194">
        <v>8829</v>
      </c>
      <c r="M13" s="195">
        <v>8829</v>
      </c>
      <c r="N13" s="190">
        <v>0</v>
      </c>
      <c r="O13" s="191">
        <v>4</v>
      </c>
      <c r="P13" s="196">
        <v>4</v>
      </c>
      <c r="Q13" s="193">
        <v>0</v>
      </c>
      <c r="R13" s="191">
        <v>0</v>
      </c>
      <c r="S13" s="191">
        <v>12</v>
      </c>
      <c r="T13" s="191">
        <v>41</v>
      </c>
      <c r="U13" s="191">
        <v>24</v>
      </c>
      <c r="V13" s="191">
        <v>23</v>
      </c>
      <c r="W13" s="196">
        <v>100</v>
      </c>
      <c r="X13" s="195">
        <v>104</v>
      </c>
      <c r="Y13" s="190">
        <v>97</v>
      </c>
      <c r="Z13" s="191">
        <v>312</v>
      </c>
      <c r="AA13" s="196">
        <v>409</v>
      </c>
      <c r="AB13" s="193">
        <v>0</v>
      </c>
      <c r="AC13" s="191">
        <v>703</v>
      </c>
      <c r="AD13" s="191">
        <v>492</v>
      </c>
      <c r="AE13" s="191">
        <v>325</v>
      </c>
      <c r="AF13" s="191">
        <v>332</v>
      </c>
      <c r="AG13" s="191">
        <v>136</v>
      </c>
      <c r="AH13" s="196">
        <v>1988</v>
      </c>
      <c r="AI13" s="195">
        <v>2397</v>
      </c>
      <c r="AJ13" s="190">
        <v>0</v>
      </c>
      <c r="AK13" s="191">
        <v>68</v>
      </c>
      <c r="AL13" s="196">
        <v>68</v>
      </c>
      <c r="AM13" s="193">
        <v>0</v>
      </c>
      <c r="AN13" s="191">
        <v>182</v>
      </c>
      <c r="AO13" s="191">
        <v>94</v>
      </c>
      <c r="AP13" s="191">
        <v>8</v>
      </c>
      <c r="AQ13" s="191">
        <v>57</v>
      </c>
      <c r="AR13" s="191">
        <v>26</v>
      </c>
      <c r="AS13" s="196">
        <v>367</v>
      </c>
      <c r="AT13" s="195">
        <v>435</v>
      </c>
      <c r="AU13" s="190">
        <v>0</v>
      </c>
      <c r="AV13" s="191">
        <v>0</v>
      </c>
      <c r="AW13" s="196">
        <v>0</v>
      </c>
      <c r="AX13" s="193">
        <v>0</v>
      </c>
      <c r="AY13" s="191">
        <v>957</v>
      </c>
      <c r="AZ13" s="191">
        <v>388</v>
      </c>
      <c r="BA13" s="191">
        <v>300</v>
      </c>
      <c r="BB13" s="191">
        <v>220</v>
      </c>
      <c r="BC13" s="191">
        <v>50</v>
      </c>
      <c r="BD13" s="194">
        <v>1915</v>
      </c>
      <c r="BE13" s="195">
        <v>1915</v>
      </c>
      <c r="BF13" s="190">
        <v>0</v>
      </c>
      <c r="BG13" s="191">
        <v>0</v>
      </c>
      <c r="BH13" s="196">
        <v>0</v>
      </c>
      <c r="BI13" s="193">
        <v>0</v>
      </c>
      <c r="BJ13" s="191">
        <v>138</v>
      </c>
      <c r="BK13" s="191">
        <v>86</v>
      </c>
      <c r="BL13" s="191">
        <v>122</v>
      </c>
      <c r="BM13" s="191">
        <v>20</v>
      </c>
      <c r="BN13" s="191">
        <v>16</v>
      </c>
      <c r="BO13" s="196">
        <v>382</v>
      </c>
      <c r="BP13" s="195">
        <v>382</v>
      </c>
      <c r="BQ13" s="190">
        <v>0</v>
      </c>
      <c r="BR13" s="191">
        <v>8</v>
      </c>
      <c r="BS13" s="196">
        <v>8</v>
      </c>
      <c r="BT13" s="193">
        <v>0</v>
      </c>
      <c r="BU13" s="191">
        <v>73</v>
      </c>
      <c r="BV13" s="191">
        <v>75</v>
      </c>
      <c r="BW13" s="191">
        <v>152</v>
      </c>
      <c r="BX13" s="191">
        <v>111</v>
      </c>
      <c r="BY13" s="191">
        <v>23</v>
      </c>
      <c r="BZ13" s="196">
        <v>434</v>
      </c>
      <c r="CA13" s="195">
        <v>442</v>
      </c>
      <c r="CB13" s="190">
        <v>0</v>
      </c>
      <c r="CC13" s="191">
        <v>0</v>
      </c>
      <c r="CD13" s="196">
        <v>0</v>
      </c>
      <c r="CE13" s="193">
        <v>0</v>
      </c>
      <c r="CF13" s="191">
        <v>17</v>
      </c>
      <c r="CG13" s="191">
        <v>10</v>
      </c>
      <c r="CH13" s="191">
        <v>23</v>
      </c>
      <c r="CI13" s="191">
        <v>0</v>
      </c>
      <c r="CJ13" s="191">
        <v>3</v>
      </c>
      <c r="CK13" s="196">
        <v>53</v>
      </c>
      <c r="CL13" s="195">
        <v>53</v>
      </c>
      <c r="CM13" s="190">
        <v>0</v>
      </c>
      <c r="CN13" s="191">
        <v>0</v>
      </c>
      <c r="CO13" s="196">
        <v>0</v>
      </c>
      <c r="CP13" s="193">
        <v>0</v>
      </c>
      <c r="CQ13" s="191">
        <v>0</v>
      </c>
      <c r="CR13" s="191">
        <v>0</v>
      </c>
      <c r="CS13" s="191">
        <v>0</v>
      </c>
      <c r="CT13" s="191">
        <v>0</v>
      </c>
      <c r="CU13" s="191">
        <v>0</v>
      </c>
      <c r="CV13" s="196">
        <v>0</v>
      </c>
      <c r="CW13" s="195">
        <v>0</v>
      </c>
      <c r="CX13" s="190">
        <v>0</v>
      </c>
      <c r="CY13" s="191">
        <v>0</v>
      </c>
      <c r="CZ13" s="196">
        <v>0</v>
      </c>
      <c r="DA13" s="193">
        <v>0</v>
      </c>
      <c r="DB13" s="191">
        <v>0</v>
      </c>
      <c r="DC13" s="191">
        <v>0</v>
      </c>
      <c r="DD13" s="191">
        <v>0</v>
      </c>
      <c r="DE13" s="191">
        <v>0</v>
      </c>
      <c r="DF13" s="191">
        <v>0</v>
      </c>
      <c r="DG13" s="196">
        <v>0</v>
      </c>
      <c r="DH13" s="195">
        <v>0</v>
      </c>
    </row>
    <row r="14" spans="2:112" ht="21" customHeight="1" x14ac:dyDescent="0.2">
      <c r="B14" s="106" t="s">
        <v>11</v>
      </c>
      <c r="C14" s="190">
        <v>0</v>
      </c>
      <c r="D14" s="196">
        <v>0</v>
      </c>
      <c r="E14" s="207">
        <v>0</v>
      </c>
      <c r="F14" s="193">
        <v>0</v>
      </c>
      <c r="G14" s="191">
        <v>156</v>
      </c>
      <c r="H14" s="191">
        <v>97</v>
      </c>
      <c r="I14" s="191">
        <v>331</v>
      </c>
      <c r="J14" s="191">
        <v>317</v>
      </c>
      <c r="K14" s="191">
        <v>341</v>
      </c>
      <c r="L14" s="194">
        <v>1242</v>
      </c>
      <c r="M14" s="195">
        <v>1242</v>
      </c>
      <c r="N14" s="190">
        <v>0</v>
      </c>
      <c r="O14" s="191">
        <v>0</v>
      </c>
      <c r="P14" s="196">
        <v>0</v>
      </c>
      <c r="Q14" s="193">
        <v>0</v>
      </c>
      <c r="R14" s="191">
        <v>0</v>
      </c>
      <c r="S14" s="191">
        <v>2</v>
      </c>
      <c r="T14" s="191">
        <v>0</v>
      </c>
      <c r="U14" s="191">
        <v>24</v>
      </c>
      <c r="V14" s="191">
        <v>16</v>
      </c>
      <c r="W14" s="196">
        <v>42</v>
      </c>
      <c r="X14" s="195">
        <v>42</v>
      </c>
      <c r="Y14" s="190">
        <v>15</v>
      </c>
      <c r="Z14" s="191">
        <v>37</v>
      </c>
      <c r="AA14" s="196">
        <v>52</v>
      </c>
      <c r="AB14" s="193">
        <v>0</v>
      </c>
      <c r="AC14" s="191">
        <v>289</v>
      </c>
      <c r="AD14" s="191">
        <v>139</v>
      </c>
      <c r="AE14" s="191">
        <v>29</v>
      </c>
      <c r="AF14" s="191">
        <v>117</v>
      </c>
      <c r="AG14" s="191">
        <v>68</v>
      </c>
      <c r="AH14" s="196">
        <v>642</v>
      </c>
      <c r="AI14" s="195">
        <v>694</v>
      </c>
      <c r="AJ14" s="190">
        <v>0</v>
      </c>
      <c r="AK14" s="191">
        <v>0</v>
      </c>
      <c r="AL14" s="196">
        <v>0</v>
      </c>
      <c r="AM14" s="193">
        <v>0</v>
      </c>
      <c r="AN14" s="191">
        <v>8</v>
      </c>
      <c r="AO14" s="191">
        <v>36</v>
      </c>
      <c r="AP14" s="191">
        <v>36</v>
      </c>
      <c r="AQ14" s="191">
        <v>9</v>
      </c>
      <c r="AR14" s="191">
        <v>17</v>
      </c>
      <c r="AS14" s="196">
        <v>106</v>
      </c>
      <c r="AT14" s="195">
        <v>106</v>
      </c>
      <c r="AU14" s="190">
        <v>0</v>
      </c>
      <c r="AV14" s="191">
        <v>0</v>
      </c>
      <c r="AW14" s="196">
        <v>0</v>
      </c>
      <c r="AX14" s="193">
        <v>0</v>
      </c>
      <c r="AY14" s="191">
        <v>175</v>
      </c>
      <c r="AZ14" s="191">
        <v>136</v>
      </c>
      <c r="BA14" s="191">
        <v>63</v>
      </c>
      <c r="BB14" s="191">
        <v>68</v>
      </c>
      <c r="BC14" s="191">
        <v>24</v>
      </c>
      <c r="BD14" s="194">
        <v>466</v>
      </c>
      <c r="BE14" s="195">
        <v>466</v>
      </c>
      <c r="BF14" s="190">
        <v>0</v>
      </c>
      <c r="BG14" s="191">
        <v>0</v>
      </c>
      <c r="BH14" s="196">
        <v>0</v>
      </c>
      <c r="BI14" s="193">
        <v>0</v>
      </c>
      <c r="BJ14" s="191">
        <v>71</v>
      </c>
      <c r="BK14" s="191">
        <v>56</v>
      </c>
      <c r="BL14" s="191">
        <v>29</v>
      </c>
      <c r="BM14" s="191">
        <v>29</v>
      </c>
      <c r="BN14" s="191">
        <v>4</v>
      </c>
      <c r="BO14" s="196">
        <v>189</v>
      </c>
      <c r="BP14" s="195">
        <v>189</v>
      </c>
      <c r="BQ14" s="190">
        <v>0</v>
      </c>
      <c r="BR14" s="191">
        <v>0</v>
      </c>
      <c r="BS14" s="196">
        <v>0</v>
      </c>
      <c r="BT14" s="193">
        <v>0</v>
      </c>
      <c r="BU14" s="191">
        <v>5</v>
      </c>
      <c r="BV14" s="191">
        <v>8</v>
      </c>
      <c r="BW14" s="191">
        <v>0</v>
      </c>
      <c r="BX14" s="191">
        <v>62</v>
      </c>
      <c r="BY14" s="191">
        <v>60</v>
      </c>
      <c r="BZ14" s="196">
        <v>135</v>
      </c>
      <c r="CA14" s="195">
        <v>135</v>
      </c>
      <c r="CB14" s="190">
        <v>0</v>
      </c>
      <c r="CC14" s="191">
        <v>0</v>
      </c>
      <c r="CD14" s="196">
        <v>0</v>
      </c>
      <c r="CE14" s="193">
        <v>0</v>
      </c>
      <c r="CF14" s="191">
        <v>0</v>
      </c>
      <c r="CG14" s="191">
        <v>0</v>
      </c>
      <c r="CH14" s="191">
        <v>8</v>
      </c>
      <c r="CI14" s="191">
        <v>0</v>
      </c>
      <c r="CJ14" s="191">
        <v>28</v>
      </c>
      <c r="CK14" s="196">
        <v>36</v>
      </c>
      <c r="CL14" s="195">
        <v>36</v>
      </c>
      <c r="CM14" s="190">
        <v>0</v>
      </c>
      <c r="CN14" s="191">
        <v>0</v>
      </c>
      <c r="CO14" s="196">
        <v>0</v>
      </c>
      <c r="CP14" s="193">
        <v>0</v>
      </c>
      <c r="CQ14" s="191">
        <v>0</v>
      </c>
      <c r="CR14" s="191">
        <v>0</v>
      </c>
      <c r="CS14" s="191">
        <v>0</v>
      </c>
      <c r="CT14" s="191">
        <v>0</v>
      </c>
      <c r="CU14" s="191">
        <v>0</v>
      </c>
      <c r="CV14" s="196">
        <v>0</v>
      </c>
      <c r="CW14" s="195">
        <v>0</v>
      </c>
      <c r="CX14" s="190">
        <v>0</v>
      </c>
      <c r="CY14" s="191">
        <v>0</v>
      </c>
      <c r="CZ14" s="196">
        <v>0</v>
      </c>
      <c r="DA14" s="193">
        <v>0</v>
      </c>
      <c r="DB14" s="191">
        <v>0</v>
      </c>
      <c r="DC14" s="191">
        <v>0</v>
      </c>
      <c r="DD14" s="191">
        <v>0</v>
      </c>
      <c r="DE14" s="191">
        <v>0</v>
      </c>
      <c r="DF14" s="191">
        <v>0</v>
      </c>
      <c r="DG14" s="196">
        <v>0</v>
      </c>
      <c r="DH14" s="195">
        <v>0</v>
      </c>
    </row>
    <row r="15" spans="2:112" ht="21" customHeight="1" x14ac:dyDescent="0.2">
      <c r="B15" s="106" t="s">
        <v>12</v>
      </c>
      <c r="C15" s="190">
        <v>0</v>
      </c>
      <c r="D15" s="196">
        <v>0</v>
      </c>
      <c r="E15" s="207">
        <v>0</v>
      </c>
      <c r="F15" s="193">
        <v>0</v>
      </c>
      <c r="G15" s="191">
        <v>467</v>
      </c>
      <c r="H15" s="191">
        <v>490</v>
      </c>
      <c r="I15" s="191">
        <v>820</v>
      </c>
      <c r="J15" s="191">
        <v>662</v>
      </c>
      <c r="K15" s="191">
        <v>423</v>
      </c>
      <c r="L15" s="194">
        <v>2862</v>
      </c>
      <c r="M15" s="195">
        <v>2862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5</v>
      </c>
      <c r="T15" s="191">
        <v>0</v>
      </c>
      <c r="U15" s="191">
        <v>15</v>
      </c>
      <c r="V15" s="191">
        <v>15</v>
      </c>
      <c r="W15" s="196">
        <v>35</v>
      </c>
      <c r="X15" s="195">
        <v>35</v>
      </c>
      <c r="Y15" s="190">
        <v>63</v>
      </c>
      <c r="Z15" s="191">
        <v>156</v>
      </c>
      <c r="AA15" s="196">
        <v>219</v>
      </c>
      <c r="AB15" s="193">
        <v>0</v>
      </c>
      <c r="AC15" s="191">
        <v>144</v>
      </c>
      <c r="AD15" s="191">
        <v>379</v>
      </c>
      <c r="AE15" s="191">
        <v>137</v>
      </c>
      <c r="AF15" s="191">
        <v>256</v>
      </c>
      <c r="AG15" s="191">
        <v>157</v>
      </c>
      <c r="AH15" s="196">
        <v>1073</v>
      </c>
      <c r="AI15" s="195">
        <v>1292</v>
      </c>
      <c r="AJ15" s="190">
        <v>28</v>
      </c>
      <c r="AK15" s="191">
        <v>16</v>
      </c>
      <c r="AL15" s="196">
        <v>44</v>
      </c>
      <c r="AM15" s="193">
        <v>0</v>
      </c>
      <c r="AN15" s="191">
        <v>19</v>
      </c>
      <c r="AO15" s="191">
        <v>8</v>
      </c>
      <c r="AP15" s="191">
        <v>5</v>
      </c>
      <c r="AQ15" s="191">
        <v>46</v>
      </c>
      <c r="AR15" s="191">
        <v>16</v>
      </c>
      <c r="AS15" s="196">
        <v>94</v>
      </c>
      <c r="AT15" s="195">
        <v>138</v>
      </c>
      <c r="AU15" s="190">
        <v>0</v>
      </c>
      <c r="AV15" s="191">
        <v>0</v>
      </c>
      <c r="AW15" s="196">
        <v>0</v>
      </c>
      <c r="AX15" s="193">
        <v>0</v>
      </c>
      <c r="AY15" s="191">
        <v>365</v>
      </c>
      <c r="AZ15" s="191">
        <v>274</v>
      </c>
      <c r="BA15" s="191">
        <v>185</v>
      </c>
      <c r="BB15" s="191">
        <v>87</v>
      </c>
      <c r="BC15" s="191">
        <v>44</v>
      </c>
      <c r="BD15" s="194">
        <v>955</v>
      </c>
      <c r="BE15" s="195">
        <v>955</v>
      </c>
      <c r="BF15" s="190">
        <v>0</v>
      </c>
      <c r="BG15" s="191">
        <v>0</v>
      </c>
      <c r="BH15" s="196">
        <v>0</v>
      </c>
      <c r="BI15" s="193">
        <v>0</v>
      </c>
      <c r="BJ15" s="191">
        <v>104</v>
      </c>
      <c r="BK15" s="191">
        <v>77</v>
      </c>
      <c r="BL15" s="191">
        <v>47</v>
      </c>
      <c r="BM15" s="191">
        <v>10</v>
      </c>
      <c r="BN15" s="191">
        <v>2</v>
      </c>
      <c r="BO15" s="196">
        <v>240</v>
      </c>
      <c r="BP15" s="195">
        <v>240</v>
      </c>
      <c r="BQ15" s="190">
        <v>0</v>
      </c>
      <c r="BR15" s="191">
        <v>0</v>
      </c>
      <c r="BS15" s="196">
        <v>0</v>
      </c>
      <c r="BT15" s="193">
        <v>0</v>
      </c>
      <c r="BU15" s="191">
        <v>78</v>
      </c>
      <c r="BV15" s="191">
        <v>41</v>
      </c>
      <c r="BW15" s="191">
        <v>69</v>
      </c>
      <c r="BX15" s="191">
        <v>89</v>
      </c>
      <c r="BY15" s="191">
        <v>10</v>
      </c>
      <c r="BZ15" s="196">
        <v>287</v>
      </c>
      <c r="CA15" s="195">
        <v>287</v>
      </c>
      <c r="CB15" s="190">
        <v>0</v>
      </c>
      <c r="CC15" s="191">
        <v>0</v>
      </c>
      <c r="CD15" s="196">
        <v>0</v>
      </c>
      <c r="CE15" s="193">
        <v>0</v>
      </c>
      <c r="CF15" s="191">
        <v>0</v>
      </c>
      <c r="CG15" s="191">
        <v>0</v>
      </c>
      <c r="CH15" s="191">
        <v>0</v>
      </c>
      <c r="CI15" s="191">
        <v>0</v>
      </c>
      <c r="CJ15" s="191">
        <v>15</v>
      </c>
      <c r="CK15" s="196">
        <v>15</v>
      </c>
      <c r="CL15" s="195">
        <v>15</v>
      </c>
      <c r="CM15" s="190">
        <v>0</v>
      </c>
      <c r="CN15" s="191">
        <v>0</v>
      </c>
      <c r="CO15" s="196">
        <v>0</v>
      </c>
      <c r="CP15" s="193">
        <v>0</v>
      </c>
      <c r="CQ15" s="191">
        <v>0</v>
      </c>
      <c r="CR15" s="191">
        <v>0</v>
      </c>
      <c r="CS15" s="191">
        <v>0</v>
      </c>
      <c r="CT15" s="191">
        <v>0</v>
      </c>
      <c r="CU15" s="191">
        <v>0</v>
      </c>
      <c r="CV15" s="196">
        <v>0</v>
      </c>
      <c r="CW15" s="195">
        <v>0</v>
      </c>
      <c r="CX15" s="190">
        <v>0</v>
      </c>
      <c r="CY15" s="191">
        <v>0</v>
      </c>
      <c r="CZ15" s="196">
        <v>0</v>
      </c>
      <c r="DA15" s="193">
        <v>0</v>
      </c>
      <c r="DB15" s="191">
        <v>0</v>
      </c>
      <c r="DC15" s="191">
        <v>0</v>
      </c>
      <c r="DD15" s="191">
        <v>0</v>
      </c>
      <c r="DE15" s="191">
        <v>0</v>
      </c>
      <c r="DF15" s="191">
        <v>0</v>
      </c>
      <c r="DG15" s="196">
        <v>0</v>
      </c>
      <c r="DH15" s="195">
        <v>0</v>
      </c>
    </row>
    <row r="16" spans="2:112" ht="21" customHeight="1" x14ac:dyDescent="0.2">
      <c r="B16" s="106" t="s">
        <v>13</v>
      </c>
      <c r="C16" s="190">
        <v>0</v>
      </c>
      <c r="D16" s="196">
        <v>0</v>
      </c>
      <c r="E16" s="207">
        <v>0</v>
      </c>
      <c r="F16" s="193">
        <v>0</v>
      </c>
      <c r="G16" s="191">
        <v>190</v>
      </c>
      <c r="H16" s="191">
        <v>385</v>
      </c>
      <c r="I16" s="191">
        <v>344</v>
      </c>
      <c r="J16" s="191">
        <v>696</v>
      </c>
      <c r="K16" s="191">
        <v>790</v>
      </c>
      <c r="L16" s="194">
        <v>2405</v>
      </c>
      <c r="M16" s="195">
        <v>2405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4</v>
      </c>
      <c r="T16" s="191">
        <v>0</v>
      </c>
      <c r="U16" s="191">
        <v>8</v>
      </c>
      <c r="V16" s="191">
        <v>40</v>
      </c>
      <c r="W16" s="196">
        <v>52</v>
      </c>
      <c r="X16" s="195">
        <v>52</v>
      </c>
      <c r="Y16" s="190">
        <v>13</v>
      </c>
      <c r="Z16" s="191">
        <v>45</v>
      </c>
      <c r="AA16" s="196">
        <v>58</v>
      </c>
      <c r="AB16" s="193">
        <v>0</v>
      </c>
      <c r="AC16" s="191">
        <v>98</v>
      </c>
      <c r="AD16" s="191">
        <v>325</v>
      </c>
      <c r="AE16" s="191">
        <v>114</v>
      </c>
      <c r="AF16" s="191">
        <v>98</v>
      </c>
      <c r="AG16" s="191">
        <v>106</v>
      </c>
      <c r="AH16" s="196">
        <v>741</v>
      </c>
      <c r="AI16" s="195">
        <v>799</v>
      </c>
      <c r="AJ16" s="190">
        <v>0</v>
      </c>
      <c r="AK16" s="191">
        <v>0</v>
      </c>
      <c r="AL16" s="196">
        <v>0</v>
      </c>
      <c r="AM16" s="193">
        <v>0</v>
      </c>
      <c r="AN16" s="191">
        <v>6</v>
      </c>
      <c r="AO16" s="191">
        <v>21</v>
      </c>
      <c r="AP16" s="191">
        <v>0</v>
      </c>
      <c r="AQ16" s="191">
        <v>0</v>
      </c>
      <c r="AR16" s="191">
        <v>40</v>
      </c>
      <c r="AS16" s="196">
        <v>67</v>
      </c>
      <c r="AT16" s="195">
        <v>67</v>
      </c>
      <c r="AU16" s="190">
        <v>0</v>
      </c>
      <c r="AV16" s="191">
        <v>0</v>
      </c>
      <c r="AW16" s="196">
        <v>0</v>
      </c>
      <c r="AX16" s="193">
        <v>0</v>
      </c>
      <c r="AY16" s="191">
        <v>102</v>
      </c>
      <c r="AZ16" s="191">
        <v>134</v>
      </c>
      <c r="BA16" s="191">
        <v>82</v>
      </c>
      <c r="BB16" s="191">
        <v>26</v>
      </c>
      <c r="BC16" s="191">
        <v>26</v>
      </c>
      <c r="BD16" s="194">
        <v>370</v>
      </c>
      <c r="BE16" s="195">
        <v>370</v>
      </c>
      <c r="BF16" s="190">
        <v>0</v>
      </c>
      <c r="BG16" s="191">
        <v>0</v>
      </c>
      <c r="BH16" s="196">
        <v>0</v>
      </c>
      <c r="BI16" s="193">
        <v>0</v>
      </c>
      <c r="BJ16" s="191">
        <v>15</v>
      </c>
      <c r="BK16" s="191">
        <v>27</v>
      </c>
      <c r="BL16" s="191">
        <v>17</v>
      </c>
      <c r="BM16" s="191">
        <v>32</v>
      </c>
      <c r="BN16" s="191">
        <v>1</v>
      </c>
      <c r="BO16" s="196">
        <v>92</v>
      </c>
      <c r="BP16" s="195">
        <v>92</v>
      </c>
      <c r="BQ16" s="190">
        <v>0</v>
      </c>
      <c r="BR16" s="191">
        <v>0</v>
      </c>
      <c r="BS16" s="196">
        <v>0</v>
      </c>
      <c r="BT16" s="193">
        <v>0</v>
      </c>
      <c r="BU16" s="191">
        <v>2</v>
      </c>
      <c r="BV16" s="191">
        <v>21</v>
      </c>
      <c r="BW16" s="191">
        <v>42</v>
      </c>
      <c r="BX16" s="191">
        <v>0</v>
      </c>
      <c r="BY16" s="191">
        <v>0</v>
      </c>
      <c r="BZ16" s="196">
        <v>65</v>
      </c>
      <c r="CA16" s="195">
        <v>65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4</v>
      </c>
      <c r="CH16" s="191">
        <v>0</v>
      </c>
      <c r="CI16" s="191">
        <v>7</v>
      </c>
      <c r="CJ16" s="191">
        <v>0</v>
      </c>
      <c r="CK16" s="196">
        <v>11</v>
      </c>
      <c r="CL16" s="195">
        <v>11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  <c r="CX16" s="190">
        <v>0</v>
      </c>
      <c r="CY16" s="191">
        <v>0</v>
      </c>
      <c r="CZ16" s="196">
        <v>0</v>
      </c>
      <c r="DA16" s="193">
        <v>0</v>
      </c>
      <c r="DB16" s="191">
        <v>0</v>
      </c>
      <c r="DC16" s="191">
        <v>0</v>
      </c>
      <c r="DD16" s="191">
        <v>0</v>
      </c>
      <c r="DE16" s="191">
        <v>0</v>
      </c>
      <c r="DF16" s="191">
        <v>0</v>
      </c>
      <c r="DG16" s="196">
        <v>0</v>
      </c>
      <c r="DH16" s="195">
        <v>0</v>
      </c>
    </row>
    <row r="17" spans="2:112" ht="21" customHeight="1" x14ac:dyDescent="0.2">
      <c r="B17" s="106" t="s">
        <v>15</v>
      </c>
      <c r="C17" s="190">
        <v>0</v>
      </c>
      <c r="D17" s="196">
        <v>0</v>
      </c>
      <c r="E17" s="207">
        <v>0</v>
      </c>
      <c r="F17" s="193">
        <v>0</v>
      </c>
      <c r="G17" s="191">
        <v>27</v>
      </c>
      <c r="H17" s="191">
        <v>29</v>
      </c>
      <c r="I17" s="191">
        <v>0</v>
      </c>
      <c r="J17" s="191">
        <v>0</v>
      </c>
      <c r="K17" s="191">
        <v>0</v>
      </c>
      <c r="L17" s="194">
        <v>56</v>
      </c>
      <c r="M17" s="195">
        <v>56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0</v>
      </c>
      <c r="V17" s="191">
        <v>4</v>
      </c>
      <c r="W17" s="196">
        <v>4</v>
      </c>
      <c r="X17" s="195">
        <v>4</v>
      </c>
      <c r="Y17" s="190">
        <v>2</v>
      </c>
      <c r="Z17" s="191">
        <v>12</v>
      </c>
      <c r="AA17" s="196">
        <v>14</v>
      </c>
      <c r="AB17" s="193">
        <v>0</v>
      </c>
      <c r="AC17" s="191">
        <v>6</v>
      </c>
      <c r="AD17" s="191">
        <v>17</v>
      </c>
      <c r="AE17" s="191">
        <v>6</v>
      </c>
      <c r="AF17" s="191">
        <v>16</v>
      </c>
      <c r="AG17" s="191">
        <v>28</v>
      </c>
      <c r="AH17" s="196">
        <v>73</v>
      </c>
      <c r="AI17" s="195">
        <v>87</v>
      </c>
      <c r="AJ17" s="190">
        <v>0</v>
      </c>
      <c r="AK17" s="191">
        <v>0</v>
      </c>
      <c r="AL17" s="196">
        <v>0</v>
      </c>
      <c r="AM17" s="193">
        <v>0</v>
      </c>
      <c r="AN17" s="191">
        <v>0</v>
      </c>
      <c r="AO17" s="191">
        <v>12</v>
      </c>
      <c r="AP17" s="191">
        <v>0</v>
      </c>
      <c r="AQ17" s="191">
        <v>8</v>
      </c>
      <c r="AR17" s="191">
        <v>9</v>
      </c>
      <c r="AS17" s="196">
        <v>29</v>
      </c>
      <c r="AT17" s="195">
        <v>29</v>
      </c>
      <c r="AU17" s="190">
        <v>0</v>
      </c>
      <c r="AV17" s="191">
        <v>0</v>
      </c>
      <c r="AW17" s="196">
        <v>0</v>
      </c>
      <c r="AX17" s="193">
        <v>0</v>
      </c>
      <c r="AY17" s="191">
        <v>16</v>
      </c>
      <c r="AZ17" s="191">
        <v>7</v>
      </c>
      <c r="BA17" s="191">
        <v>0</v>
      </c>
      <c r="BB17" s="191">
        <v>4</v>
      </c>
      <c r="BC17" s="191">
        <v>0</v>
      </c>
      <c r="BD17" s="194">
        <v>27</v>
      </c>
      <c r="BE17" s="195">
        <v>27</v>
      </c>
      <c r="BF17" s="190">
        <v>0</v>
      </c>
      <c r="BG17" s="191">
        <v>0</v>
      </c>
      <c r="BH17" s="196">
        <v>0</v>
      </c>
      <c r="BI17" s="193">
        <v>0</v>
      </c>
      <c r="BJ17" s="191">
        <v>0</v>
      </c>
      <c r="BK17" s="191">
        <v>12</v>
      </c>
      <c r="BL17" s="191">
        <v>15</v>
      </c>
      <c r="BM17" s="191">
        <v>7</v>
      </c>
      <c r="BN17" s="191">
        <v>8</v>
      </c>
      <c r="BO17" s="196">
        <v>42</v>
      </c>
      <c r="BP17" s="195">
        <v>42</v>
      </c>
      <c r="BQ17" s="190">
        <v>0</v>
      </c>
      <c r="BR17" s="191">
        <v>0</v>
      </c>
      <c r="BS17" s="196">
        <v>0</v>
      </c>
      <c r="BT17" s="193">
        <v>0</v>
      </c>
      <c r="BU17" s="191">
        <v>0</v>
      </c>
      <c r="BV17" s="191">
        <v>6</v>
      </c>
      <c r="BW17" s="191">
        <v>0</v>
      </c>
      <c r="BX17" s="191">
        <v>2</v>
      </c>
      <c r="BY17" s="191">
        <v>3</v>
      </c>
      <c r="BZ17" s="196">
        <v>11</v>
      </c>
      <c r="CA17" s="195">
        <v>11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12</v>
      </c>
      <c r="CH17" s="191">
        <v>17</v>
      </c>
      <c r="CI17" s="191">
        <v>0</v>
      </c>
      <c r="CJ17" s="191">
        <v>0</v>
      </c>
      <c r="CK17" s="196">
        <v>29</v>
      </c>
      <c r="CL17" s="195">
        <v>29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0</v>
      </c>
      <c r="CS17" s="191">
        <v>0</v>
      </c>
      <c r="CT17" s="191">
        <v>0</v>
      </c>
      <c r="CU17" s="191">
        <v>0</v>
      </c>
      <c r="CV17" s="196">
        <v>0</v>
      </c>
      <c r="CW17" s="195">
        <v>0</v>
      </c>
      <c r="CX17" s="190">
        <v>0</v>
      </c>
      <c r="CY17" s="191">
        <v>0</v>
      </c>
      <c r="CZ17" s="196">
        <v>0</v>
      </c>
      <c r="DA17" s="193">
        <v>0</v>
      </c>
      <c r="DB17" s="191">
        <v>0</v>
      </c>
      <c r="DC17" s="191">
        <v>0</v>
      </c>
      <c r="DD17" s="191">
        <v>0</v>
      </c>
      <c r="DE17" s="191">
        <v>0</v>
      </c>
      <c r="DF17" s="191">
        <v>0</v>
      </c>
      <c r="DG17" s="196">
        <v>0</v>
      </c>
      <c r="DH17" s="195">
        <v>0</v>
      </c>
    </row>
    <row r="18" spans="2:112" ht="21" customHeight="1" x14ac:dyDescent="0.2">
      <c r="B18" s="106" t="s">
        <v>16</v>
      </c>
      <c r="C18" s="190">
        <v>0</v>
      </c>
      <c r="D18" s="196">
        <v>0</v>
      </c>
      <c r="E18" s="207">
        <v>0</v>
      </c>
      <c r="F18" s="193">
        <v>0</v>
      </c>
      <c r="G18" s="191">
        <v>27</v>
      </c>
      <c r="H18" s="191">
        <v>244</v>
      </c>
      <c r="I18" s="191">
        <v>168</v>
      </c>
      <c r="J18" s="191">
        <v>44</v>
      </c>
      <c r="K18" s="191">
        <v>16</v>
      </c>
      <c r="L18" s="194">
        <v>499</v>
      </c>
      <c r="M18" s="195">
        <v>499</v>
      </c>
      <c r="N18" s="190">
        <v>0</v>
      </c>
      <c r="O18" s="191">
        <v>0</v>
      </c>
      <c r="P18" s="196">
        <v>0</v>
      </c>
      <c r="Q18" s="193">
        <v>0</v>
      </c>
      <c r="R18" s="191">
        <v>0</v>
      </c>
      <c r="S18" s="191">
        <v>0</v>
      </c>
      <c r="T18" s="191">
        <v>0</v>
      </c>
      <c r="U18" s="191">
        <v>5</v>
      </c>
      <c r="V18" s="191">
        <v>10</v>
      </c>
      <c r="W18" s="196">
        <v>15</v>
      </c>
      <c r="X18" s="195">
        <v>15</v>
      </c>
      <c r="Y18" s="190">
        <v>10</v>
      </c>
      <c r="Z18" s="191">
        <v>6</v>
      </c>
      <c r="AA18" s="196">
        <v>16</v>
      </c>
      <c r="AB18" s="193">
        <v>0</v>
      </c>
      <c r="AC18" s="191">
        <v>94</v>
      </c>
      <c r="AD18" s="191">
        <v>152</v>
      </c>
      <c r="AE18" s="191">
        <v>84</v>
      </c>
      <c r="AF18" s="191">
        <v>84</v>
      </c>
      <c r="AG18" s="191">
        <v>33</v>
      </c>
      <c r="AH18" s="196">
        <v>447</v>
      </c>
      <c r="AI18" s="195">
        <v>463</v>
      </c>
      <c r="AJ18" s="190">
        <v>12</v>
      </c>
      <c r="AK18" s="191">
        <v>0</v>
      </c>
      <c r="AL18" s="196">
        <v>12</v>
      </c>
      <c r="AM18" s="193">
        <v>0</v>
      </c>
      <c r="AN18" s="191">
        <v>0</v>
      </c>
      <c r="AO18" s="191">
        <v>23</v>
      </c>
      <c r="AP18" s="191">
        <v>0</v>
      </c>
      <c r="AQ18" s="191">
        <v>0</v>
      </c>
      <c r="AR18" s="191">
        <v>12</v>
      </c>
      <c r="AS18" s="196">
        <v>35</v>
      </c>
      <c r="AT18" s="195">
        <v>47</v>
      </c>
      <c r="AU18" s="190">
        <v>0</v>
      </c>
      <c r="AV18" s="191">
        <v>0</v>
      </c>
      <c r="AW18" s="196">
        <v>0</v>
      </c>
      <c r="AX18" s="193">
        <v>0</v>
      </c>
      <c r="AY18" s="191">
        <v>122</v>
      </c>
      <c r="AZ18" s="191">
        <v>181</v>
      </c>
      <c r="BA18" s="191">
        <v>63</v>
      </c>
      <c r="BB18" s="191">
        <v>34</v>
      </c>
      <c r="BC18" s="191">
        <v>16</v>
      </c>
      <c r="BD18" s="194">
        <v>416</v>
      </c>
      <c r="BE18" s="195">
        <v>416</v>
      </c>
      <c r="BF18" s="190">
        <v>0</v>
      </c>
      <c r="BG18" s="191">
        <v>0</v>
      </c>
      <c r="BH18" s="196">
        <v>0</v>
      </c>
      <c r="BI18" s="193">
        <v>0</v>
      </c>
      <c r="BJ18" s="191">
        <v>68</v>
      </c>
      <c r="BK18" s="191">
        <v>87</v>
      </c>
      <c r="BL18" s="191">
        <v>33</v>
      </c>
      <c r="BM18" s="191">
        <v>9</v>
      </c>
      <c r="BN18" s="191">
        <v>15</v>
      </c>
      <c r="BO18" s="196">
        <v>212</v>
      </c>
      <c r="BP18" s="195">
        <v>212</v>
      </c>
      <c r="BQ18" s="190">
        <v>0</v>
      </c>
      <c r="BR18" s="191">
        <v>18</v>
      </c>
      <c r="BS18" s="196">
        <v>18</v>
      </c>
      <c r="BT18" s="193">
        <v>0</v>
      </c>
      <c r="BU18" s="191">
        <v>12</v>
      </c>
      <c r="BV18" s="191">
        <v>74</v>
      </c>
      <c r="BW18" s="191">
        <v>21</v>
      </c>
      <c r="BX18" s="191">
        <v>9</v>
      </c>
      <c r="BY18" s="191">
        <v>23</v>
      </c>
      <c r="BZ18" s="196">
        <v>139</v>
      </c>
      <c r="CA18" s="195">
        <v>157</v>
      </c>
      <c r="CB18" s="190">
        <v>0</v>
      </c>
      <c r="CC18" s="191">
        <v>0</v>
      </c>
      <c r="CD18" s="196">
        <v>0</v>
      </c>
      <c r="CE18" s="193">
        <v>0</v>
      </c>
      <c r="CF18" s="191">
        <v>0</v>
      </c>
      <c r="CG18" s="191">
        <v>3</v>
      </c>
      <c r="CH18" s="191">
        <v>23</v>
      </c>
      <c r="CI18" s="191">
        <v>0</v>
      </c>
      <c r="CJ18" s="191">
        <v>0</v>
      </c>
      <c r="CK18" s="196">
        <v>26</v>
      </c>
      <c r="CL18" s="195">
        <v>26</v>
      </c>
      <c r="CM18" s="190">
        <v>0</v>
      </c>
      <c r="CN18" s="191">
        <v>0</v>
      </c>
      <c r="CO18" s="196">
        <v>0</v>
      </c>
      <c r="CP18" s="193">
        <v>0</v>
      </c>
      <c r="CQ18" s="191">
        <v>0</v>
      </c>
      <c r="CR18" s="191">
        <v>0</v>
      </c>
      <c r="CS18" s="191">
        <v>0</v>
      </c>
      <c r="CT18" s="191">
        <v>0</v>
      </c>
      <c r="CU18" s="191">
        <v>0</v>
      </c>
      <c r="CV18" s="196">
        <v>0</v>
      </c>
      <c r="CW18" s="195">
        <v>0</v>
      </c>
      <c r="CX18" s="190">
        <v>0</v>
      </c>
      <c r="CY18" s="191">
        <v>0</v>
      </c>
      <c r="CZ18" s="196">
        <v>0</v>
      </c>
      <c r="DA18" s="193">
        <v>0</v>
      </c>
      <c r="DB18" s="191">
        <v>0</v>
      </c>
      <c r="DC18" s="191">
        <v>0</v>
      </c>
      <c r="DD18" s="191">
        <v>0</v>
      </c>
      <c r="DE18" s="191">
        <v>0</v>
      </c>
      <c r="DF18" s="191">
        <v>0</v>
      </c>
      <c r="DG18" s="196">
        <v>0</v>
      </c>
      <c r="DH18" s="195">
        <v>0</v>
      </c>
    </row>
    <row r="19" spans="2:112" ht="21" customHeight="1" x14ac:dyDescent="0.2">
      <c r="B19" s="106" t="s">
        <v>17</v>
      </c>
      <c r="C19" s="190">
        <v>0</v>
      </c>
      <c r="D19" s="196">
        <v>0</v>
      </c>
      <c r="E19" s="207">
        <v>0</v>
      </c>
      <c r="F19" s="193">
        <v>0</v>
      </c>
      <c r="G19" s="191">
        <v>124</v>
      </c>
      <c r="H19" s="191">
        <v>560</v>
      </c>
      <c r="I19" s="191">
        <v>638</v>
      </c>
      <c r="J19" s="191">
        <v>412</v>
      </c>
      <c r="K19" s="191">
        <v>135</v>
      </c>
      <c r="L19" s="194">
        <v>1869</v>
      </c>
      <c r="M19" s="195">
        <v>1869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0</v>
      </c>
      <c r="T19" s="191">
        <v>6</v>
      </c>
      <c r="U19" s="191">
        <v>14</v>
      </c>
      <c r="V19" s="191">
        <v>38</v>
      </c>
      <c r="W19" s="196">
        <v>58</v>
      </c>
      <c r="X19" s="195">
        <v>58</v>
      </c>
      <c r="Y19" s="190">
        <v>24</v>
      </c>
      <c r="Z19" s="191">
        <v>56</v>
      </c>
      <c r="AA19" s="196">
        <v>80</v>
      </c>
      <c r="AB19" s="193">
        <v>0</v>
      </c>
      <c r="AC19" s="191">
        <v>63</v>
      </c>
      <c r="AD19" s="191">
        <v>300</v>
      </c>
      <c r="AE19" s="191">
        <v>148</v>
      </c>
      <c r="AF19" s="191">
        <v>144</v>
      </c>
      <c r="AG19" s="191">
        <v>34</v>
      </c>
      <c r="AH19" s="196">
        <v>689</v>
      </c>
      <c r="AI19" s="195">
        <v>769</v>
      </c>
      <c r="AJ19" s="190">
        <v>14</v>
      </c>
      <c r="AK19" s="191">
        <v>0</v>
      </c>
      <c r="AL19" s="196">
        <v>14</v>
      </c>
      <c r="AM19" s="193">
        <v>0</v>
      </c>
      <c r="AN19" s="191">
        <v>6</v>
      </c>
      <c r="AO19" s="191">
        <v>31</v>
      </c>
      <c r="AP19" s="191">
        <v>57</v>
      </c>
      <c r="AQ19" s="191">
        <v>0</v>
      </c>
      <c r="AR19" s="191">
        <v>0</v>
      </c>
      <c r="AS19" s="196">
        <v>94</v>
      </c>
      <c r="AT19" s="195">
        <v>108</v>
      </c>
      <c r="AU19" s="190">
        <v>0</v>
      </c>
      <c r="AV19" s="191">
        <v>0</v>
      </c>
      <c r="AW19" s="196">
        <v>0</v>
      </c>
      <c r="AX19" s="193">
        <v>0</v>
      </c>
      <c r="AY19" s="191">
        <v>80</v>
      </c>
      <c r="AZ19" s="191">
        <v>250</v>
      </c>
      <c r="BA19" s="191">
        <v>136</v>
      </c>
      <c r="BB19" s="191">
        <v>57</v>
      </c>
      <c r="BC19" s="191">
        <v>0</v>
      </c>
      <c r="BD19" s="194">
        <v>523</v>
      </c>
      <c r="BE19" s="195">
        <v>523</v>
      </c>
      <c r="BF19" s="190">
        <v>0</v>
      </c>
      <c r="BG19" s="191">
        <v>0</v>
      </c>
      <c r="BH19" s="196">
        <v>0</v>
      </c>
      <c r="BI19" s="193">
        <v>0</v>
      </c>
      <c r="BJ19" s="191">
        <v>62</v>
      </c>
      <c r="BK19" s="191">
        <v>62</v>
      </c>
      <c r="BL19" s="191">
        <v>79</v>
      </c>
      <c r="BM19" s="191">
        <v>30</v>
      </c>
      <c r="BN19" s="191">
        <v>0</v>
      </c>
      <c r="BO19" s="196">
        <v>233</v>
      </c>
      <c r="BP19" s="195">
        <v>233</v>
      </c>
      <c r="BQ19" s="190">
        <v>0</v>
      </c>
      <c r="BR19" s="191">
        <v>0</v>
      </c>
      <c r="BS19" s="196">
        <v>0</v>
      </c>
      <c r="BT19" s="193">
        <v>0</v>
      </c>
      <c r="BU19" s="191">
        <v>15</v>
      </c>
      <c r="BV19" s="191">
        <v>28</v>
      </c>
      <c r="BW19" s="191">
        <v>102</v>
      </c>
      <c r="BX19" s="191">
        <v>64</v>
      </c>
      <c r="BY19" s="191">
        <v>3</v>
      </c>
      <c r="BZ19" s="196">
        <v>212</v>
      </c>
      <c r="CA19" s="195">
        <v>212</v>
      </c>
      <c r="CB19" s="190">
        <v>0</v>
      </c>
      <c r="CC19" s="191">
        <v>0</v>
      </c>
      <c r="CD19" s="196">
        <v>0</v>
      </c>
      <c r="CE19" s="193">
        <v>0</v>
      </c>
      <c r="CF19" s="191">
        <v>6</v>
      </c>
      <c r="CG19" s="191">
        <v>30</v>
      </c>
      <c r="CH19" s="191">
        <v>2</v>
      </c>
      <c r="CI19" s="191">
        <v>0</v>
      </c>
      <c r="CJ19" s="191">
        <v>0</v>
      </c>
      <c r="CK19" s="196">
        <v>38</v>
      </c>
      <c r="CL19" s="195">
        <v>38</v>
      </c>
      <c r="CM19" s="190">
        <v>0</v>
      </c>
      <c r="CN19" s="191">
        <v>0</v>
      </c>
      <c r="CO19" s="196">
        <v>0</v>
      </c>
      <c r="CP19" s="193">
        <v>0</v>
      </c>
      <c r="CQ19" s="191">
        <v>0</v>
      </c>
      <c r="CR19" s="191">
        <v>0</v>
      </c>
      <c r="CS19" s="191">
        <v>0</v>
      </c>
      <c r="CT19" s="191">
        <v>0</v>
      </c>
      <c r="CU19" s="191">
        <v>0</v>
      </c>
      <c r="CV19" s="196">
        <v>0</v>
      </c>
      <c r="CW19" s="195">
        <v>0</v>
      </c>
      <c r="CX19" s="190">
        <v>0</v>
      </c>
      <c r="CY19" s="191">
        <v>0</v>
      </c>
      <c r="CZ19" s="196">
        <v>0</v>
      </c>
      <c r="DA19" s="193">
        <v>0</v>
      </c>
      <c r="DB19" s="191">
        <v>0</v>
      </c>
      <c r="DC19" s="191">
        <v>0</v>
      </c>
      <c r="DD19" s="191">
        <v>0</v>
      </c>
      <c r="DE19" s="191">
        <v>0</v>
      </c>
      <c r="DF19" s="191">
        <v>0</v>
      </c>
      <c r="DG19" s="196">
        <v>0</v>
      </c>
      <c r="DH19" s="195">
        <v>0</v>
      </c>
    </row>
    <row r="20" spans="2:112" ht="21" customHeight="1" x14ac:dyDescent="0.2">
      <c r="B20" s="106" t="s">
        <v>18</v>
      </c>
      <c r="C20" s="190">
        <v>0</v>
      </c>
      <c r="D20" s="196">
        <v>0</v>
      </c>
      <c r="E20" s="207">
        <v>0</v>
      </c>
      <c r="F20" s="193">
        <v>0</v>
      </c>
      <c r="G20" s="191">
        <v>319</v>
      </c>
      <c r="H20" s="191">
        <v>401</v>
      </c>
      <c r="I20" s="191">
        <v>707</v>
      </c>
      <c r="J20" s="191">
        <v>895</v>
      </c>
      <c r="K20" s="191">
        <v>827</v>
      </c>
      <c r="L20" s="194">
        <v>3149</v>
      </c>
      <c r="M20" s="195">
        <v>3149</v>
      </c>
      <c r="N20" s="190">
        <v>0</v>
      </c>
      <c r="O20" s="191">
        <v>0</v>
      </c>
      <c r="P20" s="196">
        <v>0</v>
      </c>
      <c r="Q20" s="193">
        <v>0</v>
      </c>
      <c r="R20" s="191">
        <v>0</v>
      </c>
      <c r="S20" s="191">
        <v>0</v>
      </c>
      <c r="T20" s="191">
        <v>4</v>
      </c>
      <c r="U20" s="191">
        <v>14</v>
      </c>
      <c r="V20" s="191">
        <v>9</v>
      </c>
      <c r="W20" s="196">
        <v>27</v>
      </c>
      <c r="X20" s="195">
        <v>27</v>
      </c>
      <c r="Y20" s="190">
        <v>31</v>
      </c>
      <c r="Z20" s="191">
        <v>15</v>
      </c>
      <c r="AA20" s="196">
        <v>46</v>
      </c>
      <c r="AB20" s="193">
        <v>0</v>
      </c>
      <c r="AC20" s="191">
        <v>274</v>
      </c>
      <c r="AD20" s="191">
        <v>273</v>
      </c>
      <c r="AE20" s="191">
        <v>230</v>
      </c>
      <c r="AF20" s="191">
        <v>197</v>
      </c>
      <c r="AG20" s="191">
        <v>120</v>
      </c>
      <c r="AH20" s="196">
        <v>1094</v>
      </c>
      <c r="AI20" s="195">
        <v>1140</v>
      </c>
      <c r="AJ20" s="190">
        <v>12</v>
      </c>
      <c r="AK20" s="191">
        <v>6</v>
      </c>
      <c r="AL20" s="196">
        <v>18</v>
      </c>
      <c r="AM20" s="193">
        <v>0</v>
      </c>
      <c r="AN20" s="191">
        <v>51</v>
      </c>
      <c r="AO20" s="191">
        <v>56</v>
      </c>
      <c r="AP20" s="191">
        <v>17</v>
      </c>
      <c r="AQ20" s="191">
        <v>24</v>
      </c>
      <c r="AR20" s="191">
        <v>16</v>
      </c>
      <c r="AS20" s="196">
        <v>164</v>
      </c>
      <c r="AT20" s="195">
        <v>182</v>
      </c>
      <c r="AU20" s="190">
        <v>0</v>
      </c>
      <c r="AV20" s="191">
        <v>0</v>
      </c>
      <c r="AW20" s="196">
        <v>0</v>
      </c>
      <c r="AX20" s="193">
        <v>0</v>
      </c>
      <c r="AY20" s="191">
        <v>265</v>
      </c>
      <c r="AZ20" s="191">
        <v>283</v>
      </c>
      <c r="BA20" s="191">
        <v>214</v>
      </c>
      <c r="BB20" s="191">
        <v>93</v>
      </c>
      <c r="BC20" s="191">
        <v>62</v>
      </c>
      <c r="BD20" s="194">
        <v>917</v>
      </c>
      <c r="BE20" s="195">
        <v>917</v>
      </c>
      <c r="BF20" s="190">
        <v>0</v>
      </c>
      <c r="BG20" s="191">
        <v>0</v>
      </c>
      <c r="BH20" s="196">
        <v>0</v>
      </c>
      <c r="BI20" s="193">
        <v>0</v>
      </c>
      <c r="BJ20" s="191">
        <v>132</v>
      </c>
      <c r="BK20" s="191">
        <v>82</v>
      </c>
      <c r="BL20" s="191">
        <v>47</v>
      </c>
      <c r="BM20" s="191">
        <v>84</v>
      </c>
      <c r="BN20" s="191">
        <v>35</v>
      </c>
      <c r="BO20" s="196">
        <v>380</v>
      </c>
      <c r="BP20" s="195">
        <v>380</v>
      </c>
      <c r="BQ20" s="190">
        <v>0</v>
      </c>
      <c r="BR20" s="191">
        <v>0</v>
      </c>
      <c r="BS20" s="196">
        <v>0</v>
      </c>
      <c r="BT20" s="193">
        <v>0</v>
      </c>
      <c r="BU20" s="191">
        <v>72</v>
      </c>
      <c r="BV20" s="191">
        <v>78</v>
      </c>
      <c r="BW20" s="191">
        <v>102</v>
      </c>
      <c r="BX20" s="191">
        <v>113</v>
      </c>
      <c r="BY20" s="191">
        <v>118</v>
      </c>
      <c r="BZ20" s="196">
        <v>483</v>
      </c>
      <c r="CA20" s="195">
        <v>483</v>
      </c>
      <c r="CB20" s="190">
        <v>0</v>
      </c>
      <c r="CC20" s="191">
        <v>0</v>
      </c>
      <c r="CD20" s="196">
        <v>0</v>
      </c>
      <c r="CE20" s="193">
        <v>0</v>
      </c>
      <c r="CF20" s="191">
        <v>0</v>
      </c>
      <c r="CG20" s="191">
        <v>6</v>
      </c>
      <c r="CH20" s="191">
        <v>0</v>
      </c>
      <c r="CI20" s="191">
        <v>0</v>
      </c>
      <c r="CJ20" s="191">
        <v>0</v>
      </c>
      <c r="CK20" s="196">
        <v>6</v>
      </c>
      <c r="CL20" s="195">
        <v>6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0</v>
      </c>
      <c r="CS20" s="191">
        <v>0</v>
      </c>
      <c r="CT20" s="191">
        <v>0</v>
      </c>
      <c r="CU20" s="191">
        <v>0</v>
      </c>
      <c r="CV20" s="196">
        <v>0</v>
      </c>
      <c r="CW20" s="195">
        <v>0</v>
      </c>
      <c r="CX20" s="190">
        <v>0</v>
      </c>
      <c r="CY20" s="191">
        <v>0</v>
      </c>
      <c r="CZ20" s="196">
        <v>0</v>
      </c>
      <c r="DA20" s="193">
        <v>0</v>
      </c>
      <c r="DB20" s="191">
        <v>0</v>
      </c>
      <c r="DC20" s="191">
        <v>0</v>
      </c>
      <c r="DD20" s="191">
        <v>0</v>
      </c>
      <c r="DE20" s="191">
        <v>0</v>
      </c>
      <c r="DF20" s="191">
        <v>0</v>
      </c>
      <c r="DG20" s="196">
        <v>0</v>
      </c>
      <c r="DH20" s="195">
        <v>0</v>
      </c>
    </row>
    <row r="21" spans="2:112" ht="21" customHeight="1" x14ac:dyDescent="0.2">
      <c r="B21" s="106" t="s">
        <v>19</v>
      </c>
      <c r="C21" s="190">
        <v>0</v>
      </c>
      <c r="D21" s="196">
        <v>0</v>
      </c>
      <c r="E21" s="207">
        <v>0</v>
      </c>
      <c r="F21" s="193">
        <v>0</v>
      </c>
      <c r="G21" s="191">
        <v>94</v>
      </c>
      <c r="H21" s="191">
        <v>189</v>
      </c>
      <c r="I21" s="191">
        <v>414</v>
      </c>
      <c r="J21" s="191">
        <v>167</v>
      </c>
      <c r="K21" s="191">
        <v>68</v>
      </c>
      <c r="L21" s="194">
        <v>932</v>
      </c>
      <c r="M21" s="195">
        <v>932</v>
      </c>
      <c r="N21" s="190">
        <v>0</v>
      </c>
      <c r="O21" s="191">
        <v>0</v>
      </c>
      <c r="P21" s="196">
        <v>0</v>
      </c>
      <c r="Q21" s="193">
        <v>0</v>
      </c>
      <c r="R21" s="191">
        <v>0</v>
      </c>
      <c r="S21" s="191">
        <v>0</v>
      </c>
      <c r="T21" s="191">
        <v>4</v>
      </c>
      <c r="U21" s="191">
        <v>7</v>
      </c>
      <c r="V21" s="191">
        <v>0</v>
      </c>
      <c r="W21" s="196">
        <v>11</v>
      </c>
      <c r="X21" s="195">
        <v>11</v>
      </c>
      <c r="Y21" s="190">
        <v>6</v>
      </c>
      <c r="Z21" s="191">
        <v>26</v>
      </c>
      <c r="AA21" s="196">
        <v>32</v>
      </c>
      <c r="AB21" s="193">
        <v>0</v>
      </c>
      <c r="AC21" s="191">
        <v>145</v>
      </c>
      <c r="AD21" s="191">
        <v>65</v>
      </c>
      <c r="AE21" s="191">
        <v>27</v>
      </c>
      <c r="AF21" s="191">
        <v>88</v>
      </c>
      <c r="AG21" s="191">
        <v>25</v>
      </c>
      <c r="AH21" s="196">
        <v>350</v>
      </c>
      <c r="AI21" s="195">
        <v>382</v>
      </c>
      <c r="AJ21" s="190">
        <v>14</v>
      </c>
      <c r="AK21" s="191">
        <v>0</v>
      </c>
      <c r="AL21" s="196">
        <v>14</v>
      </c>
      <c r="AM21" s="193">
        <v>0</v>
      </c>
      <c r="AN21" s="191">
        <v>42</v>
      </c>
      <c r="AO21" s="191">
        <v>6</v>
      </c>
      <c r="AP21" s="191">
        <v>21</v>
      </c>
      <c r="AQ21" s="191">
        <v>12</v>
      </c>
      <c r="AR21" s="191">
        <v>0</v>
      </c>
      <c r="AS21" s="196">
        <v>81</v>
      </c>
      <c r="AT21" s="195">
        <v>95</v>
      </c>
      <c r="AU21" s="190">
        <v>0</v>
      </c>
      <c r="AV21" s="191">
        <v>0</v>
      </c>
      <c r="AW21" s="196">
        <v>0</v>
      </c>
      <c r="AX21" s="193">
        <v>0</v>
      </c>
      <c r="AY21" s="191">
        <v>122</v>
      </c>
      <c r="AZ21" s="191">
        <v>101</v>
      </c>
      <c r="BA21" s="191">
        <v>18</v>
      </c>
      <c r="BB21" s="191">
        <v>8</v>
      </c>
      <c r="BC21" s="191">
        <v>15</v>
      </c>
      <c r="BD21" s="194">
        <v>264</v>
      </c>
      <c r="BE21" s="195">
        <v>264</v>
      </c>
      <c r="BF21" s="190">
        <v>0</v>
      </c>
      <c r="BG21" s="191">
        <v>0</v>
      </c>
      <c r="BH21" s="196">
        <v>0</v>
      </c>
      <c r="BI21" s="193">
        <v>0</v>
      </c>
      <c r="BJ21" s="191">
        <v>93</v>
      </c>
      <c r="BK21" s="191">
        <v>42</v>
      </c>
      <c r="BL21" s="191">
        <v>7</v>
      </c>
      <c r="BM21" s="191">
        <v>30</v>
      </c>
      <c r="BN21" s="191">
        <v>7</v>
      </c>
      <c r="BO21" s="196">
        <v>179</v>
      </c>
      <c r="BP21" s="195">
        <v>179</v>
      </c>
      <c r="BQ21" s="190">
        <v>0</v>
      </c>
      <c r="BR21" s="191">
        <v>0</v>
      </c>
      <c r="BS21" s="196">
        <v>0</v>
      </c>
      <c r="BT21" s="193">
        <v>0</v>
      </c>
      <c r="BU21" s="191">
        <v>10</v>
      </c>
      <c r="BV21" s="191">
        <v>0</v>
      </c>
      <c r="BW21" s="191">
        <v>12</v>
      </c>
      <c r="BX21" s="191">
        <v>0</v>
      </c>
      <c r="BY21" s="191">
        <v>0</v>
      </c>
      <c r="BZ21" s="196">
        <v>22</v>
      </c>
      <c r="CA21" s="195">
        <v>22</v>
      </c>
      <c r="CB21" s="190">
        <v>0</v>
      </c>
      <c r="CC21" s="191">
        <v>0</v>
      </c>
      <c r="CD21" s="196">
        <v>0</v>
      </c>
      <c r="CE21" s="193">
        <v>0</v>
      </c>
      <c r="CF21" s="191">
        <v>4</v>
      </c>
      <c r="CG21" s="191">
        <v>0</v>
      </c>
      <c r="CH21" s="191">
        <v>0</v>
      </c>
      <c r="CI21" s="191">
        <v>21</v>
      </c>
      <c r="CJ21" s="191">
        <v>0</v>
      </c>
      <c r="CK21" s="196">
        <v>25</v>
      </c>
      <c r="CL21" s="195">
        <v>25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0</v>
      </c>
      <c r="CS21" s="191">
        <v>0</v>
      </c>
      <c r="CT21" s="191">
        <v>0</v>
      </c>
      <c r="CU21" s="191">
        <v>0</v>
      </c>
      <c r="CV21" s="196">
        <v>0</v>
      </c>
      <c r="CW21" s="195">
        <v>0</v>
      </c>
      <c r="CX21" s="190">
        <v>0</v>
      </c>
      <c r="CY21" s="191">
        <v>0</v>
      </c>
      <c r="CZ21" s="196">
        <v>0</v>
      </c>
      <c r="DA21" s="193">
        <v>0</v>
      </c>
      <c r="DB21" s="191">
        <v>0</v>
      </c>
      <c r="DC21" s="191">
        <v>0</v>
      </c>
      <c r="DD21" s="191">
        <v>0</v>
      </c>
      <c r="DE21" s="191">
        <v>0</v>
      </c>
      <c r="DF21" s="191">
        <v>0</v>
      </c>
      <c r="DG21" s="196">
        <v>0</v>
      </c>
      <c r="DH21" s="195">
        <v>0</v>
      </c>
    </row>
    <row r="22" spans="2:112" ht="21" customHeight="1" x14ac:dyDescent="0.2">
      <c r="B22" s="106" t="s">
        <v>20</v>
      </c>
      <c r="C22" s="190">
        <v>0</v>
      </c>
      <c r="D22" s="196">
        <v>0</v>
      </c>
      <c r="E22" s="207">
        <v>0</v>
      </c>
      <c r="F22" s="193">
        <v>0</v>
      </c>
      <c r="G22" s="191">
        <v>288</v>
      </c>
      <c r="H22" s="191">
        <v>195</v>
      </c>
      <c r="I22" s="191">
        <v>160</v>
      </c>
      <c r="J22" s="191">
        <v>80</v>
      </c>
      <c r="K22" s="191">
        <v>513</v>
      </c>
      <c r="L22" s="194">
        <v>1236</v>
      </c>
      <c r="M22" s="195">
        <v>1236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5</v>
      </c>
      <c r="U22" s="191">
        <v>4</v>
      </c>
      <c r="V22" s="191">
        <v>21</v>
      </c>
      <c r="W22" s="196">
        <v>30</v>
      </c>
      <c r="X22" s="195">
        <v>30</v>
      </c>
      <c r="Y22" s="190">
        <v>18</v>
      </c>
      <c r="Z22" s="191">
        <v>30</v>
      </c>
      <c r="AA22" s="196">
        <v>48</v>
      </c>
      <c r="AB22" s="193">
        <v>0</v>
      </c>
      <c r="AC22" s="191">
        <v>164</v>
      </c>
      <c r="AD22" s="191">
        <v>156</v>
      </c>
      <c r="AE22" s="191">
        <v>116</v>
      </c>
      <c r="AF22" s="191">
        <v>46</v>
      </c>
      <c r="AG22" s="191">
        <v>2</v>
      </c>
      <c r="AH22" s="196">
        <v>484</v>
      </c>
      <c r="AI22" s="195">
        <v>532</v>
      </c>
      <c r="AJ22" s="190">
        <v>6</v>
      </c>
      <c r="AK22" s="191">
        <v>41</v>
      </c>
      <c r="AL22" s="196">
        <v>47</v>
      </c>
      <c r="AM22" s="193">
        <v>0</v>
      </c>
      <c r="AN22" s="191">
        <v>32</v>
      </c>
      <c r="AO22" s="191">
        <v>35</v>
      </c>
      <c r="AP22" s="191">
        <v>36</v>
      </c>
      <c r="AQ22" s="191">
        <v>4</v>
      </c>
      <c r="AR22" s="191">
        <v>14</v>
      </c>
      <c r="AS22" s="196">
        <v>121</v>
      </c>
      <c r="AT22" s="195">
        <v>168</v>
      </c>
      <c r="AU22" s="190">
        <v>0</v>
      </c>
      <c r="AV22" s="191">
        <v>0</v>
      </c>
      <c r="AW22" s="196">
        <v>0</v>
      </c>
      <c r="AX22" s="193">
        <v>0</v>
      </c>
      <c r="AY22" s="191">
        <v>103</v>
      </c>
      <c r="AZ22" s="191">
        <v>129</v>
      </c>
      <c r="BA22" s="191">
        <v>82</v>
      </c>
      <c r="BB22" s="191">
        <v>49</v>
      </c>
      <c r="BC22" s="191">
        <v>4</v>
      </c>
      <c r="BD22" s="194">
        <v>367</v>
      </c>
      <c r="BE22" s="195">
        <v>367</v>
      </c>
      <c r="BF22" s="190">
        <v>0</v>
      </c>
      <c r="BG22" s="191">
        <v>0</v>
      </c>
      <c r="BH22" s="196">
        <v>0</v>
      </c>
      <c r="BI22" s="193">
        <v>0</v>
      </c>
      <c r="BJ22" s="191">
        <v>35</v>
      </c>
      <c r="BK22" s="191">
        <v>80</v>
      </c>
      <c r="BL22" s="191">
        <v>20</v>
      </c>
      <c r="BM22" s="191">
        <v>12</v>
      </c>
      <c r="BN22" s="191">
        <v>11</v>
      </c>
      <c r="BO22" s="196">
        <v>158</v>
      </c>
      <c r="BP22" s="195">
        <v>158</v>
      </c>
      <c r="BQ22" s="190">
        <v>0</v>
      </c>
      <c r="BR22" s="191">
        <v>0</v>
      </c>
      <c r="BS22" s="196">
        <v>0</v>
      </c>
      <c r="BT22" s="193">
        <v>0</v>
      </c>
      <c r="BU22" s="191">
        <v>7</v>
      </c>
      <c r="BV22" s="191">
        <v>25</v>
      </c>
      <c r="BW22" s="191">
        <v>64</v>
      </c>
      <c r="BX22" s="191">
        <v>36</v>
      </c>
      <c r="BY22" s="191">
        <v>0</v>
      </c>
      <c r="BZ22" s="196">
        <v>132</v>
      </c>
      <c r="CA22" s="195">
        <v>132</v>
      </c>
      <c r="CB22" s="190">
        <v>0</v>
      </c>
      <c r="CC22" s="191">
        <v>0</v>
      </c>
      <c r="CD22" s="196">
        <v>0</v>
      </c>
      <c r="CE22" s="193">
        <v>0</v>
      </c>
      <c r="CF22" s="191">
        <v>0</v>
      </c>
      <c r="CG22" s="191">
        <v>4</v>
      </c>
      <c r="CH22" s="191">
        <v>4</v>
      </c>
      <c r="CI22" s="191">
        <v>0</v>
      </c>
      <c r="CJ22" s="191">
        <v>0</v>
      </c>
      <c r="CK22" s="196">
        <v>8</v>
      </c>
      <c r="CL22" s="195">
        <v>8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  <c r="CX22" s="190">
        <v>0</v>
      </c>
      <c r="CY22" s="191">
        <v>0</v>
      </c>
      <c r="CZ22" s="196">
        <v>0</v>
      </c>
      <c r="DA22" s="193">
        <v>0</v>
      </c>
      <c r="DB22" s="191">
        <v>0</v>
      </c>
      <c r="DC22" s="191">
        <v>0</v>
      </c>
      <c r="DD22" s="191">
        <v>0</v>
      </c>
      <c r="DE22" s="191">
        <v>0</v>
      </c>
      <c r="DF22" s="191">
        <v>0</v>
      </c>
      <c r="DG22" s="196">
        <v>0</v>
      </c>
      <c r="DH22" s="195">
        <v>0</v>
      </c>
    </row>
    <row r="23" spans="2:112" ht="21" customHeight="1" x14ac:dyDescent="0.2">
      <c r="B23" s="106" t="s">
        <v>21</v>
      </c>
      <c r="C23" s="190">
        <v>0</v>
      </c>
      <c r="D23" s="196">
        <v>0</v>
      </c>
      <c r="E23" s="207">
        <v>0</v>
      </c>
      <c r="F23" s="193">
        <v>0</v>
      </c>
      <c r="G23" s="191">
        <v>153</v>
      </c>
      <c r="H23" s="191">
        <v>337</v>
      </c>
      <c r="I23" s="191">
        <v>119</v>
      </c>
      <c r="J23" s="191">
        <v>150</v>
      </c>
      <c r="K23" s="191">
        <v>243</v>
      </c>
      <c r="L23" s="194">
        <v>1002</v>
      </c>
      <c r="M23" s="195">
        <v>1002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11</v>
      </c>
      <c r="V23" s="191">
        <v>21</v>
      </c>
      <c r="W23" s="196">
        <v>32</v>
      </c>
      <c r="X23" s="195">
        <v>32</v>
      </c>
      <c r="Y23" s="190">
        <v>9</v>
      </c>
      <c r="Z23" s="191">
        <v>4</v>
      </c>
      <c r="AA23" s="196">
        <v>13</v>
      </c>
      <c r="AB23" s="193">
        <v>0</v>
      </c>
      <c r="AC23" s="191">
        <v>123</v>
      </c>
      <c r="AD23" s="191">
        <v>96</v>
      </c>
      <c r="AE23" s="191">
        <v>60</v>
      </c>
      <c r="AF23" s="191">
        <v>95</v>
      </c>
      <c r="AG23" s="191">
        <v>94</v>
      </c>
      <c r="AH23" s="196">
        <v>468</v>
      </c>
      <c r="AI23" s="195">
        <v>481</v>
      </c>
      <c r="AJ23" s="190">
        <v>0</v>
      </c>
      <c r="AK23" s="191">
        <v>24</v>
      </c>
      <c r="AL23" s="196">
        <v>24</v>
      </c>
      <c r="AM23" s="193">
        <v>0</v>
      </c>
      <c r="AN23" s="191">
        <v>0</v>
      </c>
      <c r="AO23" s="191">
        <v>0</v>
      </c>
      <c r="AP23" s="191">
        <v>40</v>
      </c>
      <c r="AQ23" s="191">
        <v>0</v>
      </c>
      <c r="AR23" s="191">
        <v>14</v>
      </c>
      <c r="AS23" s="196">
        <v>54</v>
      </c>
      <c r="AT23" s="195">
        <v>78</v>
      </c>
      <c r="AU23" s="190">
        <v>0</v>
      </c>
      <c r="AV23" s="191">
        <v>0</v>
      </c>
      <c r="AW23" s="196">
        <v>0</v>
      </c>
      <c r="AX23" s="193">
        <v>0</v>
      </c>
      <c r="AY23" s="191">
        <v>135</v>
      </c>
      <c r="AZ23" s="191">
        <v>82</v>
      </c>
      <c r="BA23" s="191">
        <v>27</v>
      </c>
      <c r="BB23" s="191">
        <v>20</v>
      </c>
      <c r="BC23" s="191">
        <v>23</v>
      </c>
      <c r="BD23" s="194">
        <v>287</v>
      </c>
      <c r="BE23" s="195">
        <v>287</v>
      </c>
      <c r="BF23" s="190">
        <v>0</v>
      </c>
      <c r="BG23" s="191">
        <v>0</v>
      </c>
      <c r="BH23" s="196">
        <v>0</v>
      </c>
      <c r="BI23" s="193">
        <v>0</v>
      </c>
      <c r="BJ23" s="191">
        <v>12</v>
      </c>
      <c r="BK23" s="191">
        <v>4</v>
      </c>
      <c r="BL23" s="191">
        <v>4</v>
      </c>
      <c r="BM23" s="191">
        <v>8</v>
      </c>
      <c r="BN23" s="191">
        <v>19</v>
      </c>
      <c r="BO23" s="196">
        <v>47</v>
      </c>
      <c r="BP23" s="195">
        <v>47</v>
      </c>
      <c r="BQ23" s="190">
        <v>0</v>
      </c>
      <c r="BR23" s="191">
        <v>0</v>
      </c>
      <c r="BS23" s="196">
        <v>0</v>
      </c>
      <c r="BT23" s="193">
        <v>0</v>
      </c>
      <c r="BU23" s="191">
        <v>0</v>
      </c>
      <c r="BV23" s="191">
        <v>24</v>
      </c>
      <c r="BW23" s="191">
        <v>45</v>
      </c>
      <c r="BX23" s="191">
        <v>0</v>
      </c>
      <c r="BY23" s="191">
        <v>43</v>
      </c>
      <c r="BZ23" s="196">
        <v>112</v>
      </c>
      <c r="CA23" s="195">
        <v>112</v>
      </c>
      <c r="CB23" s="190">
        <v>0</v>
      </c>
      <c r="CC23" s="191">
        <v>0</v>
      </c>
      <c r="CD23" s="196">
        <v>0</v>
      </c>
      <c r="CE23" s="193">
        <v>0</v>
      </c>
      <c r="CF23" s="191">
        <v>0</v>
      </c>
      <c r="CG23" s="191">
        <v>0</v>
      </c>
      <c r="CH23" s="191">
        <v>0</v>
      </c>
      <c r="CI23" s="191">
        <v>0</v>
      </c>
      <c r="CJ23" s="191">
        <v>0</v>
      </c>
      <c r="CK23" s="196">
        <v>0</v>
      </c>
      <c r="CL23" s="195">
        <v>0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  <c r="CX23" s="190">
        <v>0</v>
      </c>
      <c r="CY23" s="191">
        <v>0</v>
      </c>
      <c r="CZ23" s="196">
        <v>0</v>
      </c>
      <c r="DA23" s="193">
        <v>0</v>
      </c>
      <c r="DB23" s="191">
        <v>0</v>
      </c>
      <c r="DC23" s="191">
        <v>0</v>
      </c>
      <c r="DD23" s="191">
        <v>0</v>
      </c>
      <c r="DE23" s="191">
        <v>0</v>
      </c>
      <c r="DF23" s="191">
        <v>0</v>
      </c>
      <c r="DG23" s="196">
        <v>0</v>
      </c>
      <c r="DH23" s="195">
        <v>0</v>
      </c>
    </row>
    <row r="24" spans="2:112" ht="21" customHeight="1" x14ac:dyDescent="0.2">
      <c r="B24" s="106" t="s">
        <v>22</v>
      </c>
      <c r="C24" s="190">
        <v>0</v>
      </c>
      <c r="D24" s="196">
        <v>0</v>
      </c>
      <c r="E24" s="207">
        <v>0</v>
      </c>
      <c r="F24" s="193">
        <v>0</v>
      </c>
      <c r="G24" s="191">
        <v>17</v>
      </c>
      <c r="H24" s="191">
        <v>16</v>
      </c>
      <c r="I24" s="191">
        <v>42</v>
      </c>
      <c r="J24" s="191">
        <v>68</v>
      </c>
      <c r="K24" s="191">
        <v>149</v>
      </c>
      <c r="L24" s="194">
        <v>292</v>
      </c>
      <c r="M24" s="195">
        <v>292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9</v>
      </c>
      <c r="V24" s="191">
        <v>18</v>
      </c>
      <c r="W24" s="196">
        <v>27</v>
      </c>
      <c r="X24" s="195">
        <v>27</v>
      </c>
      <c r="Y24" s="190">
        <v>0</v>
      </c>
      <c r="Z24" s="191">
        <v>6</v>
      </c>
      <c r="AA24" s="196">
        <v>6</v>
      </c>
      <c r="AB24" s="193">
        <v>0</v>
      </c>
      <c r="AC24" s="191">
        <v>44</v>
      </c>
      <c r="AD24" s="191">
        <v>30</v>
      </c>
      <c r="AE24" s="191">
        <v>29</v>
      </c>
      <c r="AF24" s="191">
        <v>0</v>
      </c>
      <c r="AG24" s="191">
        <v>52</v>
      </c>
      <c r="AH24" s="196">
        <v>155</v>
      </c>
      <c r="AI24" s="195">
        <v>161</v>
      </c>
      <c r="AJ24" s="190">
        <v>0</v>
      </c>
      <c r="AK24" s="191">
        <v>0</v>
      </c>
      <c r="AL24" s="196">
        <v>0</v>
      </c>
      <c r="AM24" s="193">
        <v>0</v>
      </c>
      <c r="AN24" s="191">
        <v>12</v>
      </c>
      <c r="AO24" s="191">
        <v>12</v>
      </c>
      <c r="AP24" s="191">
        <v>0</v>
      </c>
      <c r="AQ24" s="191">
        <v>9</v>
      </c>
      <c r="AR24" s="191">
        <v>0</v>
      </c>
      <c r="AS24" s="196">
        <v>33</v>
      </c>
      <c r="AT24" s="195">
        <v>33</v>
      </c>
      <c r="AU24" s="190">
        <v>0</v>
      </c>
      <c r="AV24" s="191">
        <v>0</v>
      </c>
      <c r="AW24" s="196">
        <v>0</v>
      </c>
      <c r="AX24" s="193">
        <v>0</v>
      </c>
      <c r="AY24" s="191">
        <v>45</v>
      </c>
      <c r="AZ24" s="191">
        <v>19</v>
      </c>
      <c r="BA24" s="191">
        <v>49</v>
      </c>
      <c r="BB24" s="191">
        <v>34</v>
      </c>
      <c r="BC24" s="191">
        <v>16</v>
      </c>
      <c r="BD24" s="194">
        <v>163</v>
      </c>
      <c r="BE24" s="195">
        <v>163</v>
      </c>
      <c r="BF24" s="190">
        <v>0</v>
      </c>
      <c r="BG24" s="191">
        <v>0</v>
      </c>
      <c r="BH24" s="196">
        <v>0</v>
      </c>
      <c r="BI24" s="193">
        <v>0</v>
      </c>
      <c r="BJ24" s="191">
        <v>22</v>
      </c>
      <c r="BK24" s="191">
        <v>19</v>
      </c>
      <c r="BL24" s="191">
        <v>9</v>
      </c>
      <c r="BM24" s="191">
        <v>0</v>
      </c>
      <c r="BN24" s="191">
        <v>0</v>
      </c>
      <c r="BO24" s="196">
        <v>50</v>
      </c>
      <c r="BP24" s="195">
        <v>50</v>
      </c>
      <c r="BQ24" s="190">
        <v>0</v>
      </c>
      <c r="BR24" s="191">
        <v>0</v>
      </c>
      <c r="BS24" s="196">
        <v>0</v>
      </c>
      <c r="BT24" s="193">
        <v>0</v>
      </c>
      <c r="BU24" s="191">
        <v>0</v>
      </c>
      <c r="BV24" s="191">
        <v>28</v>
      </c>
      <c r="BW24" s="191">
        <v>2</v>
      </c>
      <c r="BX24" s="191">
        <v>0</v>
      </c>
      <c r="BY24" s="191">
        <v>0</v>
      </c>
      <c r="BZ24" s="196">
        <v>30</v>
      </c>
      <c r="CA24" s="195">
        <v>30</v>
      </c>
      <c r="CB24" s="190">
        <v>0</v>
      </c>
      <c r="CC24" s="191">
        <v>0</v>
      </c>
      <c r="CD24" s="196">
        <v>0</v>
      </c>
      <c r="CE24" s="193">
        <v>0</v>
      </c>
      <c r="CF24" s="191">
        <v>0</v>
      </c>
      <c r="CG24" s="191">
        <v>0</v>
      </c>
      <c r="CH24" s="191">
        <v>0</v>
      </c>
      <c r="CI24" s="191">
        <v>0</v>
      </c>
      <c r="CJ24" s="191">
        <v>0</v>
      </c>
      <c r="CK24" s="196">
        <v>0</v>
      </c>
      <c r="CL24" s="195">
        <v>0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  <c r="CX24" s="190">
        <v>0</v>
      </c>
      <c r="CY24" s="191">
        <v>0</v>
      </c>
      <c r="CZ24" s="196">
        <v>0</v>
      </c>
      <c r="DA24" s="193">
        <v>0</v>
      </c>
      <c r="DB24" s="191">
        <v>0</v>
      </c>
      <c r="DC24" s="191">
        <v>0</v>
      </c>
      <c r="DD24" s="191">
        <v>0</v>
      </c>
      <c r="DE24" s="191">
        <v>0</v>
      </c>
      <c r="DF24" s="191">
        <v>0</v>
      </c>
      <c r="DG24" s="196">
        <v>0</v>
      </c>
      <c r="DH24" s="195">
        <v>0</v>
      </c>
    </row>
    <row r="25" spans="2:112" ht="21" customHeight="1" x14ac:dyDescent="0.2">
      <c r="B25" s="106" t="s">
        <v>23</v>
      </c>
      <c r="C25" s="190">
        <v>0</v>
      </c>
      <c r="D25" s="196">
        <v>0</v>
      </c>
      <c r="E25" s="207">
        <v>0</v>
      </c>
      <c r="F25" s="193">
        <v>0</v>
      </c>
      <c r="G25" s="191">
        <v>10</v>
      </c>
      <c r="H25" s="191">
        <v>24</v>
      </c>
      <c r="I25" s="191">
        <v>193</v>
      </c>
      <c r="J25" s="191">
        <v>11</v>
      </c>
      <c r="K25" s="191">
        <v>134</v>
      </c>
      <c r="L25" s="194">
        <v>372</v>
      </c>
      <c r="M25" s="195">
        <v>372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1</v>
      </c>
      <c r="U25" s="191">
        <v>13</v>
      </c>
      <c r="V25" s="191">
        <v>0</v>
      </c>
      <c r="W25" s="196">
        <v>14</v>
      </c>
      <c r="X25" s="195">
        <v>14</v>
      </c>
      <c r="Y25" s="190">
        <v>25</v>
      </c>
      <c r="Z25" s="191">
        <v>60</v>
      </c>
      <c r="AA25" s="196">
        <v>85</v>
      </c>
      <c r="AB25" s="193">
        <v>0</v>
      </c>
      <c r="AC25" s="191">
        <v>25</v>
      </c>
      <c r="AD25" s="191">
        <v>136</v>
      </c>
      <c r="AE25" s="191">
        <v>69</v>
      </c>
      <c r="AF25" s="191">
        <v>55</v>
      </c>
      <c r="AG25" s="191">
        <v>26</v>
      </c>
      <c r="AH25" s="196">
        <v>311</v>
      </c>
      <c r="AI25" s="195">
        <v>396</v>
      </c>
      <c r="AJ25" s="190">
        <v>0</v>
      </c>
      <c r="AK25" s="191">
        <v>12</v>
      </c>
      <c r="AL25" s="196">
        <v>12</v>
      </c>
      <c r="AM25" s="193">
        <v>0</v>
      </c>
      <c r="AN25" s="191">
        <v>12</v>
      </c>
      <c r="AO25" s="191">
        <v>0</v>
      </c>
      <c r="AP25" s="191">
        <v>0</v>
      </c>
      <c r="AQ25" s="191">
        <v>0</v>
      </c>
      <c r="AR25" s="191">
        <v>0</v>
      </c>
      <c r="AS25" s="196">
        <v>12</v>
      </c>
      <c r="AT25" s="195">
        <v>24</v>
      </c>
      <c r="AU25" s="190">
        <v>0</v>
      </c>
      <c r="AV25" s="191">
        <v>0</v>
      </c>
      <c r="AW25" s="196">
        <v>0</v>
      </c>
      <c r="AX25" s="193">
        <v>0</v>
      </c>
      <c r="AY25" s="191">
        <v>67</v>
      </c>
      <c r="AZ25" s="191">
        <v>121</v>
      </c>
      <c r="BA25" s="191">
        <v>65</v>
      </c>
      <c r="BB25" s="191">
        <v>12</v>
      </c>
      <c r="BC25" s="191">
        <v>21</v>
      </c>
      <c r="BD25" s="194">
        <v>286</v>
      </c>
      <c r="BE25" s="195">
        <v>286</v>
      </c>
      <c r="BF25" s="190">
        <v>0</v>
      </c>
      <c r="BG25" s="191">
        <v>0</v>
      </c>
      <c r="BH25" s="196">
        <v>0</v>
      </c>
      <c r="BI25" s="193">
        <v>0</v>
      </c>
      <c r="BJ25" s="191">
        <v>0</v>
      </c>
      <c r="BK25" s="191">
        <v>0</v>
      </c>
      <c r="BL25" s="191">
        <v>18</v>
      </c>
      <c r="BM25" s="191">
        <v>0</v>
      </c>
      <c r="BN25" s="191">
        <v>10</v>
      </c>
      <c r="BO25" s="196">
        <v>28</v>
      </c>
      <c r="BP25" s="195">
        <v>28</v>
      </c>
      <c r="BQ25" s="190">
        <v>0</v>
      </c>
      <c r="BR25" s="191">
        <v>0</v>
      </c>
      <c r="BS25" s="196">
        <v>0</v>
      </c>
      <c r="BT25" s="193">
        <v>0</v>
      </c>
      <c r="BU25" s="191">
        <v>8</v>
      </c>
      <c r="BV25" s="191">
        <v>34</v>
      </c>
      <c r="BW25" s="191">
        <v>30</v>
      </c>
      <c r="BX25" s="191">
        <v>0</v>
      </c>
      <c r="BY25" s="191">
        <v>0</v>
      </c>
      <c r="BZ25" s="196">
        <v>72</v>
      </c>
      <c r="CA25" s="195">
        <v>72</v>
      </c>
      <c r="CB25" s="190">
        <v>0</v>
      </c>
      <c r="CC25" s="191">
        <v>0</v>
      </c>
      <c r="CD25" s="196">
        <v>0</v>
      </c>
      <c r="CE25" s="193">
        <v>0</v>
      </c>
      <c r="CF25" s="191">
        <v>0</v>
      </c>
      <c r="CG25" s="191">
        <v>0</v>
      </c>
      <c r="CH25" s="191">
        <v>0</v>
      </c>
      <c r="CI25" s="191">
        <v>0</v>
      </c>
      <c r="CJ25" s="191">
        <v>4</v>
      </c>
      <c r="CK25" s="196">
        <v>4</v>
      </c>
      <c r="CL25" s="195">
        <v>4</v>
      </c>
      <c r="CM25" s="190">
        <v>0</v>
      </c>
      <c r="CN25" s="191">
        <v>0</v>
      </c>
      <c r="CO25" s="196">
        <v>0</v>
      </c>
      <c r="CP25" s="193">
        <v>0</v>
      </c>
      <c r="CQ25" s="191">
        <v>0</v>
      </c>
      <c r="CR25" s="191">
        <v>0</v>
      </c>
      <c r="CS25" s="191">
        <v>0</v>
      </c>
      <c r="CT25" s="191">
        <v>0</v>
      </c>
      <c r="CU25" s="191">
        <v>0</v>
      </c>
      <c r="CV25" s="196">
        <v>0</v>
      </c>
      <c r="CW25" s="195">
        <v>0</v>
      </c>
      <c r="CX25" s="190">
        <v>0</v>
      </c>
      <c r="CY25" s="191">
        <v>0</v>
      </c>
      <c r="CZ25" s="196">
        <v>0</v>
      </c>
      <c r="DA25" s="193">
        <v>0</v>
      </c>
      <c r="DB25" s="191">
        <v>0</v>
      </c>
      <c r="DC25" s="191">
        <v>0</v>
      </c>
      <c r="DD25" s="191">
        <v>0</v>
      </c>
      <c r="DE25" s="191">
        <v>0</v>
      </c>
      <c r="DF25" s="191">
        <v>0</v>
      </c>
      <c r="DG25" s="196">
        <v>0</v>
      </c>
      <c r="DH25" s="195">
        <v>0</v>
      </c>
    </row>
    <row r="26" spans="2:112" ht="21" customHeight="1" x14ac:dyDescent="0.2">
      <c r="B26" s="106" t="s">
        <v>24</v>
      </c>
      <c r="C26" s="190">
        <v>0</v>
      </c>
      <c r="D26" s="196">
        <v>0</v>
      </c>
      <c r="E26" s="207">
        <v>0</v>
      </c>
      <c r="F26" s="193">
        <v>0</v>
      </c>
      <c r="G26" s="191">
        <v>155</v>
      </c>
      <c r="H26" s="191">
        <v>121</v>
      </c>
      <c r="I26" s="191">
        <v>31</v>
      </c>
      <c r="J26" s="191">
        <v>123</v>
      </c>
      <c r="K26" s="191">
        <v>202</v>
      </c>
      <c r="L26" s="194">
        <v>632</v>
      </c>
      <c r="M26" s="195">
        <v>632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3</v>
      </c>
      <c r="T26" s="191">
        <v>0</v>
      </c>
      <c r="U26" s="191">
        <v>7</v>
      </c>
      <c r="V26" s="191">
        <v>22</v>
      </c>
      <c r="W26" s="196">
        <v>32</v>
      </c>
      <c r="X26" s="195">
        <v>32</v>
      </c>
      <c r="Y26" s="190">
        <v>20</v>
      </c>
      <c r="Z26" s="191">
        <v>19</v>
      </c>
      <c r="AA26" s="196">
        <v>39</v>
      </c>
      <c r="AB26" s="193">
        <v>0</v>
      </c>
      <c r="AC26" s="191">
        <v>77</v>
      </c>
      <c r="AD26" s="191">
        <v>98</v>
      </c>
      <c r="AE26" s="191">
        <v>66</v>
      </c>
      <c r="AF26" s="191">
        <v>12</v>
      </c>
      <c r="AG26" s="191">
        <v>60</v>
      </c>
      <c r="AH26" s="196">
        <v>313</v>
      </c>
      <c r="AI26" s="195">
        <v>352</v>
      </c>
      <c r="AJ26" s="190">
        <v>0</v>
      </c>
      <c r="AK26" s="191">
        <v>0</v>
      </c>
      <c r="AL26" s="196">
        <v>0</v>
      </c>
      <c r="AM26" s="193">
        <v>0</v>
      </c>
      <c r="AN26" s="191">
        <v>0</v>
      </c>
      <c r="AO26" s="191">
        <v>0</v>
      </c>
      <c r="AP26" s="191">
        <v>0</v>
      </c>
      <c r="AQ26" s="191">
        <v>0</v>
      </c>
      <c r="AR26" s="191">
        <v>4</v>
      </c>
      <c r="AS26" s="196">
        <v>4</v>
      </c>
      <c r="AT26" s="195">
        <v>4</v>
      </c>
      <c r="AU26" s="190">
        <v>0</v>
      </c>
      <c r="AV26" s="191">
        <v>0</v>
      </c>
      <c r="AW26" s="196">
        <v>0</v>
      </c>
      <c r="AX26" s="193">
        <v>0</v>
      </c>
      <c r="AY26" s="191">
        <v>67</v>
      </c>
      <c r="AZ26" s="191">
        <v>59</v>
      </c>
      <c r="BA26" s="191">
        <v>18</v>
      </c>
      <c r="BB26" s="191">
        <v>4</v>
      </c>
      <c r="BC26" s="191">
        <v>0</v>
      </c>
      <c r="BD26" s="194">
        <v>148</v>
      </c>
      <c r="BE26" s="195">
        <v>148</v>
      </c>
      <c r="BF26" s="190">
        <v>0</v>
      </c>
      <c r="BG26" s="191">
        <v>0</v>
      </c>
      <c r="BH26" s="196">
        <v>0</v>
      </c>
      <c r="BI26" s="193">
        <v>0</v>
      </c>
      <c r="BJ26" s="191">
        <v>54</v>
      </c>
      <c r="BK26" s="191">
        <v>13</v>
      </c>
      <c r="BL26" s="191">
        <v>0</v>
      </c>
      <c r="BM26" s="191">
        <v>0</v>
      </c>
      <c r="BN26" s="191">
        <v>0</v>
      </c>
      <c r="BO26" s="196">
        <v>67</v>
      </c>
      <c r="BP26" s="195">
        <v>67</v>
      </c>
      <c r="BQ26" s="190">
        <v>0</v>
      </c>
      <c r="BR26" s="191">
        <v>0</v>
      </c>
      <c r="BS26" s="196">
        <v>0</v>
      </c>
      <c r="BT26" s="193">
        <v>0</v>
      </c>
      <c r="BU26" s="191">
        <v>0</v>
      </c>
      <c r="BV26" s="191">
        <v>14</v>
      </c>
      <c r="BW26" s="191">
        <v>0</v>
      </c>
      <c r="BX26" s="191">
        <v>0</v>
      </c>
      <c r="BY26" s="191">
        <v>0</v>
      </c>
      <c r="BZ26" s="196">
        <v>14</v>
      </c>
      <c r="CA26" s="195">
        <v>14</v>
      </c>
      <c r="CB26" s="190">
        <v>0</v>
      </c>
      <c r="CC26" s="191">
        <v>0</v>
      </c>
      <c r="CD26" s="196">
        <v>0</v>
      </c>
      <c r="CE26" s="193">
        <v>0</v>
      </c>
      <c r="CF26" s="191">
        <v>0</v>
      </c>
      <c r="CG26" s="191">
        <v>0</v>
      </c>
      <c r="CH26" s="191">
        <v>0</v>
      </c>
      <c r="CI26" s="191">
        <v>0</v>
      </c>
      <c r="CJ26" s="191">
        <v>0</v>
      </c>
      <c r="CK26" s="196">
        <v>0</v>
      </c>
      <c r="CL26" s="195">
        <v>0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  <c r="CX26" s="190">
        <v>0</v>
      </c>
      <c r="CY26" s="191">
        <v>0</v>
      </c>
      <c r="CZ26" s="196">
        <v>0</v>
      </c>
      <c r="DA26" s="193">
        <v>0</v>
      </c>
      <c r="DB26" s="191">
        <v>0</v>
      </c>
      <c r="DC26" s="191">
        <v>0</v>
      </c>
      <c r="DD26" s="191">
        <v>0</v>
      </c>
      <c r="DE26" s="191">
        <v>0</v>
      </c>
      <c r="DF26" s="191">
        <v>0</v>
      </c>
      <c r="DG26" s="196">
        <v>0</v>
      </c>
      <c r="DH26" s="195">
        <v>0</v>
      </c>
    </row>
    <row r="27" spans="2:112" ht="21" customHeight="1" x14ac:dyDescent="0.2">
      <c r="B27" s="106" t="s">
        <v>25</v>
      </c>
      <c r="C27" s="190">
        <v>0</v>
      </c>
      <c r="D27" s="196">
        <v>0</v>
      </c>
      <c r="E27" s="207">
        <v>0</v>
      </c>
      <c r="F27" s="193">
        <v>0</v>
      </c>
      <c r="G27" s="191">
        <v>55</v>
      </c>
      <c r="H27" s="191">
        <v>130</v>
      </c>
      <c r="I27" s="191">
        <v>65</v>
      </c>
      <c r="J27" s="191">
        <v>0</v>
      </c>
      <c r="K27" s="191">
        <v>93</v>
      </c>
      <c r="L27" s="194">
        <v>343</v>
      </c>
      <c r="M27" s="195">
        <v>343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19</v>
      </c>
      <c r="W27" s="196">
        <v>19</v>
      </c>
      <c r="X27" s="195">
        <v>19</v>
      </c>
      <c r="Y27" s="190">
        <v>25</v>
      </c>
      <c r="Z27" s="191">
        <v>42</v>
      </c>
      <c r="AA27" s="196">
        <v>67</v>
      </c>
      <c r="AB27" s="193">
        <v>0</v>
      </c>
      <c r="AC27" s="191">
        <v>12</v>
      </c>
      <c r="AD27" s="191">
        <v>29</v>
      </c>
      <c r="AE27" s="191">
        <v>5</v>
      </c>
      <c r="AF27" s="191">
        <v>17</v>
      </c>
      <c r="AG27" s="191">
        <v>57</v>
      </c>
      <c r="AH27" s="196">
        <v>120</v>
      </c>
      <c r="AI27" s="195">
        <v>187</v>
      </c>
      <c r="AJ27" s="190">
        <v>0</v>
      </c>
      <c r="AK27" s="191">
        <v>0</v>
      </c>
      <c r="AL27" s="196">
        <v>0</v>
      </c>
      <c r="AM27" s="193">
        <v>0</v>
      </c>
      <c r="AN27" s="191">
        <v>0</v>
      </c>
      <c r="AO27" s="191">
        <v>0</v>
      </c>
      <c r="AP27" s="191">
        <v>0</v>
      </c>
      <c r="AQ27" s="191">
        <v>0</v>
      </c>
      <c r="AR27" s="191">
        <v>0</v>
      </c>
      <c r="AS27" s="196">
        <v>0</v>
      </c>
      <c r="AT27" s="195">
        <v>0</v>
      </c>
      <c r="AU27" s="190">
        <v>0</v>
      </c>
      <c r="AV27" s="191">
        <v>0</v>
      </c>
      <c r="AW27" s="196">
        <v>0</v>
      </c>
      <c r="AX27" s="193">
        <v>0</v>
      </c>
      <c r="AY27" s="191">
        <v>8</v>
      </c>
      <c r="AZ27" s="191">
        <v>44</v>
      </c>
      <c r="BA27" s="191">
        <v>4</v>
      </c>
      <c r="BB27" s="191">
        <v>13</v>
      </c>
      <c r="BC27" s="191">
        <v>0</v>
      </c>
      <c r="BD27" s="194">
        <v>69</v>
      </c>
      <c r="BE27" s="195">
        <v>69</v>
      </c>
      <c r="BF27" s="190">
        <v>0</v>
      </c>
      <c r="BG27" s="191">
        <v>0</v>
      </c>
      <c r="BH27" s="196">
        <v>0</v>
      </c>
      <c r="BI27" s="193">
        <v>0</v>
      </c>
      <c r="BJ27" s="191">
        <v>19</v>
      </c>
      <c r="BK27" s="191">
        <v>48</v>
      </c>
      <c r="BL27" s="191">
        <v>9</v>
      </c>
      <c r="BM27" s="191">
        <v>0</v>
      </c>
      <c r="BN27" s="191">
        <v>0</v>
      </c>
      <c r="BO27" s="196">
        <v>76</v>
      </c>
      <c r="BP27" s="195">
        <v>76</v>
      </c>
      <c r="BQ27" s="190">
        <v>0</v>
      </c>
      <c r="BR27" s="191">
        <v>0</v>
      </c>
      <c r="BS27" s="196">
        <v>0</v>
      </c>
      <c r="BT27" s="193">
        <v>0</v>
      </c>
      <c r="BU27" s="191">
        <v>25</v>
      </c>
      <c r="BV27" s="191">
        <v>0</v>
      </c>
      <c r="BW27" s="191">
        <v>0</v>
      </c>
      <c r="BX27" s="191">
        <v>0</v>
      </c>
      <c r="BY27" s="191">
        <v>0</v>
      </c>
      <c r="BZ27" s="196">
        <v>25</v>
      </c>
      <c r="CA27" s="195">
        <v>25</v>
      </c>
      <c r="CB27" s="190">
        <v>0</v>
      </c>
      <c r="CC27" s="191">
        <v>0</v>
      </c>
      <c r="CD27" s="196">
        <v>0</v>
      </c>
      <c r="CE27" s="193">
        <v>0</v>
      </c>
      <c r="CF27" s="191">
        <v>0</v>
      </c>
      <c r="CG27" s="191">
        <v>0</v>
      </c>
      <c r="CH27" s="191">
        <v>0</v>
      </c>
      <c r="CI27" s="191">
        <v>0</v>
      </c>
      <c r="CJ27" s="191">
        <v>0</v>
      </c>
      <c r="CK27" s="196">
        <v>0</v>
      </c>
      <c r="CL27" s="195">
        <v>0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  <c r="CX27" s="190">
        <v>0</v>
      </c>
      <c r="CY27" s="191">
        <v>0</v>
      </c>
      <c r="CZ27" s="196">
        <v>0</v>
      </c>
      <c r="DA27" s="193">
        <v>0</v>
      </c>
      <c r="DB27" s="191">
        <v>0</v>
      </c>
      <c r="DC27" s="191">
        <v>0</v>
      </c>
      <c r="DD27" s="191">
        <v>0</v>
      </c>
      <c r="DE27" s="191">
        <v>0</v>
      </c>
      <c r="DF27" s="191">
        <v>0</v>
      </c>
      <c r="DG27" s="196">
        <v>0</v>
      </c>
      <c r="DH27" s="195">
        <v>0</v>
      </c>
    </row>
    <row r="28" spans="2:112" ht="21" customHeight="1" x14ac:dyDescent="0.2">
      <c r="B28" s="106" t="s">
        <v>26</v>
      </c>
      <c r="C28" s="190">
        <v>0</v>
      </c>
      <c r="D28" s="196">
        <v>0</v>
      </c>
      <c r="E28" s="207">
        <v>0</v>
      </c>
      <c r="F28" s="193">
        <v>0</v>
      </c>
      <c r="G28" s="191">
        <v>21</v>
      </c>
      <c r="H28" s="191">
        <v>111</v>
      </c>
      <c r="I28" s="191">
        <v>35</v>
      </c>
      <c r="J28" s="191">
        <v>78</v>
      </c>
      <c r="K28" s="191">
        <v>212</v>
      </c>
      <c r="L28" s="194">
        <v>457</v>
      </c>
      <c r="M28" s="195">
        <v>457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  <c r="Y28" s="190">
        <v>15</v>
      </c>
      <c r="Z28" s="191">
        <v>8</v>
      </c>
      <c r="AA28" s="196">
        <v>23</v>
      </c>
      <c r="AB28" s="193">
        <v>0</v>
      </c>
      <c r="AC28" s="191">
        <v>39</v>
      </c>
      <c r="AD28" s="191">
        <v>51</v>
      </c>
      <c r="AE28" s="191">
        <v>44</v>
      </c>
      <c r="AF28" s="191">
        <v>0</v>
      </c>
      <c r="AG28" s="191">
        <v>21</v>
      </c>
      <c r="AH28" s="196">
        <v>155</v>
      </c>
      <c r="AI28" s="195">
        <v>178</v>
      </c>
      <c r="AJ28" s="190">
        <v>0</v>
      </c>
      <c r="AK28" s="191">
        <v>0</v>
      </c>
      <c r="AL28" s="196">
        <v>0</v>
      </c>
      <c r="AM28" s="193">
        <v>0</v>
      </c>
      <c r="AN28" s="191">
        <v>12</v>
      </c>
      <c r="AO28" s="191">
        <v>0</v>
      </c>
      <c r="AP28" s="191">
        <v>0</v>
      </c>
      <c r="AQ28" s="191">
        <v>0</v>
      </c>
      <c r="AR28" s="191">
        <v>0</v>
      </c>
      <c r="AS28" s="196">
        <v>12</v>
      </c>
      <c r="AT28" s="195">
        <v>12</v>
      </c>
      <c r="AU28" s="190">
        <v>0</v>
      </c>
      <c r="AV28" s="191">
        <v>0</v>
      </c>
      <c r="AW28" s="196">
        <v>0</v>
      </c>
      <c r="AX28" s="193">
        <v>0</v>
      </c>
      <c r="AY28" s="191">
        <v>50</v>
      </c>
      <c r="AZ28" s="191">
        <v>29</v>
      </c>
      <c r="BA28" s="191">
        <v>20</v>
      </c>
      <c r="BB28" s="191">
        <v>11</v>
      </c>
      <c r="BC28" s="191">
        <v>15</v>
      </c>
      <c r="BD28" s="194">
        <v>125</v>
      </c>
      <c r="BE28" s="195">
        <v>125</v>
      </c>
      <c r="BF28" s="190">
        <v>0</v>
      </c>
      <c r="BG28" s="191">
        <v>0</v>
      </c>
      <c r="BH28" s="196">
        <v>0</v>
      </c>
      <c r="BI28" s="193">
        <v>0</v>
      </c>
      <c r="BJ28" s="191">
        <v>0</v>
      </c>
      <c r="BK28" s="191">
        <v>19</v>
      </c>
      <c r="BL28" s="191">
        <v>8</v>
      </c>
      <c r="BM28" s="191">
        <v>0</v>
      </c>
      <c r="BN28" s="191">
        <v>0</v>
      </c>
      <c r="BO28" s="196">
        <v>27</v>
      </c>
      <c r="BP28" s="195">
        <v>27</v>
      </c>
      <c r="BQ28" s="190">
        <v>0</v>
      </c>
      <c r="BR28" s="191">
        <v>0</v>
      </c>
      <c r="BS28" s="196">
        <v>0</v>
      </c>
      <c r="BT28" s="193">
        <v>0</v>
      </c>
      <c r="BU28" s="191">
        <v>18</v>
      </c>
      <c r="BV28" s="191">
        <v>60</v>
      </c>
      <c r="BW28" s="191">
        <v>0</v>
      </c>
      <c r="BX28" s="191">
        <v>0</v>
      </c>
      <c r="BY28" s="191">
        <v>0</v>
      </c>
      <c r="BZ28" s="196">
        <v>78</v>
      </c>
      <c r="CA28" s="195">
        <v>78</v>
      </c>
      <c r="CB28" s="190">
        <v>0</v>
      </c>
      <c r="CC28" s="191">
        <v>0</v>
      </c>
      <c r="CD28" s="196">
        <v>0</v>
      </c>
      <c r="CE28" s="193">
        <v>0</v>
      </c>
      <c r="CF28" s="191">
        <v>0</v>
      </c>
      <c r="CG28" s="191">
        <v>0</v>
      </c>
      <c r="CH28" s="191">
        <v>0</v>
      </c>
      <c r="CI28" s="191">
        <v>0</v>
      </c>
      <c r="CJ28" s="191">
        <v>2</v>
      </c>
      <c r="CK28" s="196">
        <v>2</v>
      </c>
      <c r="CL28" s="195">
        <v>2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  <c r="CX28" s="190">
        <v>0</v>
      </c>
      <c r="CY28" s="191">
        <v>0</v>
      </c>
      <c r="CZ28" s="196">
        <v>0</v>
      </c>
      <c r="DA28" s="193">
        <v>0</v>
      </c>
      <c r="DB28" s="191">
        <v>0</v>
      </c>
      <c r="DC28" s="191">
        <v>0</v>
      </c>
      <c r="DD28" s="191">
        <v>0</v>
      </c>
      <c r="DE28" s="191">
        <v>0</v>
      </c>
      <c r="DF28" s="191">
        <v>0</v>
      </c>
      <c r="DG28" s="196">
        <v>0</v>
      </c>
      <c r="DH28" s="195">
        <v>0</v>
      </c>
    </row>
    <row r="29" spans="2:112" ht="21" customHeight="1" x14ac:dyDescent="0.2">
      <c r="B29" s="106" t="s">
        <v>27</v>
      </c>
      <c r="C29" s="190">
        <v>0</v>
      </c>
      <c r="D29" s="196">
        <v>0</v>
      </c>
      <c r="E29" s="207">
        <v>0</v>
      </c>
      <c r="F29" s="193">
        <v>0</v>
      </c>
      <c r="G29" s="191">
        <v>10</v>
      </c>
      <c r="H29" s="191">
        <v>46</v>
      </c>
      <c r="I29" s="191">
        <v>151</v>
      </c>
      <c r="J29" s="191">
        <v>47</v>
      </c>
      <c r="K29" s="191">
        <v>23</v>
      </c>
      <c r="L29" s="194">
        <v>277</v>
      </c>
      <c r="M29" s="195">
        <v>277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0</v>
      </c>
      <c r="U29" s="191">
        <v>11</v>
      </c>
      <c r="V29" s="191">
        <v>0</v>
      </c>
      <c r="W29" s="196">
        <v>11</v>
      </c>
      <c r="X29" s="195">
        <v>11</v>
      </c>
      <c r="Y29" s="190">
        <v>0</v>
      </c>
      <c r="Z29" s="191">
        <v>24</v>
      </c>
      <c r="AA29" s="196">
        <v>24</v>
      </c>
      <c r="AB29" s="193">
        <v>0</v>
      </c>
      <c r="AC29" s="191">
        <v>19</v>
      </c>
      <c r="AD29" s="191">
        <v>21</v>
      </c>
      <c r="AE29" s="191">
        <v>28</v>
      </c>
      <c r="AF29" s="191">
        <v>34</v>
      </c>
      <c r="AG29" s="191">
        <v>0</v>
      </c>
      <c r="AH29" s="196">
        <v>102</v>
      </c>
      <c r="AI29" s="195">
        <v>126</v>
      </c>
      <c r="AJ29" s="190">
        <v>0</v>
      </c>
      <c r="AK29" s="191">
        <v>0</v>
      </c>
      <c r="AL29" s="196">
        <v>0</v>
      </c>
      <c r="AM29" s="193">
        <v>0</v>
      </c>
      <c r="AN29" s="191">
        <v>0</v>
      </c>
      <c r="AO29" s="191">
        <v>0</v>
      </c>
      <c r="AP29" s="191">
        <v>0</v>
      </c>
      <c r="AQ29" s="191">
        <v>0</v>
      </c>
      <c r="AR29" s="191">
        <v>0</v>
      </c>
      <c r="AS29" s="196">
        <v>0</v>
      </c>
      <c r="AT29" s="195">
        <v>0</v>
      </c>
      <c r="AU29" s="190">
        <v>0</v>
      </c>
      <c r="AV29" s="191">
        <v>0</v>
      </c>
      <c r="AW29" s="196">
        <v>0</v>
      </c>
      <c r="AX29" s="193">
        <v>0</v>
      </c>
      <c r="AY29" s="191">
        <v>92</v>
      </c>
      <c r="AZ29" s="191">
        <v>4</v>
      </c>
      <c r="BA29" s="191">
        <v>25</v>
      </c>
      <c r="BB29" s="191">
        <v>23</v>
      </c>
      <c r="BC29" s="191">
        <v>0</v>
      </c>
      <c r="BD29" s="194">
        <v>144</v>
      </c>
      <c r="BE29" s="195">
        <v>144</v>
      </c>
      <c r="BF29" s="190">
        <v>0</v>
      </c>
      <c r="BG29" s="191">
        <v>0</v>
      </c>
      <c r="BH29" s="196">
        <v>0</v>
      </c>
      <c r="BI29" s="193">
        <v>0</v>
      </c>
      <c r="BJ29" s="191">
        <v>13</v>
      </c>
      <c r="BK29" s="191">
        <v>8</v>
      </c>
      <c r="BL29" s="191">
        <v>8</v>
      </c>
      <c r="BM29" s="191">
        <v>0</v>
      </c>
      <c r="BN29" s="191">
        <v>0</v>
      </c>
      <c r="BO29" s="196">
        <v>29</v>
      </c>
      <c r="BP29" s="195">
        <v>29</v>
      </c>
      <c r="BQ29" s="190">
        <v>0</v>
      </c>
      <c r="BR29" s="191">
        <v>0</v>
      </c>
      <c r="BS29" s="196">
        <v>0</v>
      </c>
      <c r="BT29" s="193">
        <v>0</v>
      </c>
      <c r="BU29" s="191">
        <v>13</v>
      </c>
      <c r="BV29" s="191">
        <v>0</v>
      </c>
      <c r="BW29" s="191">
        <v>10</v>
      </c>
      <c r="BX29" s="191">
        <v>7</v>
      </c>
      <c r="BY29" s="191">
        <v>0</v>
      </c>
      <c r="BZ29" s="196">
        <v>30</v>
      </c>
      <c r="CA29" s="195">
        <v>30</v>
      </c>
      <c r="CB29" s="190">
        <v>0</v>
      </c>
      <c r="CC29" s="191">
        <v>0</v>
      </c>
      <c r="CD29" s="196">
        <v>0</v>
      </c>
      <c r="CE29" s="193">
        <v>0</v>
      </c>
      <c r="CF29" s="191">
        <v>6</v>
      </c>
      <c r="CG29" s="191">
        <v>0</v>
      </c>
      <c r="CH29" s="191">
        <v>4</v>
      </c>
      <c r="CI29" s="191">
        <v>0</v>
      </c>
      <c r="CJ29" s="191">
        <v>0</v>
      </c>
      <c r="CK29" s="196">
        <v>10</v>
      </c>
      <c r="CL29" s="195">
        <v>10</v>
      </c>
      <c r="CM29" s="190">
        <v>0</v>
      </c>
      <c r="CN29" s="191">
        <v>0</v>
      </c>
      <c r="CO29" s="196">
        <v>0</v>
      </c>
      <c r="CP29" s="193">
        <v>0</v>
      </c>
      <c r="CQ29" s="191">
        <v>0</v>
      </c>
      <c r="CR29" s="191">
        <v>0</v>
      </c>
      <c r="CS29" s="191">
        <v>0</v>
      </c>
      <c r="CT29" s="191">
        <v>0</v>
      </c>
      <c r="CU29" s="191">
        <v>0</v>
      </c>
      <c r="CV29" s="196">
        <v>0</v>
      </c>
      <c r="CW29" s="195">
        <v>0</v>
      </c>
      <c r="CX29" s="190">
        <v>0</v>
      </c>
      <c r="CY29" s="191">
        <v>0</v>
      </c>
      <c r="CZ29" s="196">
        <v>0</v>
      </c>
      <c r="DA29" s="193">
        <v>0</v>
      </c>
      <c r="DB29" s="191">
        <v>0</v>
      </c>
      <c r="DC29" s="191">
        <v>0</v>
      </c>
      <c r="DD29" s="191">
        <v>0</v>
      </c>
      <c r="DE29" s="191">
        <v>0</v>
      </c>
      <c r="DF29" s="191">
        <v>0</v>
      </c>
      <c r="DG29" s="196">
        <v>0</v>
      </c>
      <c r="DH29" s="195">
        <v>0</v>
      </c>
    </row>
    <row r="30" spans="2:112" ht="21" customHeight="1" x14ac:dyDescent="0.2">
      <c r="B30" s="106" t="s">
        <v>28</v>
      </c>
      <c r="C30" s="190">
        <v>0</v>
      </c>
      <c r="D30" s="196">
        <v>0</v>
      </c>
      <c r="E30" s="207">
        <v>0</v>
      </c>
      <c r="F30" s="193">
        <v>0</v>
      </c>
      <c r="G30" s="191">
        <v>9</v>
      </c>
      <c r="H30" s="191">
        <v>13</v>
      </c>
      <c r="I30" s="191">
        <v>0</v>
      </c>
      <c r="J30" s="191">
        <v>33</v>
      </c>
      <c r="K30" s="191">
        <v>40</v>
      </c>
      <c r="L30" s="194">
        <v>95</v>
      </c>
      <c r="M30" s="195">
        <v>95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  <c r="Y30" s="190">
        <v>0</v>
      </c>
      <c r="Z30" s="191">
        <v>2</v>
      </c>
      <c r="AA30" s="196">
        <v>2</v>
      </c>
      <c r="AB30" s="193">
        <v>0</v>
      </c>
      <c r="AC30" s="191">
        <v>0</v>
      </c>
      <c r="AD30" s="191">
        <v>14</v>
      </c>
      <c r="AE30" s="191">
        <v>6</v>
      </c>
      <c r="AF30" s="191">
        <v>0</v>
      </c>
      <c r="AG30" s="191">
        <v>0</v>
      </c>
      <c r="AH30" s="196">
        <v>20</v>
      </c>
      <c r="AI30" s="195">
        <v>22</v>
      </c>
      <c r="AJ30" s="190">
        <v>0</v>
      </c>
      <c r="AK30" s="191">
        <v>0</v>
      </c>
      <c r="AL30" s="196">
        <v>0</v>
      </c>
      <c r="AM30" s="193">
        <v>0</v>
      </c>
      <c r="AN30" s="191">
        <v>0</v>
      </c>
      <c r="AO30" s="191">
        <v>0</v>
      </c>
      <c r="AP30" s="191">
        <v>0</v>
      </c>
      <c r="AQ30" s="191">
        <v>0</v>
      </c>
      <c r="AR30" s="191">
        <v>0</v>
      </c>
      <c r="AS30" s="196">
        <v>0</v>
      </c>
      <c r="AT30" s="195">
        <v>0</v>
      </c>
      <c r="AU30" s="190">
        <v>0</v>
      </c>
      <c r="AV30" s="191">
        <v>0</v>
      </c>
      <c r="AW30" s="196">
        <v>0</v>
      </c>
      <c r="AX30" s="193">
        <v>0</v>
      </c>
      <c r="AY30" s="191">
        <v>11</v>
      </c>
      <c r="AZ30" s="191">
        <v>0</v>
      </c>
      <c r="BA30" s="191">
        <v>23</v>
      </c>
      <c r="BB30" s="191">
        <v>0</v>
      </c>
      <c r="BC30" s="191">
        <v>0</v>
      </c>
      <c r="BD30" s="194">
        <v>34</v>
      </c>
      <c r="BE30" s="195">
        <v>34</v>
      </c>
      <c r="BF30" s="190">
        <v>0</v>
      </c>
      <c r="BG30" s="191">
        <v>0</v>
      </c>
      <c r="BH30" s="196">
        <v>0</v>
      </c>
      <c r="BI30" s="193">
        <v>0</v>
      </c>
      <c r="BJ30" s="191">
        <v>0</v>
      </c>
      <c r="BK30" s="191">
        <v>0</v>
      </c>
      <c r="BL30" s="191">
        <v>10</v>
      </c>
      <c r="BM30" s="191">
        <v>0</v>
      </c>
      <c r="BN30" s="191">
        <v>0</v>
      </c>
      <c r="BO30" s="196">
        <v>10</v>
      </c>
      <c r="BP30" s="195">
        <v>10</v>
      </c>
      <c r="BQ30" s="190">
        <v>0</v>
      </c>
      <c r="BR30" s="191">
        <v>0</v>
      </c>
      <c r="BS30" s="196">
        <v>0</v>
      </c>
      <c r="BT30" s="193">
        <v>0</v>
      </c>
      <c r="BU30" s="191">
        <v>0</v>
      </c>
      <c r="BV30" s="191">
        <v>0</v>
      </c>
      <c r="BW30" s="191">
        <v>0</v>
      </c>
      <c r="BX30" s="191">
        <v>0</v>
      </c>
      <c r="BY30" s="191">
        <v>0</v>
      </c>
      <c r="BZ30" s="196">
        <v>0</v>
      </c>
      <c r="CA30" s="195">
        <v>0</v>
      </c>
      <c r="CB30" s="190">
        <v>0</v>
      </c>
      <c r="CC30" s="191">
        <v>0</v>
      </c>
      <c r="CD30" s="196">
        <v>0</v>
      </c>
      <c r="CE30" s="193">
        <v>0</v>
      </c>
      <c r="CF30" s="191">
        <v>2</v>
      </c>
      <c r="CG30" s="191">
        <v>0</v>
      </c>
      <c r="CH30" s="191">
        <v>0</v>
      </c>
      <c r="CI30" s="191">
        <v>0</v>
      </c>
      <c r="CJ30" s="191">
        <v>0</v>
      </c>
      <c r="CK30" s="196">
        <v>2</v>
      </c>
      <c r="CL30" s="195">
        <v>2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  <c r="CX30" s="190">
        <v>0</v>
      </c>
      <c r="CY30" s="191">
        <v>0</v>
      </c>
      <c r="CZ30" s="196">
        <v>0</v>
      </c>
      <c r="DA30" s="193">
        <v>0</v>
      </c>
      <c r="DB30" s="191">
        <v>0</v>
      </c>
      <c r="DC30" s="191">
        <v>0</v>
      </c>
      <c r="DD30" s="191">
        <v>0</v>
      </c>
      <c r="DE30" s="191">
        <v>0</v>
      </c>
      <c r="DF30" s="191">
        <v>0</v>
      </c>
      <c r="DG30" s="196">
        <v>0</v>
      </c>
      <c r="DH30" s="195">
        <v>0</v>
      </c>
    </row>
    <row r="31" spans="2:112" ht="21" customHeight="1" x14ac:dyDescent="0.2">
      <c r="B31" s="106" t="s">
        <v>29</v>
      </c>
      <c r="C31" s="190">
        <v>0</v>
      </c>
      <c r="D31" s="196">
        <v>0</v>
      </c>
      <c r="E31" s="207">
        <v>0</v>
      </c>
      <c r="F31" s="193">
        <v>0</v>
      </c>
      <c r="G31" s="191">
        <v>16</v>
      </c>
      <c r="H31" s="191">
        <v>20</v>
      </c>
      <c r="I31" s="191">
        <v>124</v>
      </c>
      <c r="J31" s="191">
        <v>35</v>
      </c>
      <c r="K31" s="191">
        <v>0</v>
      </c>
      <c r="L31" s="194">
        <v>195</v>
      </c>
      <c r="M31" s="195">
        <v>195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  <c r="Y31" s="190">
        <v>0</v>
      </c>
      <c r="Z31" s="191">
        <v>8</v>
      </c>
      <c r="AA31" s="196">
        <v>8</v>
      </c>
      <c r="AB31" s="193">
        <v>0</v>
      </c>
      <c r="AC31" s="191">
        <v>46</v>
      </c>
      <c r="AD31" s="191">
        <v>40</v>
      </c>
      <c r="AE31" s="191">
        <v>0</v>
      </c>
      <c r="AF31" s="191">
        <v>8</v>
      </c>
      <c r="AG31" s="191">
        <v>0</v>
      </c>
      <c r="AH31" s="196">
        <v>94</v>
      </c>
      <c r="AI31" s="195">
        <v>102</v>
      </c>
      <c r="AJ31" s="190">
        <v>0</v>
      </c>
      <c r="AK31" s="191">
        <v>0</v>
      </c>
      <c r="AL31" s="196">
        <v>0</v>
      </c>
      <c r="AM31" s="193">
        <v>0</v>
      </c>
      <c r="AN31" s="191">
        <v>0</v>
      </c>
      <c r="AO31" s="191">
        <v>10</v>
      </c>
      <c r="AP31" s="191">
        <v>0</v>
      </c>
      <c r="AQ31" s="191">
        <v>24</v>
      </c>
      <c r="AR31" s="191">
        <v>0</v>
      </c>
      <c r="AS31" s="196">
        <v>34</v>
      </c>
      <c r="AT31" s="195">
        <v>34</v>
      </c>
      <c r="AU31" s="190">
        <v>0</v>
      </c>
      <c r="AV31" s="191">
        <v>0</v>
      </c>
      <c r="AW31" s="196">
        <v>0</v>
      </c>
      <c r="AX31" s="193">
        <v>0</v>
      </c>
      <c r="AY31" s="191">
        <v>29</v>
      </c>
      <c r="AZ31" s="191">
        <v>8</v>
      </c>
      <c r="BA31" s="191">
        <v>0</v>
      </c>
      <c r="BB31" s="191">
        <v>0</v>
      </c>
      <c r="BC31" s="191">
        <v>0</v>
      </c>
      <c r="BD31" s="194">
        <v>37</v>
      </c>
      <c r="BE31" s="195">
        <v>37</v>
      </c>
      <c r="BF31" s="190">
        <v>0</v>
      </c>
      <c r="BG31" s="191">
        <v>0</v>
      </c>
      <c r="BH31" s="196">
        <v>0</v>
      </c>
      <c r="BI31" s="193">
        <v>0</v>
      </c>
      <c r="BJ31" s="191">
        <v>8</v>
      </c>
      <c r="BK31" s="191">
        <v>0</v>
      </c>
      <c r="BL31" s="191">
        <v>0</v>
      </c>
      <c r="BM31" s="191">
        <v>0</v>
      </c>
      <c r="BN31" s="191">
        <v>0</v>
      </c>
      <c r="BO31" s="196">
        <v>8</v>
      </c>
      <c r="BP31" s="195">
        <v>8</v>
      </c>
      <c r="BQ31" s="190">
        <v>0</v>
      </c>
      <c r="BR31" s="191">
        <v>0</v>
      </c>
      <c r="BS31" s="196">
        <v>0</v>
      </c>
      <c r="BT31" s="193">
        <v>0</v>
      </c>
      <c r="BU31" s="191">
        <v>0</v>
      </c>
      <c r="BV31" s="191">
        <v>0</v>
      </c>
      <c r="BW31" s="191">
        <v>0</v>
      </c>
      <c r="BX31" s="191">
        <v>0</v>
      </c>
      <c r="BY31" s="191">
        <v>0</v>
      </c>
      <c r="BZ31" s="196">
        <v>0</v>
      </c>
      <c r="CA31" s="195">
        <v>0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0</v>
      </c>
      <c r="CH31" s="191">
        <v>0</v>
      </c>
      <c r="CI31" s="191">
        <v>0</v>
      </c>
      <c r="CJ31" s="191">
        <v>0</v>
      </c>
      <c r="CK31" s="196">
        <v>0</v>
      </c>
      <c r="CL31" s="195">
        <v>0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  <c r="CX31" s="190">
        <v>0</v>
      </c>
      <c r="CY31" s="191">
        <v>0</v>
      </c>
      <c r="CZ31" s="196">
        <v>0</v>
      </c>
      <c r="DA31" s="193">
        <v>0</v>
      </c>
      <c r="DB31" s="191">
        <v>0</v>
      </c>
      <c r="DC31" s="191">
        <v>0</v>
      </c>
      <c r="DD31" s="191">
        <v>0</v>
      </c>
      <c r="DE31" s="191">
        <v>0</v>
      </c>
      <c r="DF31" s="191">
        <v>0</v>
      </c>
      <c r="DG31" s="196">
        <v>0</v>
      </c>
      <c r="DH31" s="195">
        <v>0</v>
      </c>
    </row>
    <row r="32" spans="2:112" ht="21" customHeight="1" x14ac:dyDescent="0.2">
      <c r="B32" s="106" t="s">
        <v>30</v>
      </c>
      <c r="C32" s="190">
        <v>0</v>
      </c>
      <c r="D32" s="196">
        <v>0</v>
      </c>
      <c r="E32" s="207">
        <v>0</v>
      </c>
      <c r="F32" s="193">
        <v>0</v>
      </c>
      <c r="G32" s="191">
        <v>13</v>
      </c>
      <c r="H32" s="191">
        <v>8</v>
      </c>
      <c r="I32" s="191">
        <v>58</v>
      </c>
      <c r="J32" s="191">
        <v>122</v>
      </c>
      <c r="K32" s="191">
        <v>0</v>
      </c>
      <c r="L32" s="194">
        <v>201</v>
      </c>
      <c r="M32" s="195">
        <v>201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4</v>
      </c>
      <c r="U32" s="191">
        <v>0</v>
      </c>
      <c r="V32" s="191">
        <v>0</v>
      </c>
      <c r="W32" s="196">
        <v>4</v>
      </c>
      <c r="X32" s="195">
        <v>4</v>
      </c>
      <c r="Y32" s="190">
        <v>0</v>
      </c>
      <c r="Z32" s="191">
        <v>0</v>
      </c>
      <c r="AA32" s="196">
        <v>0</v>
      </c>
      <c r="AB32" s="193">
        <v>0</v>
      </c>
      <c r="AC32" s="191">
        <v>24</v>
      </c>
      <c r="AD32" s="191">
        <v>12</v>
      </c>
      <c r="AE32" s="191">
        <v>4</v>
      </c>
      <c r="AF32" s="191">
        <v>0</v>
      </c>
      <c r="AG32" s="191">
        <v>0</v>
      </c>
      <c r="AH32" s="196">
        <v>40</v>
      </c>
      <c r="AI32" s="195">
        <v>40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0</v>
      </c>
      <c r="AP32" s="191">
        <v>0</v>
      </c>
      <c r="AQ32" s="191">
        <v>0</v>
      </c>
      <c r="AR32" s="191">
        <v>0</v>
      </c>
      <c r="AS32" s="196">
        <v>0</v>
      </c>
      <c r="AT32" s="195">
        <v>0</v>
      </c>
      <c r="AU32" s="190">
        <v>0</v>
      </c>
      <c r="AV32" s="191">
        <v>0</v>
      </c>
      <c r="AW32" s="196">
        <v>0</v>
      </c>
      <c r="AX32" s="193">
        <v>0</v>
      </c>
      <c r="AY32" s="191">
        <v>5</v>
      </c>
      <c r="AZ32" s="191">
        <v>8</v>
      </c>
      <c r="BA32" s="191">
        <v>4</v>
      </c>
      <c r="BB32" s="191">
        <v>0</v>
      </c>
      <c r="BC32" s="191">
        <v>0</v>
      </c>
      <c r="BD32" s="194">
        <v>17</v>
      </c>
      <c r="BE32" s="195">
        <v>17</v>
      </c>
      <c r="BF32" s="190">
        <v>0</v>
      </c>
      <c r="BG32" s="191">
        <v>0</v>
      </c>
      <c r="BH32" s="196">
        <v>0</v>
      </c>
      <c r="BI32" s="193">
        <v>0</v>
      </c>
      <c r="BJ32" s="191">
        <v>5</v>
      </c>
      <c r="BK32" s="191">
        <v>8</v>
      </c>
      <c r="BL32" s="191">
        <v>0</v>
      </c>
      <c r="BM32" s="191">
        <v>0</v>
      </c>
      <c r="BN32" s="191">
        <v>0</v>
      </c>
      <c r="BO32" s="196">
        <v>13</v>
      </c>
      <c r="BP32" s="195">
        <v>13</v>
      </c>
      <c r="BQ32" s="190">
        <v>0</v>
      </c>
      <c r="BR32" s="191">
        <v>0</v>
      </c>
      <c r="BS32" s="196">
        <v>0</v>
      </c>
      <c r="BT32" s="193">
        <v>0</v>
      </c>
      <c r="BU32" s="191">
        <v>2</v>
      </c>
      <c r="BV32" s="191">
        <v>12</v>
      </c>
      <c r="BW32" s="191">
        <v>0</v>
      </c>
      <c r="BX32" s="191">
        <v>26</v>
      </c>
      <c r="BY32" s="191">
        <v>0</v>
      </c>
      <c r="BZ32" s="196">
        <v>40</v>
      </c>
      <c r="CA32" s="195">
        <v>40</v>
      </c>
      <c r="CB32" s="190">
        <v>0</v>
      </c>
      <c r="CC32" s="191">
        <v>0</v>
      </c>
      <c r="CD32" s="196">
        <v>0</v>
      </c>
      <c r="CE32" s="193">
        <v>0</v>
      </c>
      <c r="CF32" s="191">
        <v>0</v>
      </c>
      <c r="CG32" s="191">
        <v>0</v>
      </c>
      <c r="CH32" s="191">
        <v>0</v>
      </c>
      <c r="CI32" s="191">
        <v>0</v>
      </c>
      <c r="CJ32" s="191">
        <v>0</v>
      </c>
      <c r="CK32" s="196">
        <v>0</v>
      </c>
      <c r="CL32" s="195">
        <v>0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  <c r="CX32" s="190">
        <v>0</v>
      </c>
      <c r="CY32" s="191">
        <v>0</v>
      </c>
      <c r="CZ32" s="196">
        <v>0</v>
      </c>
      <c r="DA32" s="193">
        <v>0</v>
      </c>
      <c r="DB32" s="191">
        <v>0</v>
      </c>
      <c r="DC32" s="191">
        <v>0</v>
      </c>
      <c r="DD32" s="191">
        <v>0</v>
      </c>
      <c r="DE32" s="191">
        <v>0</v>
      </c>
      <c r="DF32" s="191">
        <v>0</v>
      </c>
      <c r="DG32" s="196">
        <v>0</v>
      </c>
      <c r="DH32" s="195">
        <v>0</v>
      </c>
    </row>
    <row r="33" spans="2:112" ht="21" customHeight="1" x14ac:dyDescent="0.2">
      <c r="B33" s="106" t="s">
        <v>31</v>
      </c>
      <c r="C33" s="190">
        <v>0</v>
      </c>
      <c r="D33" s="196">
        <v>0</v>
      </c>
      <c r="E33" s="207">
        <v>0</v>
      </c>
      <c r="F33" s="193">
        <v>0</v>
      </c>
      <c r="G33" s="191">
        <v>10</v>
      </c>
      <c r="H33" s="191">
        <v>0</v>
      </c>
      <c r="I33" s="191">
        <v>0</v>
      </c>
      <c r="J33" s="191">
        <v>97</v>
      </c>
      <c r="K33" s="191">
        <v>0</v>
      </c>
      <c r="L33" s="194">
        <v>107</v>
      </c>
      <c r="M33" s="195">
        <v>107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0</v>
      </c>
      <c r="V33" s="191">
        <v>9</v>
      </c>
      <c r="W33" s="196">
        <v>9</v>
      </c>
      <c r="X33" s="195">
        <v>9</v>
      </c>
      <c r="Y33" s="190">
        <v>0</v>
      </c>
      <c r="Z33" s="191">
        <v>9</v>
      </c>
      <c r="AA33" s="196">
        <v>9</v>
      </c>
      <c r="AB33" s="193">
        <v>0</v>
      </c>
      <c r="AC33" s="191">
        <v>12</v>
      </c>
      <c r="AD33" s="191">
        <v>29</v>
      </c>
      <c r="AE33" s="191">
        <v>37</v>
      </c>
      <c r="AF33" s="191">
        <v>0</v>
      </c>
      <c r="AG33" s="191">
        <v>26</v>
      </c>
      <c r="AH33" s="196">
        <v>104</v>
      </c>
      <c r="AI33" s="195">
        <v>113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0</v>
      </c>
      <c r="AQ33" s="191">
        <v>0</v>
      </c>
      <c r="AR33" s="191">
        <v>0</v>
      </c>
      <c r="AS33" s="196">
        <v>0</v>
      </c>
      <c r="AT33" s="195">
        <v>0</v>
      </c>
      <c r="AU33" s="190">
        <v>0</v>
      </c>
      <c r="AV33" s="191">
        <v>0</v>
      </c>
      <c r="AW33" s="196">
        <v>0</v>
      </c>
      <c r="AX33" s="193">
        <v>0</v>
      </c>
      <c r="AY33" s="191">
        <v>11</v>
      </c>
      <c r="AZ33" s="191">
        <v>24</v>
      </c>
      <c r="BA33" s="191">
        <v>8</v>
      </c>
      <c r="BB33" s="191">
        <v>14</v>
      </c>
      <c r="BC33" s="191">
        <v>0</v>
      </c>
      <c r="BD33" s="194">
        <v>57</v>
      </c>
      <c r="BE33" s="195">
        <v>57</v>
      </c>
      <c r="BF33" s="190">
        <v>0</v>
      </c>
      <c r="BG33" s="191">
        <v>0</v>
      </c>
      <c r="BH33" s="196">
        <v>0</v>
      </c>
      <c r="BI33" s="193">
        <v>0</v>
      </c>
      <c r="BJ33" s="191">
        <v>0</v>
      </c>
      <c r="BK33" s="191">
        <v>4</v>
      </c>
      <c r="BL33" s="191">
        <v>9</v>
      </c>
      <c r="BM33" s="191">
        <v>0</v>
      </c>
      <c r="BN33" s="191">
        <v>0</v>
      </c>
      <c r="BO33" s="196">
        <v>13</v>
      </c>
      <c r="BP33" s="195">
        <v>13</v>
      </c>
      <c r="BQ33" s="190">
        <v>0</v>
      </c>
      <c r="BR33" s="191">
        <v>0</v>
      </c>
      <c r="BS33" s="196">
        <v>0</v>
      </c>
      <c r="BT33" s="193">
        <v>0</v>
      </c>
      <c r="BU33" s="191">
        <v>6</v>
      </c>
      <c r="BV33" s="191">
        <v>0</v>
      </c>
      <c r="BW33" s="191">
        <v>12</v>
      </c>
      <c r="BX33" s="191">
        <v>19</v>
      </c>
      <c r="BY33" s="191">
        <v>0</v>
      </c>
      <c r="BZ33" s="196">
        <v>37</v>
      </c>
      <c r="CA33" s="195">
        <v>37</v>
      </c>
      <c r="CB33" s="190">
        <v>0</v>
      </c>
      <c r="CC33" s="191">
        <v>0</v>
      </c>
      <c r="CD33" s="196">
        <v>0</v>
      </c>
      <c r="CE33" s="193">
        <v>0</v>
      </c>
      <c r="CF33" s="191">
        <v>0</v>
      </c>
      <c r="CG33" s="191">
        <v>0</v>
      </c>
      <c r="CH33" s="191">
        <v>0</v>
      </c>
      <c r="CI33" s="191">
        <v>0</v>
      </c>
      <c r="CJ33" s="191">
        <v>0</v>
      </c>
      <c r="CK33" s="196">
        <v>0</v>
      </c>
      <c r="CL33" s="195">
        <v>0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  <c r="CX33" s="190">
        <v>0</v>
      </c>
      <c r="CY33" s="191">
        <v>0</v>
      </c>
      <c r="CZ33" s="196">
        <v>0</v>
      </c>
      <c r="DA33" s="193">
        <v>0</v>
      </c>
      <c r="DB33" s="191">
        <v>0</v>
      </c>
      <c r="DC33" s="191">
        <v>0</v>
      </c>
      <c r="DD33" s="191">
        <v>0</v>
      </c>
      <c r="DE33" s="191">
        <v>0</v>
      </c>
      <c r="DF33" s="191">
        <v>0</v>
      </c>
      <c r="DG33" s="196">
        <v>0</v>
      </c>
      <c r="DH33" s="195">
        <v>0</v>
      </c>
    </row>
    <row r="34" spans="2:112" ht="21" customHeight="1" x14ac:dyDescent="0.2">
      <c r="B34" s="106" t="s">
        <v>32</v>
      </c>
      <c r="C34" s="190">
        <v>0</v>
      </c>
      <c r="D34" s="196">
        <v>0</v>
      </c>
      <c r="E34" s="207">
        <v>0</v>
      </c>
      <c r="F34" s="193">
        <v>0</v>
      </c>
      <c r="G34" s="191">
        <v>1</v>
      </c>
      <c r="H34" s="191">
        <v>27</v>
      </c>
      <c r="I34" s="191">
        <v>0</v>
      </c>
      <c r="J34" s="191">
        <v>0</v>
      </c>
      <c r="K34" s="191">
        <v>0</v>
      </c>
      <c r="L34" s="194">
        <v>28</v>
      </c>
      <c r="M34" s="195">
        <v>28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0</v>
      </c>
      <c r="U34" s="191">
        <v>0</v>
      </c>
      <c r="V34" s="191">
        <v>0</v>
      </c>
      <c r="W34" s="196">
        <v>0</v>
      </c>
      <c r="X34" s="195">
        <v>0</v>
      </c>
      <c r="Y34" s="190">
        <v>18</v>
      </c>
      <c r="Z34" s="191">
        <v>9</v>
      </c>
      <c r="AA34" s="196">
        <v>27</v>
      </c>
      <c r="AB34" s="193">
        <v>0</v>
      </c>
      <c r="AC34" s="191">
        <v>13</v>
      </c>
      <c r="AD34" s="191">
        <v>0</v>
      </c>
      <c r="AE34" s="191">
        <v>0</v>
      </c>
      <c r="AF34" s="191">
        <v>0</v>
      </c>
      <c r="AG34" s="191">
        <v>0</v>
      </c>
      <c r="AH34" s="196">
        <v>13</v>
      </c>
      <c r="AI34" s="195">
        <v>40</v>
      </c>
      <c r="AJ34" s="190">
        <v>0</v>
      </c>
      <c r="AK34" s="191">
        <v>0</v>
      </c>
      <c r="AL34" s="196">
        <v>0</v>
      </c>
      <c r="AM34" s="193">
        <v>0</v>
      </c>
      <c r="AN34" s="191">
        <v>0</v>
      </c>
      <c r="AO34" s="191">
        <v>0</v>
      </c>
      <c r="AP34" s="191">
        <v>0</v>
      </c>
      <c r="AQ34" s="191">
        <v>9</v>
      </c>
      <c r="AR34" s="191">
        <v>0</v>
      </c>
      <c r="AS34" s="196">
        <v>9</v>
      </c>
      <c r="AT34" s="195">
        <v>9</v>
      </c>
      <c r="AU34" s="190">
        <v>0</v>
      </c>
      <c r="AV34" s="191">
        <v>0</v>
      </c>
      <c r="AW34" s="196">
        <v>0</v>
      </c>
      <c r="AX34" s="193">
        <v>0</v>
      </c>
      <c r="AY34" s="191">
        <v>51</v>
      </c>
      <c r="AZ34" s="191">
        <v>25</v>
      </c>
      <c r="BA34" s="191">
        <v>0</v>
      </c>
      <c r="BB34" s="191">
        <v>4</v>
      </c>
      <c r="BC34" s="191">
        <v>0</v>
      </c>
      <c r="BD34" s="194">
        <v>80</v>
      </c>
      <c r="BE34" s="195">
        <v>80</v>
      </c>
      <c r="BF34" s="190">
        <v>0</v>
      </c>
      <c r="BG34" s="191">
        <v>0</v>
      </c>
      <c r="BH34" s="196">
        <v>0</v>
      </c>
      <c r="BI34" s="193">
        <v>0</v>
      </c>
      <c r="BJ34" s="191">
        <v>0</v>
      </c>
      <c r="BK34" s="191">
        <v>8</v>
      </c>
      <c r="BL34" s="191">
        <v>0</v>
      </c>
      <c r="BM34" s="191">
        <v>6</v>
      </c>
      <c r="BN34" s="191">
        <v>0</v>
      </c>
      <c r="BO34" s="196">
        <v>14</v>
      </c>
      <c r="BP34" s="195">
        <v>14</v>
      </c>
      <c r="BQ34" s="190">
        <v>0</v>
      </c>
      <c r="BR34" s="191">
        <v>3</v>
      </c>
      <c r="BS34" s="196">
        <v>3</v>
      </c>
      <c r="BT34" s="193">
        <v>0</v>
      </c>
      <c r="BU34" s="191">
        <v>0</v>
      </c>
      <c r="BV34" s="191">
        <v>0</v>
      </c>
      <c r="BW34" s="191">
        <v>0</v>
      </c>
      <c r="BX34" s="191">
        <v>0</v>
      </c>
      <c r="BY34" s="191">
        <v>0</v>
      </c>
      <c r="BZ34" s="196">
        <v>0</v>
      </c>
      <c r="CA34" s="195">
        <v>3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0</v>
      </c>
      <c r="CH34" s="191">
        <v>0</v>
      </c>
      <c r="CI34" s="191">
        <v>0</v>
      </c>
      <c r="CJ34" s="191">
        <v>0</v>
      </c>
      <c r="CK34" s="196">
        <v>0</v>
      </c>
      <c r="CL34" s="195">
        <v>0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  <c r="CX34" s="190">
        <v>0</v>
      </c>
      <c r="CY34" s="191">
        <v>0</v>
      </c>
      <c r="CZ34" s="196">
        <v>0</v>
      </c>
      <c r="DA34" s="193">
        <v>0</v>
      </c>
      <c r="DB34" s="191">
        <v>0</v>
      </c>
      <c r="DC34" s="191">
        <v>0</v>
      </c>
      <c r="DD34" s="191">
        <v>0</v>
      </c>
      <c r="DE34" s="191">
        <v>0</v>
      </c>
      <c r="DF34" s="191">
        <v>0</v>
      </c>
      <c r="DG34" s="196">
        <v>0</v>
      </c>
      <c r="DH34" s="195">
        <v>0</v>
      </c>
    </row>
    <row r="35" spans="2:112" ht="21" customHeight="1" x14ac:dyDescent="0.2">
      <c r="B35" s="106" t="s">
        <v>33</v>
      </c>
      <c r="C35" s="190">
        <v>0</v>
      </c>
      <c r="D35" s="196">
        <v>0</v>
      </c>
      <c r="E35" s="207">
        <v>0</v>
      </c>
      <c r="F35" s="193">
        <v>0</v>
      </c>
      <c r="G35" s="191">
        <v>33</v>
      </c>
      <c r="H35" s="191">
        <v>0</v>
      </c>
      <c r="I35" s="191">
        <v>23</v>
      </c>
      <c r="J35" s="191">
        <v>0</v>
      </c>
      <c r="K35" s="191">
        <v>0</v>
      </c>
      <c r="L35" s="194">
        <v>56</v>
      </c>
      <c r="M35" s="195">
        <v>56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2</v>
      </c>
      <c r="AA35" s="196">
        <v>2</v>
      </c>
      <c r="AB35" s="193">
        <v>0</v>
      </c>
      <c r="AC35" s="191">
        <v>20</v>
      </c>
      <c r="AD35" s="191">
        <v>4</v>
      </c>
      <c r="AE35" s="191">
        <v>18</v>
      </c>
      <c r="AF35" s="191">
        <v>0</v>
      </c>
      <c r="AG35" s="191">
        <v>0</v>
      </c>
      <c r="AH35" s="196">
        <v>42</v>
      </c>
      <c r="AI35" s="195">
        <v>44</v>
      </c>
      <c r="AJ35" s="190">
        <v>0</v>
      </c>
      <c r="AK35" s="191">
        <v>0</v>
      </c>
      <c r="AL35" s="196">
        <v>0</v>
      </c>
      <c r="AM35" s="193">
        <v>0</v>
      </c>
      <c r="AN35" s="191">
        <v>30</v>
      </c>
      <c r="AO35" s="191">
        <v>21</v>
      </c>
      <c r="AP35" s="191">
        <v>26</v>
      </c>
      <c r="AQ35" s="191">
        <v>21</v>
      </c>
      <c r="AR35" s="191">
        <v>0</v>
      </c>
      <c r="AS35" s="196">
        <v>98</v>
      </c>
      <c r="AT35" s="195">
        <v>98</v>
      </c>
      <c r="AU35" s="190">
        <v>0</v>
      </c>
      <c r="AV35" s="191">
        <v>0</v>
      </c>
      <c r="AW35" s="196">
        <v>0</v>
      </c>
      <c r="AX35" s="193">
        <v>0</v>
      </c>
      <c r="AY35" s="191">
        <v>6</v>
      </c>
      <c r="AZ35" s="191">
        <v>0</v>
      </c>
      <c r="BA35" s="191">
        <v>0</v>
      </c>
      <c r="BB35" s="191">
        <v>0</v>
      </c>
      <c r="BC35" s="191">
        <v>0</v>
      </c>
      <c r="BD35" s="194">
        <v>6</v>
      </c>
      <c r="BE35" s="195">
        <v>6</v>
      </c>
      <c r="BF35" s="190">
        <v>0</v>
      </c>
      <c r="BG35" s="191">
        <v>0</v>
      </c>
      <c r="BH35" s="196">
        <v>0</v>
      </c>
      <c r="BI35" s="193">
        <v>0</v>
      </c>
      <c r="BJ35" s="191">
        <v>9</v>
      </c>
      <c r="BK35" s="191">
        <v>0</v>
      </c>
      <c r="BL35" s="191">
        <v>0</v>
      </c>
      <c r="BM35" s="191">
        <v>0</v>
      </c>
      <c r="BN35" s="191">
        <v>0</v>
      </c>
      <c r="BO35" s="196">
        <v>9</v>
      </c>
      <c r="BP35" s="195">
        <v>9</v>
      </c>
      <c r="BQ35" s="190">
        <v>0</v>
      </c>
      <c r="BR35" s="191">
        <v>0</v>
      </c>
      <c r="BS35" s="196">
        <v>0</v>
      </c>
      <c r="BT35" s="193">
        <v>0</v>
      </c>
      <c r="BU35" s="191">
        <v>0</v>
      </c>
      <c r="BV35" s="191">
        <v>0</v>
      </c>
      <c r="BW35" s="191">
        <v>3</v>
      </c>
      <c r="BX35" s="191">
        <v>0</v>
      </c>
      <c r="BY35" s="191">
        <v>3</v>
      </c>
      <c r="BZ35" s="196">
        <v>6</v>
      </c>
      <c r="CA35" s="195">
        <v>6</v>
      </c>
      <c r="CB35" s="190">
        <v>0</v>
      </c>
      <c r="CC35" s="191">
        <v>0</v>
      </c>
      <c r="CD35" s="196">
        <v>0</v>
      </c>
      <c r="CE35" s="193">
        <v>0</v>
      </c>
      <c r="CF35" s="191">
        <v>0</v>
      </c>
      <c r="CG35" s="191">
        <v>0</v>
      </c>
      <c r="CH35" s="191">
        <v>0</v>
      </c>
      <c r="CI35" s="191">
        <v>0</v>
      </c>
      <c r="CJ35" s="191">
        <v>0</v>
      </c>
      <c r="CK35" s="196">
        <v>0</v>
      </c>
      <c r="CL35" s="195">
        <v>0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  <c r="CX35" s="190">
        <v>0</v>
      </c>
      <c r="CY35" s="191">
        <v>0</v>
      </c>
      <c r="CZ35" s="196">
        <v>0</v>
      </c>
      <c r="DA35" s="193">
        <v>0</v>
      </c>
      <c r="DB35" s="191">
        <v>0</v>
      </c>
      <c r="DC35" s="191">
        <v>0</v>
      </c>
      <c r="DD35" s="191">
        <v>0</v>
      </c>
      <c r="DE35" s="191">
        <v>0</v>
      </c>
      <c r="DF35" s="191">
        <v>0</v>
      </c>
      <c r="DG35" s="196">
        <v>0</v>
      </c>
      <c r="DH35" s="195">
        <v>0</v>
      </c>
    </row>
    <row r="36" spans="2:112" ht="21" customHeight="1" x14ac:dyDescent="0.2">
      <c r="B36" s="106" t="s">
        <v>34</v>
      </c>
      <c r="C36" s="190">
        <v>0</v>
      </c>
      <c r="D36" s="196">
        <v>0</v>
      </c>
      <c r="E36" s="207">
        <v>0</v>
      </c>
      <c r="F36" s="193">
        <v>0</v>
      </c>
      <c r="G36" s="191">
        <v>0</v>
      </c>
      <c r="H36" s="191">
        <v>11</v>
      </c>
      <c r="I36" s="191">
        <v>0</v>
      </c>
      <c r="J36" s="191">
        <v>0</v>
      </c>
      <c r="K36" s="191">
        <v>0</v>
      </c>
      <c r="L36" s="194">
        <v>11</v>
      </c>
      <c r="M36" s="195">
        <v>11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10</v>
      </c>
      <c r="Z36" s="191">
        <v>0</v>
      </c>
      <c r="AA36" s="196">
        <v>10</v>
      </c>
      <c r="AB36" s="193">
        <v>0</v>
      </c>
      <c r="AC36" s="191">
        <v>23</v>
      </c>
      <c r="AD36" s="191">
        <v>3</v>
      </c>
      <c r="AE36" s="191">
        <v>0</v>
      </c>
      <c r="AF36" s="191">
        <v>0</v>
      </c>
      <c r="AG36" s="191">
        <v>3</v>
      </c>
      <c r="AH36" s="196">
        <v>29</v>
      </c>
      <c r="AI36" s="195">
        <v>39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20</v>
      </c>
      <c r="AP36" s="191">
        <v>0</v>
      </c>
      <c r="AQ36" s="191">
        <v>0</v>
      </c>
      <c r="AR36" s="191">
        <v>0</v>
      </c>
      <c r="AS36" s="196">
        <v>20</v>
      </c>
      <c r="AT36" s="195">
        <v>20</v>
      </c>
      <c r="AU36" s="190">
        <v>0</v>
      </c>
      <c r="AV36" s="191">
        <v>0</v>
      </c>
      <c r="AW36" s="196">
        <v>0</v>
      </c>
      <c r="AX36" s="193">
        <v>0</v>
      </c>
      <c r="AY36" s="191">
        <v>0</v>
      </c>
      <c r="AZ36" s="191">
        <v>11</v>
      </c>
      <c r="BA36" s="191">
        <v>21</v>
      </c>
      <c r="BB36" s="191">
        <v>12</v>
      </c>
      <c r="BC36" s="191">
        <v>0</v>
      </c>
      <c r="BD36" s="194">
        <v>44</v>
      </c>
      <c r="BE36" s="195">
        <v>44</v>
      </c>
      <c r="BF36" s="190">
        <v>0</v>
      </c>
      <c r="BG36" s="191">
        <v>0</v>
      </c>
      <c r="BH36" s="196">
        <v>0</v>
      </c>
      <c r="BI36" s="193">
        <v>0</v>
      </c>
      <c r="BJ36" s="191">
        <v>0</v>
      </c>
      <c r="BK36" s="191">
        <v>0</v>
      </c>
      <c r="BL36" s="191">
        <v>0</v>
      </c>
      <c r="BM36" s="191">
        <v>0</v>
      </c>
      <c r="BN36" s="191">
        <v>0</v>
      </c>
      <c r="BO36" s="196">
        <v>0</v>
      </c>
      <c r="BP36" s="195">
        <v>0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7</v>
      </c>
      <c r="BW36" s="191">
        <v>2</v>
      </c>
      <c r="BX36" s="191">
        <v>0</v>
      </c>
      <c r="BY36" s="191">
        <v>0</v>
      </c>
      <c r="BZ36" s="196">
        <v>9</v>
      </c>
      <c r="CA36" s="195">
        <v>9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0</v>
      </c>
      <c r="CH36" s="191">
        <v>0</v>
      </c>
      <c r="CI36" s="191">
        <v>0</v>
      </c>
      <c r="CJ36" s="191">
        <v>0</v>
      </c>
      <c r="CK36" s="196">
        <v>0</v>
      </c>
      <c r="CL36" s="195">
        <v>0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  <c r="CX36" s="190">
        <v>0</v>
      </c>
      <c r="CY36" s="191">
        <v>0</v>
      </c>
      <c r="CZ36" s="196">
        <v>0</v>
      </c>
      <c r="DA36" s="193">
        <v>0</v>
      </c>
      <c r="DB36" s="191">
        <v>0</v>
      </c>
      <c r="DC36" s="191">
        <v>0</v>
      </c>
      <c r="DD36" s="191">
        <v>0</v>
      </c>
      <c r="DE36" s="191">
        <v>0</v>
      </c>
      <c r="DF36" s="191">
        <v>0</v>
      </c>
      <c r="DG36" s="196">
        <v>0</v>
      </c>
      <c r="DH36" s="195">
        <v>0</v>
      </c>
    </row>
    <row r="37" spans="2:112" ht="21" customHeight="1" x14ac:dyDescent="0.2">
      <c r="B37" s="106" t="s">
        <v>35</v>
      </c>
      <c r="C37" s="190">
        <v>0</v>
      </c>
      <c r="D37" s="196">
        <v>0</v>
      </c>
      <c r="E37" s="207">
        <v>0</v>
      </c>
      <c r="F37" s="193">
        <v>0</v>
      </c>
      <c r="G37" s="191">
        <v>4</v>
      </c>
      <c r="H37" s="191">
        <v>65</v>
      </c>
      <c r="I37" s="191">
        <v>13</v>
      </c>
      <c r="J37" s="191">
        <v>0</v>
      </c>
      <c r="K37" s="191">
        <v>0</v>
      </c>
      <c r="L37" s="194">
        <v>82</v>
      </c>
      <c r="M37" s="195">
        <v>82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  <c r="Y37" s="190">
        <v>0</v>
      </c>
      <c r="Z37" s="191">
        <v>5</v>
      </c>
      <c r="AA37" s="196">
        <v>5</v>
      </c>
      <c r="AB37" s="193">
        <v>0</v>
      </c>
      <c r="AC37" s="191">
        <v>13</v>
      </c>
      <c r="AD37" s="191">
        <v>29</v>
      </c>
      <c r="AE37" s="191">
        <v>0</v>
      </c>
      <c r="AF37" s="191">
        <v>26</v>
      </c>
      <c r="AG37" s="191">
        <v>5</v>
      </c>
      <c r="AH37" s="196">
        <v>73</v>
      </c>
      <c r="AI37" s="195">
        <v>78</v>
      </c>
      <c r="AJ37" s="190">
        <v>0</v>
      </c>
      <c r="AK37" s="191">
        <v>3</v>
      </c>
      <c r="AL37" s="196">
        <v>3</v>
      </c>
      <c r="AM37" s="193">
        <v>0</v>
      </c>
      <c r="AN37" s="191">
        <v>24</v>
      </c>
      <c r="AO37" s="191">
        <v>0</v>
      </c>
      <c r="AP37" s="191">
        <v>16</v>
      </c>
      <c r="AQ37" s="191">
        <v>6</v>
      </c>
      <c r="AR37" s="191">
        <v>0</v>
      </c>
      <c r="AS37" s="196">
        <v>46</v>
      </c>
      <c r="AT37" s="195">
        <v>49</v>
      </c>
      <c r="AU37" s="190">
        <v>0</v>
      </c>
      <c r="AV37" s="191">
        <v>0</v>
      </c>
      <c r="AW37" s="196">
        <v>0</v>
      </c>
      <c r="AX37" s="193">
        <v>0</v>
      </c>
      <c r="AY37" s="191">
        <v>25</v>
      </c>
      <c r="AZ37" s="191">
        <v>22</v>
      </c>
      <c r="BA37" s="191">
        <v>8</v>
      </c>
      <c r="BB37" s="191">
        <v>1</v>
      </c>
      <c r="BC37" s="191">
        <v>4</v>
      </c>
      <c r="BD37" s="194">
        <v>60</v>
      </c>
      <c r="BE37" s="195">
        <v>60</v>
      </c>
      <c r="BF37" s="190">
        <v>0</v>
      </c>
      <c r="BG37" s="191">
        <v>0</v>
      </c>
      <c r="BH37" s="196">
        <v>0</v>
      </c>
      <c r="BI37" s="193">
        <v>0</v>
      </c>
      <c r="BJ37" s="191">
        <v>16</v>
      </c>
      <c r="BK37" s="191">
        <v>22</v>
      </c>
      <c r="BL37" s="191">
        <v>3</v>
      </c>
      <c r="BM37" s="191">
        <v>10</v>
      </c>
      <c r="BN37" s="191">
        <v>0</v>
      </c>
      <c r="BO37" s="196">
        <v>51</v>
      </c>
      <c r="BP37" s="195">
        <v>51</v>
      </c>
      <c r="BQ37" s="190">
        <v>0</v>
      </c>
      <c r="BR37" s="191">
        <v>0</v>
      </c>
      <c r="BS37" s="196">
        <v>0</v>
      </c>
      <c r="BT37" s="193">
        <v>0</v>
      </c>
      <c r="BU37" s="191">
        <v>0</v>
      </c>
      <c r="BV37" s="191">
        <v>7</v>
      </c>
      <c r="BW37" s="191">
        <v>0</v>
      </c>
      <c r="BX37" s="191">
        <v>0</v>
      </c>
      <c r="BY37" s="191">
        <v>32</v>
      </c>
      <c r="BZ37" s="196">
        <v>39</v>
      </c>
      <c r="CA37" s="195">
        <v>39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0</v>
      </c>
      <c r="CH37" s="191">
        <v>0</v>
      </c>
      <c r="CI37" s="191">
        <v>0</v>
      </c>
      <c r="CJ37" s="191">
        <v>0</v>
      </c>
      <c r="CK37" s="196">
        <v>0</v>
      </c>
      <c r="CL37" s="195">
        <v>0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  <c r="CX37" s="190">
        <v>0</v>
      </c>
      <c r="CY37" s="191">
        <v>0</v>
      </c>
      <c r="CZ37" s="196">
        <v>0</v>
      </c>
      <c r="DA37" s="193">
        <v>0</v>
      </c>
      <c r="DB37" s="191">
        <v>0</v>
      </c>
      <c r="DC37" s="191">
        <v>0</v>
      </c>
      <c r="DD37" s="191">
        <v>0</v>
      </c>
      <c r="DE37" s="191">
        <v>0</v>
      </c>
      <c r="DF37" s="191">
        <v>0</v>
      </c>
      <c r="DG37" s="196">
        <v>0</v>
      </c>
      <c r="DH37" s="195">
        <v>0</v>
      </c>
    </row>
    <row r="38" spans="2:112" ht="21" customHeight="1" x14ac:dyDescent="0.2">
      <c r="B38" s="106" t="s">
        <v>36</v>
      </c>
      <c r="C38" s="190">
        <v>0</v>
      </c>
      <c r="D38" s="196">
        <v>0</v>
      </c>
      <c r="E38" s="207">
        <v>0</v>
      </c>
      <c r="F38" s="193">
        <v>0</v>
      </c>
      <c r="G38" s="191">
        <v>18</v>
      </c>
      <c r="H38" s="191">
        <v>133</v>
      </c>
      <c r="I38" s="191">
        <v>0</v>
      </c>
      <c r="J38" s="191">
        <v>8</v>
      </c>
      <c r="K38" s="191">
        <v>0</v>
      </c>
      <c r="L38" s="194">
        <v>159</v>
      </c>
      <c r="M38" s="195">
        <v>159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4</v>
      </c>
      <c r="U38" s="191">
        <v>4</v>
      </c>
      <c r="V38" s="191">
        <v>0</v>
      </c>
      <c r="W38" s="196">
        <v>8</v>
      </c>
      <c r="X38" s="195">
        <v>8</v>
      </c>
      <c r="Y38" s="190">
        <v>0</v>
      </c>
      <c r="Z38" s="191">
        <v>2</v>
      </c>
      <c r="AA38" s="196">
        <v>2</v>
      </c>
      <c r="AB38" s="193">
        <v>0</v>
      </c>
      <c r="AC38" s="191">
        <v>12</v>
      </c>
      <c r="AD38" s="191">
        <v>11</v>
      </c>
      <c r="AE38" s="191">
        <v>0</v>
      </c>
      <c r="AF38" s="191">
        <v>4</v>
      </c>
      <c r="AG38" s="191">
        <v>0</v>
      </c>
      <c r="AH38" s="196">
        <v>27</v>
      </c>
      <c r="AI38" s="195">
        <v>29</v>
      </c>
      <c r="AJ38" s="190">
        <v>0</v>
      </c>
      <c r="AK38" s="191">
        <v>0</v>
      </c>
      <c r="AL38" s="196">
        <v>0</v>
      </c>
      <c r="AM38" s="193">
        <v>0</v>
      </c>
      <c r="AN38" s="191">
        <v>14</v>
      </c>
      <c r="AO38" s="191">
        <v>0</v>
      </c>
      <c r="AP38" s="191">
        <v>0</v>
      </c>
      <c r="AQ38" s="191">
        <v>0</v>
      </c>
      <c r="AR38" s="191">
        <v>0</v>
      </c>
      <c r="AS38" s="196">
        <v>14</v>
      </c>
      <c r="AT38" s="195">
        <v>14</v>
      </c>
      <c r="AU38" s="190">
        <v>0</v>
      </c>
      <c r="AV38" s="191">
        <v>0</v>
      </c>
      <c r="AW38" s="196">
        <v>0</v>
      </c>
      <c r="AX38" s="193">
        <v>0</v>
      </c>
      <c r="AY38" s="191">
        <v>19</v>
      </c>
      <c r="AZ38" s="191">
        <v>27</v>
      </c>
      <c r="BA38" s="191">
        <v>0</v>
      </c>
      <c r="BB38" s="191">
        <v>26</v>
      </c>
      <c r="BC38" s="191">
        <v>0</v>
      </c>
      <c r="BD38" s="194">
        <v>72</v>
      </c>
      <c r="BE38" s="195">
        <v>72</v>
      </c>
      <c r="BF38" s="190">
        <v>0</v>
      </c>
      <c r="BG38" s="191">
        <v>0</v>
      </c>
      <c r="BH38" s="196">
        <v>0</v>
      </c>
      <c r="BI38" s="193">
        <v>0</v>
      </c>
      <c r="BJ38" s="191">
        <v>0</v>
      </c>
      <c r="BK38" s="191">
        <v>0</v>
      </c>
      <c r="BL38" s="191">
        <v>8</v>
      </c>
      <c r="BM38" s="191">
        <v>0</v>
      </c>
      <c r="BN38" s="191">
        <v>0</v>
      </c>
      <c r="BO38" s="196">
        <v>8</v>
      </c>
      <c r="BP38" s="195">
        <v>8</v>
      </c>
      <c r="BQ38" s="190">
        <v>0</v>
      </c>
      <c r="BR38" s="191">
        <v>0</v>
      </c>
      <c r="BS38" s="196">
        <v>0</v>
      </c>
      <c r="BT38" s="193">
        <v>0</v>
      </c>
      <c r="BU38" s="191">
        <v>0</v>
      </c>
      <c r="BV38" s="191">
        <v>16</v>
      </c>
      <c r="BW38" s="191">
        <v>0</v>
      </c>
      <c r="BX38" s="191">
        <v>3</v>
      </c>
      <c r="BY38" s="191">
        <v>0</v>
      </c>
      <c r="BZ38" s="196">
        <v>19</v>
      </c>
      <c r="CA38" s="195">
        <v>19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0</v>
      </c>
      <c r="CH38" s="191">
        <v>0</v>
      </c>
      <c r="CI38" s="191">
        <v>0</v>
      </c>
      <c r="CJ38" s="191">
        <v>0</v>
      </c>
      <c r="CK38" s="196">
        <v>0</v>
      </c>
      <c r="CL38" s="195">
        <v>0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  <c r="CX38" s="190">
        <v>0</v>
      </c>
      <c r="CY38" s="191">
        <v>0</v>
      </c>
      <c r="CZ38" s="196">
        <v>0</v>
      </c>
      <c r="DA38" s="193">
        <v>0</v>
      </c>
      <c r="DB38" s="191">
        <v>0</v>
      </c>
      <c r="DC38" s="191">
        <v>0</v>
      </c>
      <c r="DD38" s="191">
        <v>0</v>
      </c>
      <c r="DE38" s="191">
        <v>0</v>
      </c>
      <c r="DF38" s="191">
        <v>0</v>
      </c>
      <c r="DG38" s="196">
        <v>0</v>
      </c>
      <c r="DH38" s="195">
        <v>0</v>
      </c>
    </row>
    <row r="39" spans="2:112" ht="21" customHeight="1" thickBot="1" x14ac:dyDescent="0.25">
      <c r="B39" s="108" t="s">
        <v>37</v>
      </c>
      <c r="C39" s="197">
        <v>0</v>
      </c>
      <c r="D39" s="203">
        <v>0</v>
      </c>
      <c r="E39" s="208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1">
        <v>0</v>
      </c>
      <c r="M39" s="202">
        <v>0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0</v>
      </c>
      <c r="AD39" s="198">
        <v>24</v>
      </c>
      <c r="AE39" s="198">
        <v>0</v>
      </c>
      <c r="AF39" s="198">
        <v>0</v>
      </c>
      <c r="AG39" s="198">
        <v>0</v>
      </c>
      <c r="AH39" s="203">
        <v>24</v>
      </c>
      <c r="AI39" s="202">
        <v>24</v>
      </c>
      <c r="AJ39" s="197">
        <v>0</v>
      </c>
      <c r="AK39" s="198">
        <v>0</v>
      </c>
      <c r="AL39" s="203">
        <v>0</v>
      </c>
      <c r="AM39" s="200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203">
        <v>0</v>
      </c>
      <c r="AT39" s="202">
        <v>0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4</v>
      </c>
      <c r="BA39" s="198">
        <v>0</v>
      </c>
      <c r="BB39" s="198">
        <v>0</v>
      </c>
      <c r="BC39" s="198">
        <v>0</v>
      </c>
      <c r="BD39" s="201">
        <v>4</v>
      </c>
      <c r="BE39" s="202">
        <v>4</v>
      </c>
      <c r="BF39" s="197">
        <v>0</v>
      </c>
      <c r="BG39" s="198">
        <v>0</v>
      </c>
      <c r="BH39" s="203">
        <v>0</v>
      </c>
      <c r="BI39" s="200">
        <v>0</v>
      </c>
      <c r="BJ39" s="198">
        <v>0</v>
      </c>
      <c r="BK39" s="198">
        <v>0</v>
      </c>
      <c r="BL39" s="198">
        <v>0</v>
      </c>
      <c r="BM39" s="198">
        <v>0</v>
      </c>
      <c r="BN39" s="198">
        <v>0</v>
      </c>
      <c r="BO39" s="203">
        <v>0</v>
      </c>
      <c r="BP39" s="202">
        <v>0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0</v>
      </c>
      <c r="BW39" s="198">
        <v>0</v>
      </c>
      <c r="BX39" s="198">
        <v>0</v>
      </c>
      <c r="BY39" s="198">
        <v>0</v>
      </c>
      <c r="BZ39" s="203">
        <v>0</v>
      </c>
      <c r="CA39" s="202">
        <v>0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  <c r="CX39" s="197">
        <v>0</v>
      </c>
      <c r="CY39" s="198">
        <v>0</v>
      </c>
      <c r="CZ39" s="203">
        <v>0</v>
      </c>
      <c r="DA39" s="200">
        <v>0</v>
      </c>
      <c r="DB39" s="198">
        <v>0</v>
      </c>
      <c r="DC39" s="198">
        <v>0</v>
      </c>
      <c r="DD39" s="198">
        <v>0</v>
      </c>
      <c r="DE39" s="198">
        <v>0</v>
      </c>
      <c r="DF39" s="198">
        <v>0</v>
      </c>
      <c r="DG39" s="203">
        <v>0</v>
      </c>
      <c r="DH39" s="202">
        <v>0</v>
      </c>
    </row>
    <row r="40" spans="2:112" ht="27" customHeight="1" x14ac:dyDescent="0.2"/>
  </sheetData>
  <mergeCells count="43">
    <mergeCell ref="CX3:DH3"/>
    <mergeCell ref="CX4:CZ4"/>
    <mergeCell ref="DA4:DG4"/>
    <mergeCell ref="DH4:DH5"/>
    <mergeCell ref="CB3:CL3"/>
    <mergeCell ref="CM3:CW3"/>
    <mergeCell ref="CB4:CD4"/>
    <mergeCell ref="CE4:CK4"/>
    <mergeCell ref="CL4:CL5"/>
    <mergeCell ref="CM4:CO4"/>
    <mergeCell ref="CP4:CV4"/>
    <mergeCell ref="CW4:CW5"/>
    <mergeCell ref="J1:K1"/>
    <mergeCell ref="M1:N1"/>
    <mergeCell ref="B3:B5"/>
    <mergeCell ref="C3:M3"/>
    <mergeCell ref="N3:X3"/>
    <mergeCell ref="Y3:AI3"/>
    <mergeCell ref="C4:E4"/>
    <mergeCell ref="F4:L4"/>
    <mergeCell ref="M4:M5"/>
    <mergeCell ref="N4:P4"/>
    <mergeCell ref="Q4:W4"/>
    <mergeCell ref="X4:X5"/>
    <mergeCell ref="Y4:AA4"/>
    <mergeCell ref="AB4:AH4"/>
    <mergeCell ref="AI4:AI5"/>
    <mergeCell ref="AJ4:AL4"/>
    <mergeCell ref="AJ3:AT3"/>
    <mergeCell ref="AU3:BE3"/>
    <mergeCell ref="BF3:BP3"/>
    <mergeCell ref="BQ3:CA3"/>
    <mergeCell ref="AM4:AS4"/>
    <mergeCell ref="AT4:AT5"/>
    <mergeCell ref="AU4:AW4"/>
    <mergeCell ref="AX4:BD4"/>
    <mergeCell ref="BE4:BE5"/>
    <mergeCell ref="BF4:BH4"/>
    <mergeCell ref="BI4:BO4"/>
    <mergeCell ref="BP4:BP5"/>
    <mergeCell ref="BQ4:BS4"/>
    <mergeCell ref="BT4:BZ4"/>
    <mergeCell ref="CA4:CA5"/>
  </mergeCells>
  <phoneticPr fontId="4"/>
  <pageMargins left="0.70866141732283472" right="0.70866141732283472" top="0.47244094488188981" bottom="0.59055118110236227" header="0.27559055118110237" footer="0.31496062992125984"/>
  <pageSetup paperSize="9" scale="60" orientation="landscape" r:id="rId1"/>
  <headerFooter>
    <oddFooter>&amp;L&amp;20&amp;A&amp;C&amp;P/&amp;N</oddFooter>
  </headerFooter>
  <colBreaks count="4" manualBreakCount="4">
    <brk id="24" max="39" man="1"/>
    <brk id="46" max="39" man="1"/>
    <brk id="68" max="1048575" man="1"/>
    <brk id="90" max="1048575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  <pageSetUpPr fitToPage="1"/>
  </sheetPr>
  <dimension ref="B1:AI39"/>
  <sheetViews>
    <sheetView zoomScaleNormal="100" zoomScaleSheetLayoutView="75" workbookViewId="0">
      <pane xSplit="2" ySplit="5" topLeftCell="C6" activePane="bottomRight" state="frozen"/>
      <selection activeCell="F37" sqref="F37"/>
      <selection pane="topRight" activeCell="F37" sqref="F37"/>
      <selection pane="bottomLeft" activeCell="F37" sqref="F37"/>
      <selection pane="bottomRight" activeCell="C5" sqref="C5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5" width="7.77734375" style="70" customWidth="1"/>
    <col min="6" max="6" width="9.109375" style="70" customWidth="1"/>
    <col min="7" max="7" width="9.44140625" style="70" customWidth="1"/>
    <col min="8" max="26" width="7.77734375" style="70" customWidth="1"/>
    <col min="27" max="35" width="7.77734375" style="71" customWidth="1"/>
    <col min="36" max="16384" width="9" style="71"/>
  </cols>
  <sheetData>
    <row r="1" spans="2:35" ht="24" customHeight="1" x14ac:dyDescent="0.2">
      <c r="B1" s="10" t="s">
        <v>125</v>
      </c>
      <c r="F1" s="12"/>
      <c r="H1" s="442">
        <f>第１表!F2</f>
        <v>7</v>
      </c>
      <c r="I1" s="442"/>
      <c r="J1" s="418">
        <f>第１表!G2</f>
        <v>3</v>
      </c>
      <c r="K1" s="447">
        <f>IF(J1&lt;3,J1-2+12,J1-2)</f>
        <v>1</v>
      </c>
      <c r="L1" s="447"/>
    </row>
    <row r="2" spans="2:35" ht="24" customHeight="1" thickBot="1" x14ac:dyDescent="0.25">
      <c r="J2" s="209"/>
      <c r="K2" s="209"/>
      <c r="L2" s="209"/>
      <c r="M2" s="209"/>
      <c r="N2" s="209"/>
      <c r="O2" s="209"/>
      <c r="P2" s="210"/>
      <c r="Q2" s="210"/>
      <c r="R2" s="210"/>
    </row>
    <row r="3" spans="2:35" ht="21" customHeight="1" thickBot="1" x14ac:dyDescent="0.25">
      <c r="B3" s="119"/>
      <c r="C3" s="444" t="s">
        <v>53</v>
      </c>
      <c r="D3" s="445"/>
      <c r="E3" s="445"/>
      <c r="F3" s="445"/>
      <c r="G3" s="445"/>
      <c r="H3" s="445"/>
      <c r="I3" s="445"/>
      <c r="J3" s="445"/>
      <c r="K3" s="445"/>
      <c r="L3" s="445"/>
      <c r="M3" s="446"/>
      <c r="N3" s="444" t="s">
        <v>54</v>
      </c>
      <c r="O3" s="445"/>
      <c r="P3" s="445"/>
      <c r="Q3" s="445"/>
      <c r="R3" s="445"/>
      <c r="S3" s="445"/>
      <c r="T3" s="445"/>
      <c r="U3" s="445"/>
      <c r="V3" s="445"/>
      <c r="W3" s="445"/>
      <c r="X3" s="446"/>
      <c r="Y3" s="444" t="s">
        <v>55</v>
      </c>
      <c r="Z3" s="445"/>
      <c r="AA3" s="445"/>
      <c r="AB3" s="445"/>
      <c r="AC3" s="445"/>
      <c r="AD3" s="445"/>
      <c r="AE3" s="445"/>
      <c r="AF3" s="445"/>
      <c r="AG3" s="445"/>
      <c r="AH3" s="445"/>
      <c r="AI3" s="446"/>
    </row>
    <row r="4" spans="2:35" ht="30" customHeight="1" thickBot="1" x14ac:dyDescent="0.25">
      <c r="B4" s="119" t="s">
        <v>42</v>
      </c>
      <c r="C4" s="120" t="s">
        <v>43</v>
      </c>
      <c r="D4" s="121" t="s">
        <v>44</v>
      </c>
      <c r="E4" s="122" t="s">
        <v>45</v>
      </c>
      <c r="F4" s="123" t="s">
        <v>46</v>
      </c>
      <c r="G4" s="121" t="s">
        <v>47</v>
      </c>
      <c r="H4" s="121" t="s">
        <v>48</v>
      </c>
      <c r="I4" s="121" t="s">
        <v>49</v>
      </c>
      <c r="J4" s="121" t="s">
        <v>50</v>
      </c>
      <c r="K4" s="121" t="s">
        <v>51</v>
      </c>
      <c r="L4" s="122" t="s">
        <v>45</v>
      </c>
      <c r="M4" s="69" t="s">
        <v>52</v>
      </c>
      <c r="N4" s="120" t="s">
        <v>43</v>
      </c>
      <c r="O4" s="121" t="s">
        <v>44</v>
      </c>
      <c r="P4" s="122" t="s">
        <v>45</v>
      </c>
      <c r="Q4" s="123" t="s">
        <v>46</v>
      </c>
      <c r="R4" s="121" t="s">
        <v>47</v>
      </c>
      <c r="S4" s="121" t="s">
        <v>48</v>
      </c>
      <c r="T4" s="121" t="s">
        <v>49</v>
      </c>
      <c r="U4" s="121" t="s">
        <v>50</v>
      </c>
      <c r="V4" s="121" t="s">
        <v>51</v>
      </c>
      <c r="W4" s="122" t="s">
        <v>45</v>
      </c>
      <c r="X4" s="69" t="s">
        <v>52</v>
      </c>
      <c r="Y4" s="120" t="s">
        <v>43</v>
      </c>
      <c r="Z4" s="121" t="s">
        <v>44</v>
      </c>
      <c r="AA4" s="122" t="s">
        <v>45</v>
      </c>
      <c r="AB4" s="123" t="s">
        <v>46</v>
      </c>
      <c r="AC4" s="121" t="s">
        <v>47</v>
      </c>
      <c r="AD4" s="121" t="s">
        <v>48</v>
      </c>
      <c r="AE4" s="121" t="s">
        <v>49</v>
      </c>
      <c r="AF4" s="121" t="s">
        <v>50</v>
      </c>
      <c r="AG4" s="121" t="s">
        <v>51</v>
      </c>
      <c r="AH4" s="122" t="s">
        <v>45</v>
      </c>
      <c r="AI4" s="69" t="s">
        <v>52</v>
      </c>
    </row>
    <row r="5" spans="2:35" ht="21" customHeight="1" x14ac:dyDescent="0.2">
      <c r="B5" s="84" t="s">
        <v>4</v>
      </c>
      <c r="C5" s="211">
        <v>177</v>
      </c>
      <c r="D5" s="212">
        <v>299</v>
      </c>
      <c r="E5" s="213">
        <v>476</v>
      </c>
      <c r="F5" s="214">
        <v>0</v>
      </c>
      <c r="G5" s="212">
        <v>20039</v>
      </c>
      <c r="H5" s="212">
        <v>20431</v>
      </c>
      <c r="I5" s="212">
        <v>13014</v>
      </c>
      <c r="J5" s="212">
        <v>8075</v>
      </c>
      <c r="K5" s="212">
        <v>5068</v>
      </c>
      <c r="L5" s="213">
        <v>66627</v>
      </c>
      <c r="M5" s="215">
        <v>67103</v>
      </c>
      <c r="N5" s="216">
        <v>3</v>
      </c>
      <c r="O5" s="212">
        <v>2</v>
      </c>
      <c r="P5" s="213">
        <v>5</v>
      </c>
      <c r="Q5" s="214">
        <v>0</v>
      </c>
      <c r="R5" s="212">
        <v>187</v>
      </c>
      <c r="S5" s="212">
        <v>389</v>
      </c>
      <c r="T5" s="212">
        <v>228</v>
      </c>
      <c r="U5" s="212">
        <v>175</v>
      </c>
      <c r="V5" s="212">
        <v>153</v>
      </c>
      <c r="W5" s="213">
        <v>1132</v>
      </c>
      <c r="X5" s="215">
        <v>1137</v>
      </c>
      <c r="Y5" s="216">
        <v>180</v>
      </c>
      <c r="Z5" s="212">
        <v>301</v>
      </c>
      <c r="AA5" s="213">
        <v>481</v>
      </c>
      <c r="AB5" s="214">
        <v>0</v>
      </c>
      <c r="AC5" s="212">
        <v>20226</v>
      </c>
      <c r="AD5" s="212">
        <v>20820</v>
      </c>
      <c r="AE5" s="212">
        <v>13242</v>
      </c>
      <c r="AF5" s="212">
        <v>8250</v>
      </c>
      <c r="AG5" s="212">
        <v>5221</v>
      </c>
      <c r="AH5" s="213">
        <v>67759</v>
      </c>
      <c r="AI5" s="215">
        <v>68240</v>
      </c>
    </row>
    <row r="6" spans="2:35" ht="21" customHeight="1" x14ac:dyDescent="0.2">
      <c r="B6" s="95" t="s">
        <v>5</v>
      </c>
      <c r="C6" s="217">
        <v>58</v>
      </c>
      <c r="D6" s="218">
        <v>130</v>
      </c>
      <c r="E6" s="219">
        <v>188</v>
      </c>
      <c r="F6" s="220">
        <v>0</v>
      </c>
      <c r="G6" s="218">
        <v>7515</v>
      </c>
      <c r="H6" s="218">
        <v>9651</v>
      </c>
      <c r="I6" s="218">
        <v>5817</v>
      </c>
      <c r="J6" s="218">
        <v>3562</v>
      </c>
      <c r="K6" s="218">
        <v>2342</v>
      </c>
      <c r="L6" s="219">
        <v>28887</v>
      </c>
      <c r="M6" s="221">
        <v>29075</v>
      </c>
      <c r="N6" s="222">
        <v>2</v>
      </c>
      <c r="O6" s="218">
        <v>1</v>
      </c>
      <c r="P6" s="219">
        <v>3</v>
      </c>
      <c r="Q6" s="220">
        <v>0</v>
      </c>
      <c r="R6" s="218">
        <v>55</v>
      </c>
      <c r="S6" s="218">
        <v>199</v>
      </c>
      <c r="T6" s="218">
        <v>104</v>
      </c>
      <c r="U6" s="218">
        <v>87</v>
      </c>
      <c r="V6" s="218">
        <v>82</v>
      </c>
      <c r="W6" s="219">
        <v>527</v>
      </c>
      <c r="X6" s="221">
        <v>530</v>
      </c>
      <c r="Y6" s="222">
        <v>60</v>
      </c>
      <c r="Z6" s="218">
        <v>131</v>
      </c>
      <c r="AA6" s="219">
        <v>191</v>
      </c>
      <c r="AB6" s="220">
        <v>0</v>
      </c>
      <c r="AC6" s="218">
        <v>7570</v>
      </c>
      <c r="AD6" s="218">
        <v>9850</v>
      </c>
      <c r="AE6" s="218">
        <v>5921</v>
      </c>
      <c r="AF6" s="218">
        <v>3649</v>
      </c>
      <c r="AG6" s="218">
        <v>2424</v>
      </c>
      <c r="AH6" s="219">
        <v>29414</v>
      </c>
      <c r="AI6" s="221">
        <v>29605</v>
      </c>
    </row>
    <row r="7" spans="2:35" ht="21" customHeight="1" x14ac:dyDescent="0.2">
      <c r="B7" s="106" t="s">
        <v>6</v>
      </c>
      <c r="C7" s="217">
        <v>24</v>
      </c>
      <c r="D7" s="218">
        <v>43</v>
      </c>
      <c r="E7" s="219">
        <v>67</v>
      </c>
      <c r="F7" s="220">
        <v>0</v>
      </c>
      <c r="G7" s="218">
        <v>3007</v>
      </c>
      <c r="H7" s="218">
        <v>2693</v>
      </c>
      <c r="I7" s="218">
        <v>1902</v>
      </c>
      <c r="J7" s="218">
        <v>1242</v>
      </c>
      <c r="K7" s="218">
        <v>896</v>
      </c>
      <c r="L7" s="219">
        <v>9740</v>
      </c>
      <c r="M7" s="221">
        <v>9807</v>
      </c>
      <c r="N7" s="222">
        <v>0</v>
      </c>
      <c r="O7" s="218">
        <v>0</v>
      </c>
      <c r="P7" s="219">
        <v>0</v>
      </c>
      <c r="Q7" s="220">
        <v>0</v>
      </c>
      <c r="R7" s="218">
        <v>25</v>
      </c>
      <c r="S7" s="218">
        <v>25</v>
      </c>
      <c r="T7" s="218">
        <v>26</v>
      </c>
      <c r="U7" s="218">
        <v>27</v>
      </c>
      <c r="V7" s="218">
        <v>26</v>
      </c>
      <c r="W7" s="219">
        <v>129</v>
      </c>
      <c r="X7" s="221">
        <v>129</v>
      </c>
      <c r="Y7" s="222">
        <v>24</v>
      </c>
      <c r="Z7" s="218">
        <v>43</v>
      </c>
      <c r="AA7" s="219">
        <v>67</v>
      </c>
      <c r="AB7" s="220">
        <v>0</v>
      </c>
      <c r="AC7" s="218">
        <v>3032</v>
      </c>
      <c r="AD7" s="218">
        <v>2718</v>
      </c>
      <c r="AE7" s="218">
        <v>1928</v>
      </c>
      <c r="AF7" s="218">
        <v>1269</v>
      </c>
      <c r="AG7" s="218">
        <v>922</v>
      </c>
      <c r="AH7" s="219">
        <v>9869</v>
      </c>
      <c r="AI7" s="221">
        <v>9936</v>
      </c>
    </row>
    <row r="8" spans="2:35" ht="21" customHeight="1" x14ac:dyDescent="0.2">
      <c r="B8" s="106" t="s">
        <v>14</v>
      </c>
      <c r="C8" s="217">
        <v>19</v>
      </c>
      <c r="D8" s="218">
        <v>25</v>
      </c>
      <c r="E8" s="219">
        <v>44</v>
      </c>
      <c r="F8" s="220">
        <v>0</v>
      </c>
      <c r="G8" s="218">
        <v>1591</v>
      </c>
      <c r="H8" s="218">
        <v>1801</v>
      </c>
      <c r="I8" s="218">
        <v>1244</v>
      </c>
      <c r="J8" s="218">
        <v>683</v>
      </c>
      <c r="K8" s="218">
        <v>360</v>
      </c>
      <c r="L8" s="219">
        <v>5679</v>
      </c>
      <c r="M8" s="221">
        <v>5723</v>
      </c>
      <c r="N8" s="222">
        <v>1</v>
      </c>
      <c r="O8" s="218">
        <v>0</v>
      </c>
      <c r="P8" s="219">
        <v>1</v>
      </c>
      <c r="Q8" s="220">
        <v>0</v>
      </c>
      <c r="R8" s="218">
        <v>14</v>
      </c>
      <c r="S8" s="218">
        <v>42</v>
      </c>
      <c r="T8" s="218">
        <v>16</v>
      </c>
      <c r="U8" s="218">
        <v>12</v>
      </c>
      <c r="V8" s="218">
        <v>11</v>
      </c>
      <c r="W8" s="219">
        <v>95</v>
      </c>
      <c r="X8" s="221">
        <v>96</v>
      </c>
      <c r="Y8" s="222">
        <v>20</v>
      </c>
      <c r="Z8" s="218">
        <v>25</v>
      </c>
      <c r="AA8" s="219">
        <v>45</v>
      </c>
      <c r="AB8" s="220">
        <v>0</v>
      </c>
      <c r="AC8" s="218">
        <v>1605</v>
      </c>
      <c r="AD8" s="218">
        <v>1843</v>
      </c>
      <c r="AE8" s="218">
        <v>1260</v>
      </c>
      <c r="AF8" s="218">
        <v>695</v>
      </c>
      <c r="AG8" s="218">
        <v>371</v>
      </c>
      <c r="AH8" s="219">
        <v>5774</v>
      </c>
      <c r="AI8" s="221">
        <v>5819</v>
      </c>
    </row>
    <row r="9" spans="2:35" ht="21" customHeight="1" x14ac:dyDescent="0.2">
      <c r="B9" s="106" t="s">
        <v>7</v>
      </c>
      <c r="C9" s="217">
        <v>4</v>
      </c>
      <c r="D9" s="218">
        <v>6</v>
      </c>
      <c r="E9" s="219">
        <v>10</v>
      </c>
      <c r="F9" s="220">
        <v>0</v>
      </c>
      <c r="G9" s="218">
        <v>1480</v>
      </c>
      <c r="H9" s="218">
        <v>1003</v>
      </c>
      <c r="I9" s="218">
        <v>543</v>
      </c>
      <c r="J9" s="218">
        <v>306</v>
      </c>
      <c r="K9" s="218">
        <v>148</v>
      </c>
      <c r="L9" s="219">
        <v>3480</v>
      </c>
      <c r="M9" s="221">
        <v>3490</v>
      </c>
      <c r="N9" s="222">
        <v>0</v>
      </c>
      <c r="O9" s="218">
        <v>0</v>
      </c>
      <c r="P9" s="219">
        <v>0</v>
      </c>
      <c r="Q9" s="220">
        <v>0</v>
      </c>
      <c r="R9" s="218">
        <v>25</v>
      </c>
      <c r="S9" s="218">
        <v>15</v>
      </c>
      <c r="T9" s="218">
        <v>9</v>
      </c>
      <c r="U9" s="218">
        <v>5</v>
      </c>
      <c r="V9" s="218">
        <v>4</v>
      </c>
      <c r="W9" s="219">
        <v>58</v>
      </c>
      <c r="X9" s="221">
        <v>58</v>
      </c>
      <c r="Y9" s="222">
        <v>4</v>
      </c>
      <c r="Z9" s="218">
        <v>6</v>
      </c>
      <c r="AA9" s="219">
        <v>10</v>
      </c>
      <c r="AB9" s="220">
        <v>0</v>
      </c>
      <c r="AC9" s="218">
        <v>1505</v>
      </c>
      <c r="AD9" s="218">
        <v>1018</v>
      </c>
      <c r="AE9" s="218">
        <v>552</v>
      </c>
      <c r="AF9" s="218">
        <v>311</v>
      </c>
      <c r="AG9" s="218">
        <v>152</v>
      </c>
      <c r="AH9" s="219">
        <v>3538</v>
      </c>
      <c r="AI9" s="221">
        <v>3548</v>
      </c>
    </row>
    <row r="10" spans="2:35" ht="21" customHeight="1" x14ac:dyDescent="0.2">
      <c r="B10" s="106" t="s">
        <v>8</v>
      </c>
      <c r="C10" s="217">
        <v>11</v>
      </c>
      <c r="D10" s="218">
        <v>10</v>
      </c>
      <c r="E10" s="219">
        <v>21</v>
      </c>
      <c r="F10" s="220">
        <v>0</v>
      </c>
      <c r="G10" s="218">
        <v>767</v>
      </c>
      <c r="H10" s="218">
        <v>657</v>
      </c>
      <c r="I10" s="218">
        <v>384</v>
      </c>
      <c r="J10" s="218">
        <v>238</v>
      </c>
      <c r="K10" s="218">
        <v>125</v>
      </c>
      <c r="L10" s="219">
        <v>2171</v>
      </c>
      <c r="M10" s="221">
        <v>2192</v>
      </c>
      <c r="N10" s="222">
        <v>0</v>
      </c>
      <c r="O10" s="218">
        <v>0</v>
      </c>
      <c r="P10" s="219">
        <v>0</v>
      </c>
      <c r="Q10" s="220">
        <v>0</v>
      </c>
      <c r="R10" s="218">
        <v>12</v>
      </c>
      <c r="S10" s="218">
        <v>26</v>
      </c>
      <c r="T10" s="218">
        <v>6</v>
      </c>
      <c r="U10" s="218">
        <v>6</v>
      </c>
      <c r="V10" s="218">
        <v>2</v>
      </c>
      <c r="W10" s="219">
        <v>52</v>
      </c>
      <c r="X10" s="221">
        <v>52</v>
      </c>
      <c r="Y10" s="222">
        <v>11</v>
      </c>
      <c r="Z10" s="218">
        <v>10</v>
      </c>
      <c r="AA10" s="219">
        <v>21</v>
      </c>
      <c r="AB10" s="220">
        <v>0</v>
      </c>
      <c r="AC10" s="218">
        <v>779</v>
      </c>
      <c r="AD10" s="218">
        <v>683</v>
      </c>
      <c r="AE10" s="218">
        <v>390</v>
      </c>
      <c r="AF10" s="218">
        <v>244</v>
      </c>
      <c r="AG10" s="218">
        <v>127</v>
      </c>
      <c r="AH10" s="219">
        <v>2223</v>
      </c>
      <c r="AI10" s="221">
        <v>2244</v>
      </c>
    </row>
    <row r="11" spans="2:35" ht="21" customHeight="1" x14ac:dyDescent="0.2">
      <c r="B11" s="106" t="s">
        <v>9</v>
      </c>
      <c r="C11" s="217">
        <v>6</v>
      </c>
      <c r="D11" s="218">
        <v>3</v>
      </c>
      <c r="E11" s="219">
        <v>9</v>
      </c>
      <c r="F11" s="220">
        <v>0</v>
      </c>
      <c r="G11" s="218">
        <v>525</v>
      </c>
      <c r="H11" s="218">
        <v>394</v>
      </c>
      <c r="I11" s="218">
        <v>269</v>
      </c>
      <c r="J11" s="218">
        <v>209</v>
      </c>
      <c r="K11" s="218">
        <v>102</v>
      </c>
      <c r="L11" s="219">
        <v>1499</v>
      </c>
      <c r="M11" s="221">
        <v>1508</v>
      </c>
      <c r="N11" s="222">
        <v>0</v>
      </c>
      <c r="O11" s="218">
        <v>0</v>
      </c>
      <c r="P11" s="219">
        <v>0</v>
      </c>
      <c r="Q11" s="220">
        <v>0</v>
      </c>
      <c r="R11" s="218">
        <v>9</v>
      </c>
      <c r="S11" s="218">
        <v>16</v>
      </c>
      <c r="T11" s="218">
        <v>5</v>
      </c>
      <c r="U11" s="218">
        <v>2</v>
      </c>
      <c r="V11" s="218">
        <v>3</v>
      </c>
      <c r="W11" s="219">
        <v>35</v>
      </c>
      <c r="X11" s="221">
        <v>35</v>
      </c>
      <c r="Y11" s="222">
        <v>6</v>
      </c>
      <c r="Z11" s="218">
        <v>3</v>
      </c>
      <c r="AA11" s="219">
        <v>9</v>
      </c>
      <c r="AB11" s="220">
        <v>0</v>
      </c>
      <c r="AC11" s="218">
        <v>534</v>
      </c>
      <c r="AD11" s="218">
        <v>410</v>
      </c>
      <c r="AE11" s="218">
        <v>274</v>
      </c>
      <c r="AF11" s="218">
        <v>211</v>
      </c>
      <c r="AG11" s="218">
        <v>105</v>
      </c>
      <c r="AH11" s="219">
        <v>1534</v>
      </c>
      <c r="AI11" s="221">
        <v>1543</v>
      </c>
    </row>
    <row r="12" spans="2:35" ht="21" customHeight="1" x14ac:dyDescent="0.2">
      <c r="B12" s="106" t="s">
        <v>10</v>
      </c>
      <c r="C12" s="217">
        <v>10</v>
      </c>
      <c r="D12" s="218">
        <v>14</v>
      </c>
      <c r="E12" s="219">
        <v>24</v>
      </c>
      <c r="F12" s="220">
        <v>0</v>
      </c>
      <c r="G12" s="218">
        <v>882</v>
      </c>
      <c r="H12" s="218">
        <v>515</v>
      </c>
      <c r="I12" s="218">
        <v>383</v>
      </c>
      <c r="J12" s="218">
        <v>324</v>
      </c>
      <c r="K12" s="218">
        <v>222</v>
      </c>
      <c r="L12" s="219">
        <v>2326</v>
      </c>
      <c r="M12" s="221">
        <v>2350</v>
      </c>
      <c r="N12" s="222">
        <v>0</v>
      </c>
      <c r="O12" s="218">
        <v>1</v>
      </c>
      <c r="P12" s="219">
        <v>1</v>
      </c>
      <c r="Q12" s="220">
        <v>0</v>
      </c>
      <c r="R12" s="218">
        <v>10</v>
      </c>
      <c r="S12" s="218">
        <v>10</v>
      </c>
      <c r="T12" s="218">
        <v>14</v>
      </c>
      <c r="U12" s="218">
        <v>6</v>
      </c>
      <c r="V12" s="218">
        <v>5</v>
      </c>
      <c r="W12" s="219">
        <v>45</v>
      </c>
      <c r="X12" s="221">
        <v>46</v>
      </c>
      <c r="Y12" s="222">
        <v>10</v>
      </c>
      <c r="Z12" s="218">
        <v>15</v>
      </c>
      <c r="AA12" s="219">
        <v>25</v>
      </c>
      <c r="AB12" s="220">
        <v>0</v>
      </c>
      <c r="AC12" s="218">
        <v>892</v>
      </c>
      <c r="AD12" s="218">
        <v>525</v>
      </c>
      <c r="AE12" s="218">
        <v>397</v>
      </c>
      <c r="AF12" s="218">
        <v>330</v>
      </c>
      <c r="AG12" s="218">
        <v>227</v>
      </c>
      <c r="AH12" s="219">
        <v>2371</v>
      </c>
      <c r="AI12" s="221">
        <v>2396</v>
      </c>
    </row>
    <row r="13" spans="2:35" ht="21" customHeight="1" x14ac:dyDescent="0.2">
      <c r="B13" s="106" t="s">
        <v>11</v>
      </c>
      <c r="C13" s="217">
        <v>2</v>
      </c>
      <c r="D13" s="218">
        <v>8</v>
      </c>
      <c r="E13" s="219">
        <v>10</v>
      </c>
      <c r="F13" s="220">
        <v>0</v>
      </c>
      <c r="G13" s="218">
        <v>644</v>
      </c>
      <c r="H13" s="218">
        <v>470</v>
      </c>
      <c r="I13" s="218">
        <v>310</v>
      </c>
      <c r="J13" s="218">
        <v>188</v>
      </c>
      <c r="K13" s="218">
        <v>82</v>
      </c>
      <c r="L13" s="219">
        <v>1694</v>
      </c>
      <c r="M13" s="221">
        <v>1704</v>
      </c>
      <c r="N13" s="222">
        <v>0</v>
      </c>
      <c r="O13" s="218">
        <v>0</v>
      </c>
      <c r="P13" s="219">
        <v>0</v>
      </c>
      <c r="Q13" s="220">
        <v>0</v>
      </c>
      <c r="R13" s="218">
        <v>6</v>
      </c>
      <c r="S13" s="218">
        <v>2</v>
      </c>
      <c r="T13" s="218">
        <v>6</v>
      </c>
      <c r="U13" s="218">
        <v>7</v>
      </c>
      <c r="V13" s="218">
        <v>2</v>
      </c>
      <c r="W13" s="219">
        <v>23</v>
      </c>
      <c r="X13" s="221">
        <v>23</v>
      </c>
      <c r="Y13" s="222">
        <v>2</v>
      </c>
      <c r="Z13" s="218">
        <v>8</v>
      </c>
      <c r="AA13" s="219">
        <v>10</v>
      </c>
      <c r="AB13" s="220">
        <v>0</v>
      </c>
      <c r="AC13" s="218">
        <v>650</v>
      </c>
      <c r="AD13" s="218">
        <v>472</v>
      </c>
      <c r="AE13" s="218">
        <v>316</v>
      </c>
      <c r="AF13" s="218">
        <v>195</v>
      </c>
      <c r="AG13" s="218">
        <v>84</v>
      </c>
      <c r="AH13" s="219">
        <v>1717</v>
      </c>
      <c r="AI13" s="221">
        <v>1727</v>
      </c>
    </row>
    <row r="14" spans="2:35" ht="21" customHeight="1" x14ac:dyDescent="0.2">
      <c r="B14" s="106" t="s">
        <v>12</v>
      </c>
      <c r="C14" s="217">
        <v>0</v>
      </c>
      <c r="D14" s="218">
        <v>4</v>
      </c>
      <c r="E14" s="219">
        <v>4</v>
      </c>
      <c r="F14" s="220">
        <v>0</v>
      </c>
      <c r="G14" s="218">
        <v>463</v>
      </c>
      <c r="H14" s="218">
        <v>364</v>
      </c>
      <c r="I14" s="218">
        <v>260</v>
      </c>
      <c r="J14" s="218">
        <v>187</v>
      </c>
      <c r="K14" s="218">
        <v>123</v>
      </c>
      <c r="L14" s="219">
        <v>1397</v>
      </c>
      <c r="M14" s="221">
        <v>1401</v>
      </c>
      <c r="N14" s="222">
        <v>0</v>
      </c>
      <c r="O14" s="218">
        <v>0</v>
      </c>
      <c r="P14" s="219">
        <v>0</v>
      </c>
      <c r="Q14" s="220">
        <v>0</v>
      </c>
      <c r="R14" s="218">
        <v>4</v>
      </c>
      <c r="S14" s="218">
        <v>7</v>
      </c>
      <c r="T14" s="218">
        <v>5</v>
      </c>
      <c r="U14" s="218">
        <v>2</v>
      </c>
      <c r="V14" s="218">
        <v>2</v>
      </c>
      <c r="W14" s="219">
        <v>20</v>
      </c>
      <c r="X14" s="221">
        <v>20</v>
      </c>
      <c r="Y14" s="222">
        <v>0</v>
      </c>
      <c r="Z14" s="218">
        <v>4</v>
      </c>
      <c r="AA14" s="219">
        <v>4</v>
      </c>
      <c r="AB14" s="220">
        <v>0</v>
      </c>
      <c r="AC14" s="218">
        <v>467</v>
      </c>
      <c r="AD14" s="218">
        <v>371</v>
      </c>
      <c r="AE14" s="218">
        <v>265</v>
      </c>
      <c r="AF14" s="218">
        <v>189</v>
      </c>
      <c r="AG14" s="218">
        <v>125</v>
      </c>
      <c r="AH14" s="219">
        <v>1417</v>
      </c>
      <c r="AI14" s="221">
        <v>1421</v>
      </c>
    </row>
    <row r="15" spans="2:35" ht="21" customHeight="1" x14ac:dyDescent="0.2">
      <c r="B15" s="106" t="s">
        <v>13</v>
      </c>
      <c r="C15" s="217">
        <v>5</v>
      </c>
      <c r="D15" s="218">
        <v>1</v>
      </c>
      <c r="E15" s="219">
        <v>6</v>
      </c>
      <c r="F15" s="220">
        <v>0</v>
      </c>
      <c r="G15" s="218">
        <v>197</v>
      </c>
      <c r="H15" s="218">
        <v>198</v>
      </c>
      <c r="I15" s="218">
        <v>100</v>
      </c>
      <c r="J15" s="218">
        <v>63</v>
      </c>
      <c r="K15" s="218">
        <v>46</v>
      </c>
      <c r="L15" s="219">
        <v>604</v>
      </c>
      <c r="M15" s="221">
        <v>610</v>
      </c>
      <c r="N15" s="222">
        <v>0</v>
      </c>
      <c r="O15" s="218">
        <v>0</v>
      </c>
      <c r="P15" s="219">
        <v>0</v>
      </c>
      <c r="Q15" s="220">
        <v>0</v>
      </c>
      <c r="R15" s="218">
        <v>2</v>
      </c>
      <c r="S15" s="218">
        <v>0</v>
      </c>
      <c r="T15" s="218">
        <v>3</v>
      </c>
      <c r="U15" s="218">
        <v>1</v>
      </c>
      <c r="V15" s="218">
        <v>1</v>
      </c>
      <c r="W15" s="219">
        <v>7</v>
      </c>
      <c r="X15" s="221">
        <v>7</v>
      </c>
      <c r="Y15" s="222">
        <v>5</v>
      </c>
      <c r="Z15" s="218">
        <v>1</v>
      </c>
      <c r="AA15" s="219">
        <v>6</v>
      </c>
      <c r="AB15" s="220">
        <v>0</v>
      </c>
      <c r="AC15" s="218">
        <v>199</v>
      </c>
      <c r="AD15" s="218">
        <v>198</v>
      </c>
      <c r="AE15" s="218">
        <v>103</v>
      </c>
      <c r="AF15" s="218">
        <v>64</v>
      </c>
      <c r="AG15" s="218">
        <v>47</v>
      </c>
      <c r="AH15" s="219">
        <v>611</v>
      </c>
      <c r="AI15" s="221">
        <v>617</v>
      </c>
    </row>
    <row r="16" spans="2:35" ht="21" customHeight="1" x14ac:dyDescent="0.2">
      <c r="B16" s="106" t="s">
        <v>15</v>
      </c>
      <c r="C16" s="217">
        <v>1</v>
      </c>
      <c r="D16" s="218">
        <v>14</v>
      </c>
      <c r="E16" s="219">
        <v>15</v>
      </c>
      <c r="F16" s="220">
        <v>0</v>
      </c>
      <c r="G16" s="218">
        <v>274</v>
      </c>
      <c r="H16" s="218">
        <v>284</v>
      </c>
      <c r="I16" s="218">
        <v>128</v>
      </c>
      <c r="J16" s="218">
        <v>80</v>
      </c>
      <c r="K16" s="218">
        <v>52</v>
      </c>
      <c r="L16" s="219">
        <v>818</v>
      </c>
      <c r="M16" s="221">
        <v>833</v>
      </c>
      <c r="N16" s="222">
        <v>0</v>
      </c>
      <c r="O16" s="218">
        <v>0</v>
      </c>
      <c r="P16" s="219">
        <v>0</v>
      </c>
      <c r="Q16" s="220">
        <v>0</v>
      </c>
      <c r="R16" s="218">
        <v>3</v>
      </c>
      <c r="S16" s="218">
        <v>2</v>
      </c>
      <c r="T16" s="218">
        <v>3</v>
      </c>
      <c r="U16" s="218">
        <v>2</v>
      </c>
      <c r="V16" s="218">
        <v>0</v>
      </c>
      <c r="W16" s="219">
        <v>10</v>
      </c>
      <c r="X16" s="221">
        <v>10</v>
      </c>
      <c r="Y16" s="222">
        <v>1</v>
      </c>
      <c r="Z16" s="218">
        <v>14</v>
      </c>
      <c r="AA16" s="219">
        <v>15</v>
      </c>
      <c r="AB16" s="220">
        <v>0</v>
      </c>
      <c r="AC16" s="218">
        <v>277</v>
      </c>
      <c r="AD16" s="218">
        <v>286</v>
      </c>
      <c r="AE16" s="218">
        <v>131</v>
      </c>
      <c r="AF16" s="218">
        <v>82</v>
      </c>
      <c r="AG16" s="218">
        <v>52</v>
      </c>
      <c r="AH16" s="219">
        <v>828</v>
      </c>
      <c r="AI16" s="221">
        <v>843</v>
      </c>
    </row>
    <row r="17" spans="2:35" ht="21" customHeight="1" x14ac:dyDescent="0.2">
      <c r="B17" s="106" t="s">
        <v>16</v>
      </c>
      <c r="C17" s="217">
        <v>5</v>
      </c>
      <c r="D17" s="218">
        <v>4</v>
      </c>
      <c r="E17" s="219">
        <v>9</v>
      </c>
      <c r="F17" s="220">
        <v>0</v>
      </c>
      <c r="G17" s="218">
        <v>215</v>
      </c>
      <c r="H17" s="218">
        <v>270</v>
      </c>
      <c r="I17" s="218">
        <v>161</v>
      </c>
      <c r="J17" s="218">
        <v>120</v>
      </c>
      <c r="K17" s="218">
        <v>75</v>
      </c>
      <c r="L17" s="219">
        <v>841</v>
      </c>
      <c r="M17" s="221">
        <v>850</v>
      </c>
      <c r="N17" s="222">
        <v>0</v>
      </c>
      <c r="O17" s="218">
        <v>0</v>
      </c>
      <c r="P17" s="219">
        <v>0</v>
      </c>
      <c r="Q17" s="220">
        <v>0</v>
      </c>
      <c r="R17" s="218">
        <v>3</v>
      </c>
      <c r="S17" s="218">
        <v>3</v>
      </c>
      <c r="T17" s="218">
        <v>6</v>
      </c>
      <c r="U17" s="218">
        <v>2</v>
      </c>
      <c r="V17" s="218">
        <v>1</v>
      </c>
      <c r="W17" s="219">
        <v>15</v>
      </c>
      <c r="X17" s="221">
        <v>15</v>
      </c>
      <c r="Y17" s="222">
        <v>5</v>
      </c>
      <c r="Z17" s="218">
        <v>4</v>
      </c>
      <c r="AA17" s="219">
        <v>9</v>
      </c>
      <c r="AB17" s="220">
        <v>0</v>
      </c>
      <c r="AC17" s="218">
        <v>218</v>
      </c>
      <c r="AD17" s="218">
        <v>273</v>
      </c>
      <c r="AE17" s="218">
        <v>167</v>
      </c>
      <c r="AF17" s="218">
        <v>122</v>
      </c>
      <c r="AG17" s="218">
        <v>76</v>
      </c>
      <c r="AH17" s="219">
        <v>856</v>
      </c>
      <c r="AI17" s="221">
        <v>865</v>
      </c>
    </row>
    <row r="18" spans="2:35" ht="21" customHeight="1" x14ac:dyDescent="0.2">
      <c r="B18" s="106" t="s">
        <v>17</v>
      </c>
      <c r="C18" s="217">
        <v>7</v>
      </c>
      <c r="D18" s="218">
        <v>3</v>
      </c>
      <c r="E18" s="219">
        <v>10</v>
      </c>
      <c r="F18" s="220">
        <v>0</v>
      </c>
      <c r="G18" s="218">
        <v>351</v>
      </c>
      <c r="H18" s="218">
        <v>476</v>
      </c>
      <c r="I18" s="218">
        <v>321</v>
      </c>
      <c r="J18" s="218">
        <v>217</v>
      </c>
      <c r="K18" s="218">
        <v>124</v>
      </c>
      <c r="L18" s="219">
        <v>1489</v>
      </c>
      <c r="M18" s="221">
        <v>1499</v>
      </c>
      <c r="N18" s="222">
        <v>0</v>
      </c>
      <c r="O18" s="218">
        <v>0</v>
      </c>
      <c r="P18" s="219">
        <v>0</v>
      </c>
      <c r="Q18" s="220">
        <v>0</v>
      </c>
      <c r="R18" s="218">
        <v>5</v>
      </c>
      <c r="S18" s="218">
        <v>18</v>
      </c>
      <c r="T18" s="218">
        <v>8</v>
      </c>
      <c r="U18" s="218">
        <v>6</v>
      </c>
      <c r="V18" s="218">
        <v>3</v>
      </c>
      <c r="W18" s="219">
        <v>40</v>
      </c>
      <c r="X18" s="221">
        <v>40</v>
      </c>
      <c r="Y18" s="222">
        <v>7</v>
      </c>
      <c r="Z18" s="218">
        <v>3</v>
      </c>
      <c r="AA18" s="219">
        <v>10</v>
      </c>
      <c r="AB18" s="220">
        <v>0</v>
      </c>
      <c r="AC18" s="218">
        <v>356</v>
      </c>
      <c r="AD18" s="218">
        <v>494</v>
      </c>
      <c r="AE18" s="218">
        <v>329</v>
      </c>
      <c r="AF18" s="218">
        <v>223</v>
      </c>
      <c r="AG18" s="218">
        <v>127</v>
      </c>
      <c r="AH18" s="219">
        <v>1529</v>
      </c>
      <c r="AI18" s="221">
        <v>1539</v>
      </c>
    </row>
    <row r="19" spans="2:35" ht="21" customHeight="1" x14ac:dyDescent="0.2">
      <c r="B19" s="106" t="s">
        <v>18</v>
      </c>
      <c r="C19" s="217">
        <v>6</v>
      </c>
      <c r="D19" s="218">
        <v>10</v>
      </c>
      <c r="E19" s="219">
        <v>16</v>
      </c>
      <c r="F19" s="220">
        <v>0</v>
      </c>
      <c r="G19" s="218">
        <v>451</v>
      </c>
      <c r="H19" s="218">
        <v>354</v>
      </c>
      <c r="I19" s="218">
        <v>265</v>
      </c>
      <c r="J19" s="218">
        <v>169</v>
      </c>
      <c r="K19" s="218">
        <v>95</v>
      </c>
      <c r="L19" s="219">
        <v>1334</v>
      </c>
      <c r="M19" s="221">
        <v>1350</v>
      </c>
      <c r="N19" s="222">
        <v>0</v>
      </c>
      <c r="O19" s="218">
        <v>0</v>
      </c>
      <c r="P19" s="219">
        <v>0</v>
      </c>
      <c r="Q19" s="220">
        <v>0</v>
      </c>
      <c r="R19" s="218">
        <v>4</v>
      </c>
      <c r="S19" s="218">
        <v>8</v>
      </c>
      <c r="T19" s="218">
        <v>1</v>
      </c>
      <c r="U19" s="218">
        <v>5</v>
      </c>
      <c r="V19" s="218">
        <v>4</v>
      </c>
      <c r="W19" s="219">
        <v>22</v>
      </c>
      <c r="X19" s="221">
        <v>22</v>
      </c>
      <c r="Y19" s="222">
        <v>6</v>
      </c>
      <c r="Z19" s="218">
        <v>10</v>
      </c>
      <c r="AA19" s="219">
        <v>16</v>
      </c>
      <c r="AB19" s="220">
        <v>0</v>
      </c>
      <c r="AC19" s="218">
        <v>455</v>
      </c>
      <c r="AD19" s="218">
        <v>362</v>
      </c>
      <c r="AE19" s="218">
        <v>266</v>
      </c>
      <c r="AF19" s="218">
        <v>174</v>
      </c>
      <c r="AG19" s="218">
        <v>99</v>
      </c>
      <c r="AH19" s="219">
        <v>1356</v>
      </c>
      <c r="AI19" s="221">
        <v>1372</v>
      </c>
    </row>
    <row r="20" spans="2:35" ht="21" customHeight="1" x14ac:dyDescent="0.2">
      <c r="B20" s="106" t="s">
        <v>19</v>
      </c>
      <c r="C20" s="217">
        <v>2</v>
      </c>
      <c r="D20" s="218">
        <v>3</v>
      </c>
      <c r="E20" s="219">
        <v>5</v>
      </c>
      <c r="F20" s="220">
        <v>0</v>
      </c>
      <c r="G20" s="218">
        <v>211</v>
      </c>
      <c r="H20" s="218">
        <v>166</v>
      </c>
      <c r="I20" s="218">
        <v>120</v>
      </c>
      <c r="J20" s="218">
        <v>74</v>
      </c>
      <c r="K20" s="218">
        <v>56</v>
      </c>
      <c r="L20" s="219">
        <v>627</v>
      </c>
      <c r="M20" s="221">
        <v>632</v>
      </c>
      <c r="N20" s="222">
        <v>0</v>
      </c>
      <c r="O20" s="218">
        <v>0</v>
      </c>
      <c r="P20" s="219">
        <v>0</v>
      </c>
      <c r="Q20" s="220">
        <v>0</v>
      </c>
      <c r="R20" s="218">
        <v>1</v>
      </c>
      <c r="S20" s="218">
        <v>2</v>
      </c>
      <c r="T20" s="218">
        <v>0</v>
      </c>
      <c r="U20" s="218">
        <v>3</v>
      </c>
      <c r="V20" s="218">
        <v>1</v>
      </c>
      <c r="W20" s="219">
        <v>7</v>
      </c>
      <c r="X20" s="221">
        <v>7</v>
      </c>
      <c r="Y20" s="222">
        <v>2</v>
      </c>
      <c r="Z20" s="218">
        <v>3</v>
      </c>
      <c r="AA20" s="219">
        <v>5</v>
      </c>
      <c r="AB20" s="220">
        <v>0</v>
      </c>
      <c r="AC20" s="218">
        <v>212</v>
      </c>
      <c r="AD20" s="218">
        <v>168</v>
      </c>
      <c r="AE20" s="218">
        <v>120</v>
      </c>
      <c r="AF20" s="218">
        <v>77</v>
      </c>
      <c r="AG20" s="218">
        <v>57</v>
      </c>
      <c r="AH20" s="219">
        <v>634</v>
      </c>
      <c r="AI20" s="221">
        <v>639</v>
      </c>
    </row>
    <row r="21" spans="2:35" ht="21" customHeight="1" x14ac:dyDescent="0.2">
      <c r="B21" s="106" t="s">
        <v>20</v>
      </c>
      <c r="C21" s="217">
        <v>1</v>
      </c>
      <c r="D21" s="218">
        <v>0</v>
      </c>
      <c r="E21" s="219">
        <v>1</v>
      </c>
      <c r="F21" s="220">
        <v>0</v>
      </c>
      <c r="G21" s="218">
        <v>271</v>
      </c>
      <c r="H21" s="218">
        <v>165</v>
      </c>
      <c r="I21" s="218">
        <v>142</v>
      </c>
      <c r="J21" s="218">
        <v>45</v>
      </c>
      <c r="K21" s="218">
        <v>28</v>
      </c>
      <c r="L21" s="219">
        <v>651</v>
      </c>
      <c r="M21" s="221">
        <v>652</v>
      </c>
      <c r="N21" s="222">
        <v>0</v>
      </c>
      <c r="O21" s="218">
        <v>0</v>
      </c>
      <c r="P21" s="219">
        <v>0</v>
      </c>
      <c r="Q21" s="220">
        <v>0</v>
      </c>
      <c r="R21" s="218">
        <v>5</v>
      </c>
      <c r="S21" s="218">
        <v>5</v>
      </c>
      <c r="T21" s="218">
        <v>2</v>
      </c>
      <c r="U21" s="218">
        <v>0</v>
      </c>
      <c r="V21" s="218">
        <v>1</v>
      </c>
      <c r="W21" s="219">
        <v>13</v>
      </c>
      <c r="X21" s="221">
        <v>13</v>
      </c>
      <c r="Y21" s="222">
        <v>1</v>
      </c>
      <c r="Z21" s="218">
        <v>0</v>
      </c>
      <c r="AA21" s="219">
        <v>1</v>
      </c>
      <c r="AB21" s="220">
        <v>0</v>
      </c>
      <c r="AC21" s="218">
        <v>276</v>
      </c>
      <c r="AD21" s="218">
        <v>170</v>
      </c>
      <c r="AE21" s="218">
        <v>144</v>
      </c>
      <c r="AF21" s="218">
        <v>45</v>
      </c>
      <c r="AG21" s="218">
        <v>29</v>
      </c>
      <c r="AH21" s="219">
        <v>664</v>
      </c>
      <c r="AI21" s="221">
        <v>665</v>
      </c>
    </row>
    <row r="22" spans="2:35" ht="21" customHeight="1" x14ac:dyDescent="0.2">
      <c r="B22" s="106" t="s">
        <v>21</v>
      </c>
      <c r="C22" s="217">
        <v>0</v>
      </c>
      <c r="D22" s="218">
        <v>1</v>
      </c>
      <c r="E22" s="219">
        <v>1</v>
      </c>
      <c r="F22" s="220">
        <v>0</v>
      </c>
      <c r="G22" s="218">
        <v>255</v>
      </c>
      <c r="H22" s="218">
        <v>219</v>
      </c>
      <c r="I22" s="218">
        <v>142</v>
      </c>
      <c r="J22" s="218">
        <v>50</v>
      </c>
      <c r="K22" s="218">
        <v>34</v>
      </c>
      <c r="L22" s="219">
        <v>700</v>
      </c>
      <c r="M22" s="221">
        <v>701</v>
      </c>
      <c r="N22" s="222">
        <v>0</v>
      </c>
      <c r="O22" s="218">
        <v>0</v>
      </c>
      <c r="P22" s="219">
        <v>0</v>
      </c>
      <c r="Q22" s="220">
        <v>0</v>
      </c>
      <c r="R22" s="218">
        <v>1</v>
      </c>
      <c r="S22" s="218">
        <v>5</v>
      </c>
      <c r="T22" s="218">
        <v>4</v>
      </c>
      <c r="U22" s="218">
        <v>0</v>
      </c>
      <c r="V22" s="218">
        <v>2</v>
      </c>
      <c r="W22" s="219">
        <v>12</v>
      </c>
      <c r="X22" s="221">
        <v>12</v>
      </c>
      <c r="Y22" s="222">
        <v>0</v>
      </c>
      <c r="Z22" s="218">
        <v>1</v>
      </c>
      <c r="AA22" s="219">
        <v>1</v>
      </c>
      <c r="AB22" s="220">
        <v>0</v>
      </c>
      <c r="AC22" s="218">
        <v>256</v>
      </c>
      <c r="AD22" s="218">
        <v>224</v>
      </c>
      <c r="AE22" s="218">
        <v>146</v>
      </c>
      <c r="AF22" s="218">
        <v>50</v>
      </c>
      <c r="AG22" s="218">
        <v>36</v>
      </c>
      <c r="AH22" s="219">
        <v>712</v>
      </c>
      <c r="AI22" s="221">
        <v>713</v>
      </c>
    </row>
    <row r="23" spans="2:35" ht="21" customHeight="1" x14ac:dyDescent="0.2">
      <c r="B23" s="106" t="s">
        <v>22</v>
      </c>
      <c r="C23" s="217">
        <v>5</v>
      </c>
      <c r="D23" s="218">
        <v>3</v>
      </c>
      <c r="E23" s="219">
        <v>8</v>
      </c>
      <c r="F23" s="220">
        <v>0</v>
      </c>
      <c r="G23" s="218">
        <v>152</v>
      </c>
      <c r="H23" s="218">
        <v>153</v>
      </c>
      <c r="I23" s="218">
        <v>92</v>
      </c>
      <c r="J23" s="218">
        <v>65</v>
      </c>
      <c r="K23" s="218">
        <v>28</v>
      </c>
      <c r="L23" s="219">
        <v>490</v>
      </c>
      <c r="M23" s="221">
        <v>498</v>
      </c>
      <c r="N23" s="222">
        <v>0</v>
      </c>
      <c r="O23" s="218">
        <v>0</v>
      </c>
      <c r="P23" s="219">
        <v>0</v>
      </c>
      <c r="Q23" s="220">
        <v>0</v>
      </c>
      <c r="R23" s="218">
        <v>1</v>
      </c>
      <c r="S23" s="218">
        <v>1</v>
      </c>
      <c r="T23" s="218">
        <v>1</v>
      </c>
      <c r="U23" s="218">
        <v>0</v>
      </c>
      <c r="V23" s="218">
        <v>0</v>
      </c>
      <c r="W23" s="219">
        <v>3</v>
      </c>
      <c r="X23" s="221">
        <v>3</v>
      </c>
      <c r="Y23" s="222">
        <v>5</v>
      </c>
      <c r="Z23" s="218">
        <v>3</v>
      </c>
      <c r="AA23" s="219">
        <v>8</v>
      </c>
      <c r="AB23" s="220">
        <v>0</v>
      </c>
      <c r="AC23" s="218">
        <v>153</v>
      </c>
      <c r="AD23" s="218">
        <v>154</v>
      </c>
      <c r="AE23" s="218">
        <v>93</v>
      </c>
      <c r="AF23" s="218">
        <v>65</v>
      </c>
      <c r="AG23" s="218">
        <v>28</v>
      </c>
      <c r="AH23" s="219">
        <v>493</v>
      </c>
      <c r="AI23" s="221">
        <v>501</v>
      </c>
    </row>
    <row r="24" spans="2:35" ht="21" customHeight="1" x14ac:dyDescent="0.2">
      <c r="B24" s="106" t="s">
        <v>23</v>
      </c>
      <c r="C24" s="217">
        <v>1</v>
      </c>
      <c r="D24" s="218">
        <v>0</v>
      </c>
      <c r="E24" s="219">
        <v>1</v>
      </c>
      <c r="F24" s="220">
        <v>0</v>
      </c>
      <c r="G24" s="218">
        <v>114</v>
      </c>
      <c r="H24" s="218">
        <v>89</v>
      </c>
      <c r="I24" s="218">
        <v>55</v>
      </c>
      <c r="J24" s="218">
        <v>44</v>
      </c>
      <c r="K24" s="218">
        <v>25</v>
      </c>
      <c r="L24" s="219">
        <v>327</v>
      </c>
      <c r="M24" s="221">
        <v>328</v>
      </c>
      <c r="N24" s="222">
        <v>0</v>
      </c>
      <c r="O24" s="218">
        <v>0</v>
      </c>
      <c r="P24" s="219">
        <v>0</v>
      </c>
      <c r="Q24" s="220">
        <v>0</v>
      </c>
      <c r="R24" s="218">
        <v>1</v>
      </c>
      <c r="S24" s="218">
        <v>0</v>
      </c>
      <c r="T24" s="218">
        <v>2</v>
      </c>
      <c r="U24" s="218">
        <v>0</v>
      </c>
      <c r="V24" s="218">
        <v>0</v>
      </c>
      <c r="W24" s="219">
        <v>3</v>
      </c>
      <c r="X24" s="221">
        <v>3</v>
      </c>
      <c r="Y24" s="222">
        <v>1</v>
      </c>
      <c r="Z24" s="218">
        <v>0</v>
      </c>
      <c r="AA24" s="219">
        <v>1</v>
      </c>
      <c r="AB24" s="220">
        <v>0</v>
      </c>
      <c r="AC24" s="218">
        <v>115</v>
      </c>
      <c r="AD24" s="218">
        <v>89</v>
      </c>
      <c r="AE24" s="218">
        <v>57</v>
      </c>
      <c r="AF24" s="218">
        <v>44</v>
      </c>
      <c r="AG24" s="218">
        <v>25</v>
      </c>
      <c r="AH24" s="219">
        <v>330</v>
      </c>
      <c r="AI24" s="221">
        <v>331</v>
      </c>
    </row>
    <row r="25" spans="2:35" ht="21" customHeight="1" x14ac:dyDescent="0.2">
      <c r="B25" s="106" t="s">
        <v>24</v>
      </c>
      <c r="C25" s="217">
        <v>4</v>
      </c>
      <c r="D25" s="218">
        <v>1</v>
      </c>
      <c r="E25" s="219">
        <v>5</v>
      </c>
      <c r="F25" s="220">
        <v>0</v>
      </c>
      <c r="G25" s="218">
        <v>46</v>
      </c>
      <c r="H25" s="218">
        <v>37</v>
      </c>
      <c r="I25" s="218">
        <v>26</v>
      </c>
      <c r="J25" s="218">
        <v>15</v>
      </c>
      <c r="K25" s="218">
        <v>10</v>
      </c>
      <c r="L25" s="219">
        <v>134</v>
      </c>
      <c r="M25" s="221">
        <v>139</v>
      </c>
      <c r="N25" s="222">
        <v>0</v>
      </c>
      <c r="O25" s="218">
        <v>0</v>
      </c>
      <c r="P25" s="219">
        <v>0</v>
      </c>
      <c r="Q25" s="220">
        <v>0</v>
      </c>
      <c r="R25" s="218">
        <v>0</v>
      </c>
      <c r="S25" s="218">
        <v>0</v>
      </c>
      <c r="T25" s="218">
        <v>0</v>
      </c>
      <c r="U25" s="218">
        <v>0</v>
      </c>
      <c r="V25" s="218">
        <v>0</v>
      </c>
      <c r="W25" s="219">
        <v>0</v>
      </c>
      <c r="X25" s="221">
        <v>0</v>
      </c>
      <c r="Y25" s="222">
        <v>4</v>
      </c>
      <c r="Z25" s="218">
        <v>1</v>
      </c>
      <c r="AA25" s="219">
        <v>5</v>
      </c>
      <c r="AB25" s="220">
        <v>0</v>
      </c>
      <c r="AC25" s="218">
        <v>46</v>
      </c>
      <c r="AD25" s="218">
        <v>37</v>
      </c>
      <c r="AE25" s="218">
        <v>26</v>
      </c>
      <c r="AF25" s="218">
        <v>15</v>
      </c>
      <c r="AG25" s="218">
        <v>10</v>
      </c>
      <c r="AH25" s="219">
        <v>134</v>
      </c>
      <c r="AI25" s="221">
        <v>139</v>
      </c>
    </row>
    <row r="26" spans="2:35" ht="21" customHeight="1" x14ac:dyDescent="0.2">
      <c r="B26" s="106" t="s">
        <v>25</v>
      </c>
      <c r="C26" s="217">
        <v>0</v>
      </c>
      <c r="D26" s="218">
        <v>3</v>
      </c>
      <c r="E26" s="219">
        <v>3</v>
      </c>
      <c r="F26" s="220">
        <v>0</v>
      </c>
      <c r="G26" s="218">
        <v>96</v>
      </c>
      <c r="H26" s="218">
        <v>57</v>
      </c>
      <c r="I26" s="218">
        <v>25</v>
      </c>
      <c r="J26" s="218">
        <v>13</v>
      </c>
      <c r="K26" s="218">
        <v>5</v>
      </c>
      <c r="L26" s="219">
        <v>196</v>
      </c>
      <c r="M26" s="221">
        <v>199</v>
      </c>
      <c r="N26" s="222">
        <v>0</v>
      </c>
      <c r="O26" s="218">
        <v>0</v>
      </c>
      <c r="P26" s="219">
        <v>0</v>
      </c>
      <c r="Q26" s="220">
        <v>0</v>
      </c>
      <c r="R26" s="218">
        <v>0</v>
      </c>
      <c r="S26" s="218">
        <v>1</v>
      </c>
      <c r="T26" s="218">
        <v>1</v>
      </c>
      <c r="U26" s="218">
        <v>0</v>
      </c>
      <c r="V26" s="218">
        <v>0</v>
      </c>
      <c r="W26" s="219">
        <v>2</v>
      </c>
      <c r="X26" s="221">
        <v>2</v>
      </c>
      <c r="Y26" s="222">
        <v>0</v>
      </c>
      <c r="Z26" s="218">
        <v>3</v>
      </c>
      <c r="AA26" s="219">
        <v>3</v>
      </c>
      <c r="AB26" s="220">
        <v>0</v>
      </c>
      <c r="AC26" s="218">
        <v>96</v>
      </c>
      <c r="AD26" s="218">
        <v>58</v>
      </c>
      <c r="AE26" s="218">
        <v>26</v>
      </c>
      <c r="AF26" s="218">
        <v>13</v>
      </c>
      <c r="AG26" s="218">
        <v>5</v>
      </c>
      <c r="AH26" s="219">
        <v>198</v>
      </c>
      <c r="AI26" s="221">
        <v>201</v>
      </c>
    </row>
    <row r="27" spans="2:35" ht="21" customHeight="1" x14ac:dyDescent="0.2">
      <c r="B27" s="106" t="s">
        <v>26</v>
      </c>
      <c r="C27" s="217">
        <v>0</v>
      </c>
      <c r="D27" s="218">
        <v>0</v>
      </c>
      <c r="E27" s="219">
        <v>0</v>
      </c>
      <c r="F27" s="220">
        <v>0</v>
      </c>
      <c r="G27" s="218">
        <v>64</v>
      </c>
      <c r="H27" s="218">
        <v>76</v>
      </c>
      <c r="I27" s="218">
        <v>49</v>
      </c>
      <c r="J27" s="218">
        <v>24</v>
      </c>
      <c r="K27" s="218">
        <v>10</v>
      </c>
      <c r="L27" s="219">
        <v>223</v>
      </c>
      <c r="M27" s="221">
        <v>223</v>
      </c>
      <c r="N27" s="222">
        <v>0</v>
      </c>
      <c r="O27" s="218">
        <v>0</v>
      </c>
      <c r="P27" s="219">
        <v>0</v>
      </c>
      <c r="Q27" s="220">
        <v>0</v>
      </c>
      <c r="R27" s="218">
        <v>0</v>
      </c>
      <c r="S27" s="218">
        <v>1</v>
      </c>
      <c r="T27" s="218">
        <v>0</v>
      </c>
      <c r="U27" s="218">
        <v>0</v>
      </c>
      <c r="V27" s="218">
        <v>0</v>
      </c>
      <c r="W27" s="219">
        <v>1</v>
      </c>
      <c r="X27" s="221">
        <v>1</v>
      </c>
      <c r="Y27" s="222">
        <v>0</v>
      </c>
      <c r="Z27" s="218">
        <v>0</v>
      </c>
      <c r="AA27" s="219">
        <v>0</v>
      </c>
      <c r="AB27" s="220">
        <v>0</v>
      </c>
      <c r="AC27" s="218">
        <v>64</v>
      </c>
      <c r="AD27" s="218">
        <v>77</v>
      </c>
      <c r="AE27" s="218">
        <v>49</v>
      </c>
      <c r="AF27" s="218">
        <v>24</v>
      </c>
      <c r="AG27" s="218">
        <v>10</v>
      </c>
      <c r="AH27" s="219">
        <v>224</v>
      </c>
      <c r="AI27" s="221">
        <v>224</v>
      </c>
    </row>
    <row r="28" spans="2:35" ht="21" customHeight="1" x14ac:dyDescent="0.2">
      <c r="B28" s="106" t="s">
        <v>27</v>
      </c>
      <c r="C28" s="217">
        <v>0</v>
      </c>
      <c r="D28" s="218">
        <v>0</v>
      </c>
      <c r="E28" s="219">
        <v>0</v>
      </c>
      <c r="F28" s="220">
        <v>0</v>
      </c>
      <c r="G28" s="218">
        <v>65</v>
      </c>
      <c r="H28" s="218">
        <v>36</v>
      </c>
      <c r="I28" s="218">
        <v>32</v>
      </c>
      <c r="J28" s="218">
        <v>24</v>
      </c>
      <c r="K28" s="218">
        <v>15</v>
      </c>
      <c r="L28" s="219">
        <v>172</v>
      </c>
      <c r="M28" s="221">
        <v>172</v>
      </c>
      <c r="N28" s="222">
        <v>0</v>
      </c>
      <c r="O28" s="218">
        <v>0</v>
      </c>
      <c r="P28" s="219">
        <v>0</v>
      </c>
      <c r="Q28" s="220">
        <v>0</v>
      </c>
      <c r="R28" s="218">
        <v>0</v>
      </c>
      <c r="S28" s="218">
        <v>0</v>
      </c>
      <c r="T28" s="218">
        <v>1</v>
      </c>
      <c r="U28" s="218">
        <v>0</v>
      </c>
      <c r="V28" s="218">
        <v>0</v>
      </c>
      <c r="W28" s="219">
        <v>1</v>
      </c>
      <c r="X28" s="221">
        <v>1</v>
      </c>
      <c r="Y28" s="222">
        <v>0</v>
      </c>
      <c r="Z28" s="218">
        <v>0</v>
      </c>
      <c r="AA28" s="219">
        <v>0</v>
      </c>
      <c r="AB28" s="220">
        <v>0</v>
      </c>
      <c r="AC28" s="218">
        <v>65</v>
      </c>
      <c r="AD28" s="218">
        <v>36</v>
      </c>
      <c r="AE28" s="218">
        <v>33</v>
      </c>
      <c r="AF28" s="218">
        <v>24</v>
      </c>
      <c r="AG28" s="218">
        <v>15</v>
      </c>
      <c r="AH28" s="219">
        <v>173</v>
      </c>
      <c r="AI28" s="221">
        <v>173</v>
      </c>
    </row>
    <row r="29" spans="2:35" ht="21" customHeight="1" x14ac:dyDescent="0.2">
      <c r="B29" s="106" t="s">
        <v>28</v>
      </c>
      <c r="C29" s="217">
        <v>0</v>
      </c>
      <c r="D29" s="218">
        <v>0</v>
      </c>
      <c r="E29" s="219">
        <v>0</v>
      </c>
      <c r="F29" s="220">
        <v>0</v>
      </c>
      <c r="G29" s="218">
        <v>31</v>
      </c>
      <c r="H29" s="218">
        <v>21</v>
      </c>
      <c r="I29" s="218">
        <v>9</v>
      </c>
      <c r="J29" s="218">
        <v>6</v>
      </c>
      <c r="K29" s="218">
        <v>5</v>
      </c>
      <c r="L29" s="219">
        <v>72</v>
      </c>
      <c r="M29" s="221">
        <v>72</v>
      </c>
      <c r="N29" s="222">
        <v>0</v>
      </c>
      <c r="O29" s="218">
        <v>0</v>
      </c>
      <c r="P29" s="219">
        <v>0</v>
      </c>
      <c r="Q29" s="220">
        <v>0</v>
      </c>
      <c r="R29" s="218">
        <v>0</v>
      </c>
      <c r="S29" s="218">
        <v>0</v>
      </c>
      <c r="T29" s="218">
        <v>1</v>
      </c>
      <c r="U29" s="218">
        <v>0</v>
      </c>
      <c r="V29" s="218">
        <v>1</v>
      </c>
      <c r="W29" s="219">
        <v>2</v>
      </c>
      <c r="X29" s="221">
        <v>2</v>
      </c>
      <c r="Y29" s="222">
        <v>0</v>
      </c>
      <c r="Z29" s="218">
        <v>0</v>
      </c>
      <c r="AA29" s="219">
        <v>0</v>
      </c>
      <c r="AB29" s="220">
        <v>0</v>
      </c>
      <c r="AC29" s="218">
        <v>31</v>
      </c>
      <c r="AD29" s="218">
        <v>21</v>
      </c>
      <c r="AE29" s="218">
        <v>10</v>
      </c>
      <c r="AF29" s="218">
        <v>6</v>
      </c>
      <c r="AG29" s="218">
        <v>6</v>
      </c>
      <c r="AH29" s="219">
        <v>74</v>
      </c>
      <c r="AI29" s="221">
        <v>74</v>
      </c>
    </row>
    <row r="30" spans="2:35" ht="21" customHeight="1" x14ac:dyDescent="0.2">
      <c r="B30" s="106" t="s">
        <v>29</v>
      </c>
      <c r="C30" s="217">
        <v>1</v>
      </c>
      <c r="D30" s="218">
        <v>0</v>
      </c>
      <c r="E30" s="219">
        <v>1</v>
      </c>
      <c r="F30" s="220">
        <v>0</v>
      </c>
      <c r="G30" s="218">
        <v>25</v>
      </c>
      <c r="H30" s="218">
        <v>36</v>
      </c>
      <c r="I30" s="218">
        <v>33</v>
      </c>
      <c r="J30" s="218">
        <v>26</v>
      </c>
      <c r="K30" s="218">
        <v>8</v>
      </c>
      <c r="L30" s="219">
        <v>128</v>
      </c>
      <c r="M30" s="221">
        <v>129</v>
      </c>
      <c r="N30" s="222">
        <v>0</v>
      </c>
      <c r="O30" s="218">
        <v>0</v>
      </c>
      <c r="P30" s="219">
        <v>0</v>
      </c>
      <c r="Q30" s="220">
        <v>0</v>
      </c>
      <c r="R30" s="218">
        <v>0</v>
      </c>
      <c r="S30" s="218">
        <v>1</v>
      </c>
      <c r="T30" s="218">
        <v>0</v>
      </c>
      <c r="U30" s="218">
        <v>0</v>
      </c>
      <c r="V30" s="218">
        <v>0</v>
      </c>
      <c r="W30" s="219">
        <v>1</v>
      </c>
      <c r="X30" s="221">
        <v>1</v>
      </c>
      <c r="Y30" s="222">
        <v>1</v>
      </c>
      <c r="Z30" s="218">
        <v>0</v>
      </c>
      <c r="AA30" s="219">
        <v>1</v>
      </c>
      <c r="AB30" s="220">
        <v>0</v>
      </c>
      <c r="AC30" s="218">
        <v>25</v>
      </c>
      <c r="AD30" s="218">
        <v>37</v>
      </c>
      <c r="AE30" s="218">
        <v>33</v>
      </c>
      <c r="AF30" s="218">
        <v>26</v>
      </c>
      <c r="AG30" s="218">
        <v>8</v>
      </c>
      <c r="AH30" s="219">
        <v>129</v>
      </c>
      <c r="AI30" s="221">
        <v>130</v>
      </c>
    </row>
    <row r="31" spans="2:35" ht="21" customHeight="1" x14ac:dyDescent="0.2">
      <c r="B31" s="106" t="s">
        <v>30</v>
      </c>
      <c r="C31" s="217">
        <v>0</v>
      </c>
      <c r="D31" s="218">
        <v>0</v>
      </c>
      <c r="E31" s="219">
        <v>0</v>
      </c>
      <c r="F31" s="220">
        <v>0</v>
      </c>
      <c r="G31" s="218">
        <v>28</v>
      </c>
      <c r="H31" s="218">
        <v>21</v>
      </c>
      <c r="I31" s="218">
        <v>17</v>
      </c>
      <c r="J31" s="218">
        <v>5</v>
      </c>
      <c r="K31" s="218">
        <v>3</v>
      </c>
      <c r="L31" s="219">
        <v>74</v>
      </c>
      <c r="M31" s="221">
        <v>74</v>
      </c>
      <c r="N31" s="222">
        <v>0</v>
      </c>
      <c r="O31" s="218">
        <v>0</v>
      </c>
      <c r="P31" s="219">
        <v>0</v>
      </c>
      <c r="Q31" s="220">
        <v>0</v>
      </c>
      <c r="R31" s="218">
        <v>1</v>
      </c>
      <c r="S31" s="218">
        <v>0</v>
      </c>
      <c r="T31" s="218">
        <v>0</v>
      </c>
      <c r="U31" s="218">
        <v>0</v>
      </c>
      <c r="V31" s="218">
        <v>0</v>
      </c>
      <c r="W31" s="219">
        <v>1</v>
      </c>
      <c r="X31" s="221">
        <v>1</v>
      </c>
      <c r="Y31" s="222">
        <v>0</v>
      </c>
      <c r="Z31" s="218">
        <v>0</v>
      </c>
      <c r="AA31" s="219">
        <v>0</v>
      </c>
      <c r="AB31" s="220">
        <v>0</v>
      </c>
      <c r="AC31" s="218">
        <v>29</v>
      </c>
      <c r="AD31" s="218">
        <v>21</v>
      </c>
      <c r="AE31" s="218">
        <v>17</v>
      </c>
      <c r="AF31" s="218">
        <v>5</v>
      </c>
      <c r="AG31" s="218">
        <v>3</v>
      </c>
      <c r="AH31" s="219">
        <v>75</v>
      </c>
      <c r="AI31" s="221">
        <v>75</v>
      </c>
    </row>
    <row r="32" spans="2:35" ht="21" customHeight="1" x14ac:dyDescent="0.2">
      <c r="B32" s="106" t="s">
        <v>31</v>
      </c>
      <c r="C32" s="217">
        <v>0</v>
      </c>
      <c r="D32" s="218">
        <v>1</v>
      </c>
      <c r="E32" s="219">
        <v>1</v>
      </c>
      <c r="F32" s="220">
        <v>0</v>
      </c>
      <c r="G32" s="218">
        <v>31</v>
      </c>
      <c r="H32" s="218">
        <v>38</v>
      </c>
      <c r="I32" s="218">
        <v>28</v>
      </c>
      <c r="J32" s="218">
        <v>14</v>
      </c>
      <c r="K32" s="218">
        <v>3</v>
      </c>
      <c r="L32" s="219">
        <v>114</v>
      </c>
      <c r="M32" s="221">
        <v>115</v>
      </c>
      <c r="N32" s="222">
        <v>0</v>
      </c>
      <c r="O32" s="218">
        <v>0</v>
      </c>
      <c r="P32" s="219">
        <v>0</v>
      </c>
      <c r="Q32" s="220">
        <v>0</v>
      </c>
      <c r="R32" s="218">
        <v>0</v>
      </c>
      <c r="S32" s="218">
        <v>0</v>
      </c>
      <c r="T32" s="218">
        <v>0</v>
      </c>
      <c r="U32" s="218">
        <v>0</v>
      </c>
      <c r="V32" s="218">
        <v>0</v>
      </c>
      <c r="W32" s="219">
        <v>0</v>
      </c>
      <c r="X32" s="221">
        <v>0</v>
      </c>
      <c r="Y32" s="222">
        <v>0</v>
      </c>
      <c r="Z32" s="218">
        <v>1</v>
      </c>
      <c r="AA32" s="219">
        <v>1</v>
      </c>
      <c r="AB32" s="220">
        <v>0</v>
      </c>
      <c r="AC32" s="218">
        <v>31</v>
      </c>
      <c r="AD32" s="218">
        <v>38</v>
      </c>
      <c r="AE32" s="218">
        <v>28</v>
      </c>
      <c r="AF32" s="218">
        <v>14</v>
      </c>
      <c r="AG32" s="218">
        <v>3</v>
      </c>
      <c r="AH32" s="219">
        <v>114</v>
      </c>
      <c r="AI32" s="221">
        <v>115</v>
      </c>
    </row>
    <row r="33" spans="2:35" ht="21" customHeight="1" x14ac:dyDescent="0.2">
      <c r="B33" s="106" t="s">
        <v>32</v>
      </c>
      <c r="C33" s="217">
        <v>1</v>
      </c>
      <c r="D33" s="218">
        <v>2</v>
      </c>
      <c r="E33" s="219">
        <v>3</v>
      </c>
      <c r="F33" s="220">
        <v>0</v>
      </c>
      <c r="G33" s="218">
        <v>74</v>
      </c>
      <c r="H33" s="218">
        <v>42</v>
      </c>
      <c r="I33" s="218">
        <v>28</v>
      </c>
      <c r="J33" s="218">
        <v>20</v>
      </c>
      <c r="K33" s="218">
        <v>8</v>
      </c>
      <c r="L33" s="219">
        <v>172</v>
      </c>
      <c r="M33" s="221">
        <v>175</v>
      </c>
      <c r="N33" s="222">
        <v>0</v>
      </c>
      <c r="O33" s="218">
        <v>0</v>
      </c>
      <c r="P33" s="219">
        <v>0</v>
      </c>
      <c r="Q33" s="220">
        <v>0</v>
      </c>
      <c r="R33" s="218">
        <v>0</v>
      </c>
      <c r="S33" s="218">
        <v>0</v>
      </c>
      <c r="T33" s="218">
        <v>1</v>
      </c>
      <c r="U33" s="218">
        <v>0</v>
      </c>
      <c r="V33" s="218">
        <v>0</v>
      </c>
      <c r="W33" s="219">
        <v>1</v>
      </c>
      <c r="X33" s="221">
        <v>1</v>
      </c>
      <c r="Y33" s="222">
        <v>1</v>
      </c>
      <c r="Z33" s="218">
        <v>2</v>
      </c>
      <c r="AA33" s="219">
        <v>3</v>
      </c>
      <c r="AB33" s="220">
        <v>0</v>
      </c>
      <c r="AC33" s="218">
        <v>74</v>
      </c>
      <c r="AD33" s="218">
        <v>42</v>
      </c>
      <c r="AE33" s="218">
        <v>29</v>
      </c>
      <c r="AF33" s="218">
        <v>20</v>
      </c>
      <c r="AG33" s="218">
        <v>8</v>
      </c>
      <c r="AH33" s="219">
        <v>173</v>
      </c>
      <c r="AI33" s="221">
        <v>176</v>
      </c>
    </row>
    <row r="34" spans="2:35" ht="21" customHeight="1" x14ac:dyDescent="0.2">
      <c r="B34" s="106" t="s">
        <v>33</v>
      </c>
      <c r="C34" s="217">
        <v>0</v>
      </c>
      <c r="D34" s="218">
        <v>1</v>
      </c>
      <c r="E34" s="219">
        <v>1</v>
      </c>
      <c r="F34" s="220">
        <v>0</v>
      </c>
      <c r="G34" s="218">
        <v>27</v>
      </c>
      <c r="H34" s="218">
        <v>15</v>
      </c>
      <c r="I34" s="218">
        <v>12</v>
      </c>
      <c r="J34" s="218">
        <v>3</v>
      </c>
      <c r="K34" s="218">
        <v>2</v>
      </c>
      <c r="L34" s="219">
        <v>59</v>
      </c>
      <c r="M34" s="221">
        <v>60</v>
      </c>
      <c r="N34" s="222">
        <v>0</v>
      </c>
      <c r="O34" s="218">
        <v>0</v>
      </c>
      <c r="P34" s="219">
        <v>0</v>
      </c>
      <c r="Q34" s="220">
        <v>0</v>
      </c>
      <c r="R34" s="218">
        <v>0</v>
      </c>
      <c r="S34" s="218">
        <v>0</v>
      </c>
      <c r="T34" s="218">
        <v>0</v>
      </c>
      <c r="U34" s="218">
        <v>0</v>
      </c>
      <c r="V34" s="218">
        <v>0</v>
      </c>
      <c r="W34" s="219">
        <v>0</v>
      </c>
      <c r="X34" s="221">
        <v>0</v>
      </c>
      <c r="Y34" s="222">
        <v>0</v>
      </c>
      <c r="Z34" s="218">
        <v>1</v>
      </c>
      <c r="AA34" s="219">
        <v>1</v>
      </c>
      <c r="AB34" s="220">
        <v>0</v>
      </c>
      <c r="AC34" s="218">
        <v>27</v>
      </c>
      <c r="AD34" s="218">
        <v>15</v>
      </c>
      <c r="AE34" s="218">
        <v>12</v>
      </c>
      <c r="AF34" s="218">
        <v>3</v>
      </c>
      <c r="AG34" s="218">
        <v>2</v>
      </c>
      <c r="AH34" s="219">
        <v>59</v>
      </c>
      <c r="AI34" s="221">
        <v>60</v>
      </c>
    </row>
    <row r="35" spans="2:35" ht="21" customHeight="1" x14ac:dyDescent="0.2">
      <c r="B35" s="106" t="s">
        <v>34</v>
      </c>
      <c r="C35" s="217">
        <v>1</v>
      </c>
      <c r="D35" s="218">
        <v>4</v>
      </c>
      <c r="E35" s="219">
        <v>5</v>
      </c>
      <c r="F35" s="220">
        <v>0</v>
      </c>
      <c r="G35" s="218">
        <v>35</v>
      </c>
      <c r="H35" s="218">
        <v>16</v>
      </c>
      <c r="I35" s="218">
        <v>15</v>
      </c>
      <c r="J35" s="218">
        <v>8</v>
      </c>
      <c r="K35" s="218">
        <v>5</v>
      </c>
      <c r="L35" s="219">
        <v>79</v>
      </c>
      <c r="M35" s="221">
        <v>84</v>
      </c>
      <c r="N35" s="222">
        <v>0</v>
      </c>
      <c r="O35" s="218">
        <v>0</v>
      </c>
      <c r="P35" s="219">
        <v>0</v>
      </c>
      <c r="Q35" s="220">
        <v>0</v>
      </c>
      <c r="R35" s="218">
        <v>0</v>
      </c>
      <c r="S35" s="218">
        <v>0</v>
      </c>
      <c r="T35" s="218">
        <v>0</v>
      </c>
      <c r="U35" s="218">
        <v>0</v>
      </c>
      <c r="V35" s="218">
        <v>1</v>
      </c>
      <c r="W35" s="219">
        <v>1</v>
      </c>
      <c r="X35" s="221">
        <v>1</v>
      </c>
      <c r="Y35" s="222">
        <v>1</v>
      </c>
      <c r="Z35" s="218">
        <v>4</v>
      </c>
      <c r="AA35" s="219">
        <v>5</v>
      </c>
      <c r="AB35" s="220">
        <v>0</v>
      </c>
      <c r="AC35" s="218">
        <v>35</v>
      </c>
      <c r="AD35" s="218">
        <v>16</v>
      </c>
      <c r="AE35" s="218">
        <v>15</v>
      </c>
      <c r="AF35" s="218">
        <v>8</v>
      </c>
      <c r="AG35" s="218">
        <v>6</v>
      </c>
      <c r="AH35" s="219">
        <v>80</v>
      </c>
      <c r="AI35" s="221">
        <v>85</v>
      </c>
    </row>
    <row r="36" spans="2:35" ht="21" customHeight="1" x14ac:dyDescent="0.2">
      <c r="B36" s="106" t="s">
        <v>35</v>
      </c>
      <c r="C36" s="217">
        <v>2</v>
      </c>
      <c r="D36" s="218">
        <v>4</v>
      </c>
      <c r="E36" s="219">
        <v>6</v>
      </c>
      <c r="F36" s="220">
        <v>0</v>
      </c>
      <c r="G36" s="218">
        <v>44</v>
      </c>
      <c r="H36" s="218">
        <v>32</v>
      </c>
      <c r="I36" s="218">
        <v>32</v>
      </c>
      <c r="J36" s="218">
        <v>21</v>
      </c>
      <c r="K36" s="218">
        <v>10</v>
      </c>
      <c r="L36" s="219">
        <v>139</v>
      </c>
      <c r="M36" s="221">
        <v>145</v>
      </c>
      <c r="N36" s="222">
        <v>0</v>
      </c>
      <c r="O36" s="218">
        <v>0</v>
      </c>
      <c r="P36" s="219">
        <v>0</v>
      </c>
      <c r="Q36" s="220">
        <v>0</v>
      </c>
      <c r="R36" s="218">
        <v>0</v>
      </c>
      <c r="S36" s="218">
        <v>0</v>
      </c>
      <c r="T36" s="218">
        <v>0</v>
      </c>
      <c r="U36" s="218">
        <v>1</v>
      </c>
      <c r="V36" s="218">
        <v>0</v>
      </c>
      <c r="W36" s="219">
        <v>1</v>
      </c>
      <c r="X36" s="221">
        <v>1</v>
      </c>
      <c r="Y36" s="222">
        <v>2</v>
      </c>
      <c r="Z36" s="218">
        <v>4</v>
      </c>
      <c r="AA36" s="219">
        <v>6</v>
      </c>
      <c r="AB36" s="220">
        <v>0</v>
      </c>
      <c r="AC36" s="218">
        <v>44</v>
      </c>
      <c r="AD36" s="218">
        <v>32</v>
      </c>
      <c r="AE36" s="218">
        <v>32</v>
      </c>
      <c r="AF36" s="218">
        <v>22</v>
      </c>
      <c r="AG36" s="218">
        <v>10</v>
      </c>
      <c r="AH36" s="219">
        <v>140</v>
      </c>
      <c r="AI36" s="221">
        <v>146</v>
      </c>
    </row>
    <row r="37" spans="2:35" ht="21" customHeight="1" x14ac:dyDescent="0.2">
      <c r="B37" s="106" t="s">
        <v>36</v>
      </c>
      <c r="C37" s="217">
        <v>1</v>
      </c>
      <c r="D37" s="218">
        <v>1</v>
      </c>
      <c r="E37" s="219">
        <v>2</v>
      </c>
      <c r="F37" s="220">
        <v>0</v>
      </c>
      <c r="G37" s="218">
        <v>93</v>
      </c>
      <c r="H37" s="218">
        <v>72</v>
      </c>
      <c r="I37" s="218">
        <v>63</v>
      </c>
      <c r="J37" s="218">
        <v>22</v>
      </c>
      <c r="K37" s="218">
        <v>19</v>
      </c>
      <c r="L37" s="219">
        <v>269</v>
      </c>
      <c r="M37" s="221">
        <v>271</v>
      </c>
      <c r="N37" s="222">
        <v>0</v>
      </c>
      <c r="O37" s="218">
        <v>0</v>
      </c>
      <c r="P37" s="219">
        <v>0</v>
      </c>
      <c r="Q37" s="220">
        <v>0</v>
      </c>
      <c r="R37" s="218">
        <v>0</v>
      </c>
      <c r="S37" s="218">
        <v>0</v>
      </c>
      <c r="T37" s="218">
        <v>3</v>
      </c>
      <c r="U37" s="218">
        <v>1</v>
      </c>
      <c r="V37" s="218">
        <v>1</v>
      </c>
      <c r="W37" s="219">
        <v>5</v>
      </c>
      <c r="X37" s="221">
        <v>5</v>
      </c>
      <c r="Y37" s="222">
        <v>1</v>
      </c>
      <c r="Z37" s="218">
        <v>1</v>
      </c>
      <c r="AA37" s="219">
        <v>2</v>
      </c>
      <c r="AB37" s="220">
        <v>0</v>
      </c>
      <c r="AC37" s="218">
        <v>93</v>
      </c>
      <c r="AD37" s="218">
        <v>72</v>
      </c>
      <c r="AE37" s="218">
        <v>66</v>
      </c>
      <c r="AF37" s="218">
        <v>23</v>
      </c>
      <c r="AG37" s="218">
        <v>20</v>
      </c>
      <c r="AH37" s="219">
        <v>274</v>
      </c>
      <c r="AI37" s="221">
        <v>276</v>
      </c>
    </row>
    <row r="38" spans="2:35" ht="21" customHeight="1" thickBot="1" x14ac:dyDescent="0.25">
      <c r="B38" s="108" t="s">
        <v>37</v>
      </c>
      <c r="C38" s="223">
        <v>0</v>
      </c>
      <c r="D38" s="224">
        <v>0</v>
      </c>
      <c r="E38" s="225">
        <v>0</v>
      </c>
      <c r="F38" s="226">
        <v>0</v>
      </c>
      <c r="G38" s="224">
        <v>15</v>
      </c>
      <c r="H38" s="224">
        <v>10</v>
      </c>
      <c r="I38" s="224">
        <v>7</v>
      </c>
      <c r="J38" s="224">
        <v>8</v>
      </c>
      <c r="K38" s="224">
        <v>2</v>
      </c>
      <c r="L38" s="225">
        <v>42</v>
      </c>
      <c r="M38" s="227">
        <v>42</v>
      </c>
      <c r="N38" s="228">
        <v>0</v>
      </c>
      <c r="O38" s="224">
        <v>0</v>
      </c>
      <c r="P38" s="225">
        <v>0</v>
      </c>
      <c r="Q38" s="226">
        <v>0</v>
      </c>
      <c r="R38" s="224">
        <v>0</v>
      </c>
      <c r="S38" s="224">
        <v>0</v>
      </c>
      <c r="T38" s="224">
        <v>0</v>
      </c>
      <c r="U38" s="224">
        <v>0</v>
      </c>
      <c r="V38" s="224">
        <v>0</v>
      </c>
      <c r="W38" s="225">
        <v>0</v>
      </c>
      <c r="X38" s="227">
        <v>0</v>
      </c>
      <c r="Y38" s="228">
        <v>0</v>
      </c>
      <c r="Z38" s="224">
        <v>0</v>
      </c>
      <c r="AA38" s="225">
        <v>0</v>
      </c>
      <c r="AB38" s="226">
        <v>0</v>
      </c>
      <c r="AC38" s="224">
        <v>15</v>
      </c>
      <c r="AD38" s="224">
        <v>10</v>
      </c>
      <c r="AE38" s="224">
        <v>7</v>
      </c>
      <c r="AF38" s="224">
        <v>8</v>
      </c>
      <c r="AG38" s="224">
        <v>2</v>
      </c>
      <c r="AH38" s="225">
        <v>42</v>
      </c>
      <c r="AI38" s="227">
        <v>42</v>
      </c>
    </row>
    <row r="39" spans="2:35" x14ac:dyDescent="0.2">
      <c r="AA39" s="70"/>
      <c r="AB39" s="70"/>
      <c r="AC39" s="70"/>
      <c r="AD39" s="70"/>
      <c r="AE39" s="70"/>
      <c r="AF39" s="70"/>
      <c r="AG39" s="70"/>
      <c r="AH39" s="70"/>
      <c r="AI39" s="70"/>
    </row>
  </sheetData>
  <mergeCells count="5">
    <mergeCell ref="H1:I1"/>
    <mergeCell ref="K1:L1"/>
    <mergeCell ref="C3:M3"/>
    <mergeCell ref="N3:X3"/>
    <mergeCell ref="Y3:AI3"/>
  </mergeCells>
  <phoneticPr fontId="4"/>
  <pageMargins left="0.35433070866141736" right="0.27559055118110237" top="0.35433070866141736" bottom="0.43307086614173229" header="0.19685039370078741" footer="0.19685039370078741"/>
  <pageSetup paperSize="9" scale="51" orientation="landscape" r:id="rId1"/>
  <headerFooter alignWithMargins="0">
    <oddFooter>&amp;L&amp;20&amp;A&amp;C&amp;P/&amp;N</oddFooter>
  </headerFooter>
  <colBreaks count="1" manualBreakCount="1">
    <brk id="24" max="1048575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CW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.33203125" style="175" customWidth="1"/>
    <col min="6" max="6" width="7.6640625" style="175" customWidth="1"/>
    <col min="7" max="7" width="8.44140625" style="175" customWidth="1"/>
    <col min="8" max="8" width="8.77734375" style="175" customWidth="1"/>
    <col min="9" max="16" width="9" style="175"/>
    <col min="17" max="17" width="7.21875" style="175" customWidth="1"/>
    <col min="18" max="27" width="9" style="175"/>
    <col min="28" max="28" width="7.6640625" style="175" customWidth="1"/>
    <col min="29" max="38" width="9" style="175"/>
    <col min="39" max="39" width="7.6640625" style="175" customWidth="1"/>
    <col min="40" max="49" width="9" style="175"/>
    <col min="50" max="50" width="7.6640625" style="175" customWidth="1"/>
    <col min="51" max="60" width="9" style="175"/>
    <col min="61" max="61" width="7.21875" style="175" customWidth="1"/>
    <col min="62" max="71" width="9" style="175"/>
    <col min="72" max="72" width="7.21875" style="175" customWidth="1"/>
    <col min="73" max="82" width="9" style="175"/>
    <col min="83" max="83" width="7.33203125" style="175" customWidth="1"/>
    <col min="84" max="93" width="9" style="175"/>
    <col min="94" max="94" width="7.44140625" style="175" customWidth="1"/>
    <col min="95" max="16384" width="9" style="175"/>
  </cols>
  <sheetData>
    <row r="1" spans="2:101" ht="24" customHeight="1" x14ac:dyDescent="0.2">
      <c r="B1" s="142" t="s">
        <v>122</v>
      </c>
      <c r="I1" s="442">
        <f>第１表!F2</f>
        <v>7</v>
      </c>
      <c r="J1" s="442"/>
      <c r="K1" s="18">
        <f>第１表!G2</f>
        <v>3</v>
      </c>
      <c r="L1" s="447">
        <f>IF(K1&lt;3,K1+12-2,K1-2)</f>
        <v>1</v>
      </c>
      <c r="M1" s="447"/>
    </row>
    <row r="2" spans="2:101" s="71" customFormat="1" ht="24" customHeight="1" thickBot="1" x14ac:dyDescent="0.25">
      <c r="B2" s="142" t="s">
        <v>129</v>
      </c>
    </row>
    <row r="3" spans="2:101" ht="21" customHeight="1" thickBot="1" x14ac:dyDescent="0.25">
      <c r="B3" s="478"/>
      <c r="C3" s="472" t="s">
        <v>113</v>
      </c>
      <c r="D3" s="473"/>
      <c r="E3" s="473"/>
      <c r="F3" s="473"/>
      <c r="G3" s="473"/>
      <c r="H3" s="473"/>
      <c r="I3" s="473"/>
      <c r="J3" s="473"/>
      <c r="K3" s="473"/>
      <c r="L3" s="473"/>
      <c r="M3" s="474"/>
      <c r="N3" s="472" t="s">
        <v>114</v>
      </c>
      <c r="O3" s="473"/>
      <c r="P3" s="473"/>
      <c r="Q3" s="473"/>
      <c r="R3" s="473"/>
      <c r="S3" s="473"/>
      <c r="T3" s="473"/>
      <c r="U3" s="473"/>
      <c r="V3" s="473"/>
      <c r="W3" s="473"/>
      <c r="X3" s="474"/>
      <c r="Y3" s="472" t="s">
        <v>138</v>
      </c>
      <c r="Z3" s="473"/>
      <c r="AA3" s="473"/>
      <c r="AB3" s="473"/>
      <c r="AC3" s="473"/>
      <c r="AD3" s="473"/>
      <c r="AE3" s="473"/>
      <c r="AF3" s="473"/>
      <c r="AG3" s="473"/>
      <c r="AH3" s="473"/>
      <c r="AI3" s="474"/>
      <c r="AJ3" s="472" t="s">
        <v>90</v>
      </c>
      <c r="AK3" s="473"/>
      <c r="AL3" s="473"/>
      <c r="AM3" s="473"/>
      <c r="AN3" s="473"/>
      <c r="AO3" s="473"/>
      <c r="AP3" s="473"/>
      <c r="AQ3" s="473"/>
      <c r="AR3" s="473"/>
      <c r="AS3" s="473"/>
      <c r="AT3" s="474"/>
      <c r="AU3" s="481" t="s">
        <v>89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91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92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93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2" t="s">
        <v>137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</row>
    <row r="4" spans="2:101" ht="21" customHeight="1" x14ac:dyDescent="0.2">
      <c r="B4" s="479"/>
      <c r="C4" s="465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65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67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93" t="s">
        <v>61</v>
      </c>
      <c r="AV4" s="491"/>
      <c r="AW4" s="492"/>
      <c r="AX4" s="490" t="s">
        <v>62</v>
      </c>
      <c r="AY4" s="491"/>
      <c r="AZ4" s="491"/>
      <c r="BA4" s="491"/>
      <c r="BB4" s="491"/>
      <c r="BC4" s="491"/>
      <c r="BD4" s="492"/>
      <c r="BE4" s="494" t="s">
        <v>52</v>
      </c>
      <c r="BF4" s="493" t="s">
        <v>61</v>
      </c>
      <c r="BG4" s="491"/>
      <c r="BH4" s="492"/>
      <c r="BI4" s="490" t="s">
        <v>62</v>
      </c>
      <c r="BJ4" s="491"/>
      <c r="BK4" s="491"/>
      <c r="BL4" s="491"/>
      <c r="BM4" s="491"/>
      <c r="BN4" s="491"/>
      <c r="BO4" s="492"/>
      <c r="BP4" s="494" t="s">
        <v>52</v>
      </c>
      <c r="BQ4" s="493" t="s">
        <v>61</v>
      </c>
      <c r="BR4" s="491"/>
      <c r="BS4" s="492"/>
      <c r="BT4" s="490" t="s">
        <v>62</v>
      </c>
      <c r="BU4" s="491"/>
      <c r="BV4" s="491"/>
      <c r="BW4" s="491"/>
      <c r="BX4" s="491"/>
      <c r="BY4" s="491"/>
      <c r="BZ4" s="492"/>
      <c r="CA4" s="494" t="s">
        <v>52</v>
      </c>
      <c r="CB4" s="493" t="s">
        <v>61</v>
      </c>
      <c r="CC4" s="491"/>
      <c r="CD4" s="492"/>
      <c r="CE4" s="490" t="s">
        <v>62</v>
      </c>
      <c r="CF4" s="491"/>
      <c r="CG4" s="491"/>
      <c r="CH4" s="491"/>
      <c r="CI4" s="491"/>
      <c r="CJ4" s="491"/>
      <c r="CK4" s="492"/>
      <c r="CL4" s="494" t="s">
        <v>52</v>
      </c>
      <c r="CM4" s="493" t="s">
        <v>61</v>
      </c>
      <c r="CN4" s="491"/>
      <c r="CO4" s="492"/>
      <c r="CP4" s="490" t="s">
        <v>62</v>
      </c>
      <c r="CQ4" s="491"/>
      <c r="CR4" s="491"/>
      <c r="CS4" s="491"/>
      <c r="CT4" s="491"/>
      <c r="CU4" s="491"/>
      <c r="CV4" s="492"/>
      <c r="CW4" s="494" t="s">
        <v>52</v>
      </c>
    </row>
    <row r="5" spans="2:101" ht="30" customHeight="1" thickBot="1" x14ac:dyDescent="0.25">
      <c r="B5" s="480"/>
      <c r="C5" s="177" t="s">
        <v>43</v>
      </c>
      <c r="D5" s="182" t="s">
        <v>44</v>
      </c>
      <c r="E5" s="205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177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2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2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2" t="s">
        <v>45</v>
      </c>
      <c r="BE5" s="495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95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95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95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95"/>
    </row>
    <row r="6" spans="2:101" ht="21" customHeight="1" x14ac:dyDescent="0.2">
      <c r="B6" s="84" t="s">
        <v>4</v>
      </c>
      <c r="C6" s="183">
        <v>0</v>
      </c>
      <c r="D6" s="189">
        <v>0</v>
      </c>
      <c r="E6" s="206">
        <v>0</v>
      </c>
      <c r="F6" s="186">
        <v>0</v>
      </c>
      <c r="G6" s="184">
        <v>342</v>
      </c>
      <c r="H6" s="184">
        <v>487</v>
      </c>
      <c r="I6" s="184">
        <v>377</v>
      </c>
      <c r="J6" s="184">
        <v>451</v>
      </c>
      <c r="K6" s="184">
        <v>415</v>
      </c>
      <c r="L6" s="187">
        <v>2072</v>
      </c>
      <c r="M6" s="188">
        <v>2072</v>
      </c>
      <c r="N6" s="183">
        <v>0</v>
      </c>
      <c r="O6" s="184">
        <v>0</v>
      </c>
      <c r="P6" s="189">
        <v>0</v>
      </c>
      <c r="Q6" s="186">
        <v>0</v>
      </c>
      <c r="R6" s="184">
        <v>205</v>
      </c>
      <c r="S6" s="184">
        <v>496</v>
      </c>
      <c r="T6" s="184">
        <v>460</v>
      </c>
      <c r="U6" s="184">
        <v>403</v>
      </c>
      <c r="V6" s="184">
        <v>420</v>
      </c>
      <c r="W6" s="189">
        <v>1984</v>
      </c>
      <c r="X6" s="188">
        <v>1984</v>
      </c>
      <c r="Y6" s="183">
        <v>0</v>
      </c>
      <c r="Z6" s="184">
        <v>0</v>
      </c>
      <c r="AA6" s="189">
        <v>0</v>
      </c>
      <c r="AB6" s="186">
        <v>0</v>
      </c>
      <c r="AC6" s="184">
        <v>14631</v>
      </c>
      <c r="AD6" s="184">
        <v>13740</v>
      </c>
      <c r="AE6" s="184">
        <v>6053</v>
      </c>
      <c r="AF6" s="184">
        <v>2899</v>
      </c>
      <c r="AG6" s="184">
        <v>1302</v>
      </c>
      <c r="AH6" s="189">
        <v>38625</v>
      </c>
      <c r="AI6" s="188">
        <v>38625</v>
      </c>
      <c r="AJ6" s="183">
        <v>8</v>
      </c>
      <c r="AK6" s="184">
        <v>8</v>
      </c>
      <c r="AL6" s="189">
        <v>16</v>
      </c>
      <c r="AM6" s="186">
        <v>0</v>
      </c>
      <c r="AN6" s="184">
        <v>805</v>
      </c>
      <c r="AO6" s="184">
        <v>1001</v>
      </c>
      <c r="AP6" s="184">
        <v>987</v>
      </c>
      <c r="AQ6" s="184">
        <v>531</v>
      </c>
      <c r="AR6" s="184">
        <v>424</v>
      </c>
      <c r="AS6" s="189">
        <v>3748</v>
      </c>
      <c r="AT6" s="188">
        <v>3764</v>
      </c>
      <c r="AU6" s="183">
        <v>170</v>
      </c>
      <c r="AV6" s="184">
        <v>255</v>
      </c>
      <c r="AW6" s="189">
        <v>425</v>
      </c>
      <c r="AX6" s="186">
        <v>0</v>
      </c>
      <c r="AY6" s="184">
        <v>1519</v>
      </c>
      <c r="AZ6" s="184">
        <v>1625</v>
      </c>
      <c r="BA6" s="184">
        <v>1319</v>
      </c>
      <c r="BB6" s="184">
        <v>904</v>
      </c>
      <c r="BC6" s="184">
        <v>530</v>
      </c>
      <c r="BD6" s="189">
        <v>5897</v>
      </c>
      <c r="BE6" s="188">
        <v>6322</v>
      </c>
      <c r="BF6" s="183">
        <v>0</v>
      </c>
      <c r="BG6" s="184">
        <v>35</v>
      </c>
      <c r="BH6" s="189">
        <v>35</v>
      </c>
      <c r="BI6" s="186">
        <v>0</v>
      </c>
      <c r="BJ6" s="184">
        <v>2684</v>
      </c>
      <c r="BK6" s="184">
        <v>3395</v>
      </c>
      <c r="BL6" s="184">
        <v>3737</v>
      </c>
      <c r="BM6" s="184">
        <v>2402</v>
      </c>
      <c r="BN6" s="184">
        <v>1544</v>
      </c>
      <c r="BO6" s="187">
        <v>13762</v>
      </c>
      <c r="BP6" s="188">
        <v>13797</v>
      </c>
      <c r="BQ6" s="183">
        <v>0</v>
      </c>
      <c r="BR6" s="184">
        <v>0</v>
      </c>
      <c r="BS6" s="189">
        <v>0</v>
      </c>
      <c r="BT6" s="186">
        <v>0</v>
      </c>
      <c r="BU6" s="184">
        <v>37</v>
      </c>
      <c r="BV6" s="184">
        <v>43</v>
      </c>
      <c r="BW6" s="184">
        <v>70</v>
      </c>
      <c r="BX6" s="184">
        <v>70</v>
      </c>
      <c r="BY6" s="184">
        <v>50</v>
      </c>
      <c r="BZ6" s="189">
        <v>270</v>
      </c>
      <c r="CA6" s="188">
        <v>270</v>
      </c>
      <c r="CB6" s="183">
        <v>0</v>
      </c>
      <c r="CC6" s="184">
        <v>0</v>
      </c>
      <c r="CD6" s="189">
        <v>0</v>
      </c>
      <c r="CE6" s="186">
        <v>0</v>
      </c>
      <c r="CF6" s="184">
        <v>4</v>
      </c>
      <c r="CG6" s="184">
        <v>25</v>
      </c>
      <c r="CH6" s="184">
        <v>214</v>
      </c>
      <c r="CI6" s="184">
        <v>350</v>
      </c>
      <c r="CJ6" s="184">
        <v>208</v>
      </c>
      <c r="CK6" s="189">
        <v>801</v>
      </c>
      <c r="CL6" s="188">
        <v>801</v>
      </c>
      <c r="CM6" s="183">
        <v>0</v>
      </c>
      <c r="CN6" s="184">
        <v>0</v>
      </c>
      <c r="CO6" s="189">
        <v>0</v>
      </c>
      <c r="CP6" s="186">
        <v>0</v>
      </c>
      <c r="CQ6" s="184">
        <v>228</v>
      </c>
      <c r="CR6" s="184">
        <v>326</v>
      </c>
      <c r="CS6" s="184">
        <v>335</v>
      </c>
      <c r="CT6" s="184">
        <v>449</v>
      </c>
      <c r="CU6" s="184">
        <v>471</v>
      </c>
      <c r="CV6" s="189">
        <v>1809</v>
      </c>
      <c r="CW6" s="188">
        <v>1809</v>
      </c>
    </row>
    <row r="7" spans="2:101" ht="21" customHeight="1" x14ac:dyDescent="0.2">
      <c r="B7" s="95" t="s">
        <v>5</v>
      </c>
      <c r="C7" s="190">
        <v>0</v>
      </c>
      <c r="D7" s="196">
        <v>0</v>
      </c>
      <c r="E7" s="207">
        <v>0</v>
      </c>
      <c r="F7" s="193">
        <v>0</v>
      </c>
      <c r="G7" s="191">
        <v>134</v>
      </c>
      <c r="H7" s="191">
        <v>213</v>
      </c>
      <c r="I7" s="191">
        <v>187</v>
      </c>
      <c r="J7" s="191">
        <v>215</v>
      </c>
      <c r="K7" s="191">
        <v>185</v>
      </c>
      <c r="L7" s="194">
        <v>934</v>
      </c>
      <c r="M7" s="195">
        <v>934</v>
      </c>
      <c r="N7" s="190">
        <v>0</v>
      </c>
      <c r="O7" s="191">
        <v>0</v>
      </c>
      <c r="P7" s="196">
        <v>0</v>
      </c>
      <c r="Q7" s="193">
        <v>0</v>
      </c>
      <c r="R7" s="191">
        <v>113</v>
      </c>
      <c r="S7" s="191">
        <v>381</v>
      </c>
      <c r="T7" s="191">
        <v>340</v>
      </c>
      <c r="U7" s="191">
        <v>301</v>
      </c>
      <c r="V7" s="191">
        <v>322</v>
      </c>
      <c r="W7" s="196">
        <v>1457</v>
      </c>
      <c r="X7" s="195">
        <v>1457</v>
      </c>
      <c r="Y7" s="190">
        <v>0</v>
      </c>
      <c r="Z7" s="191">
        <v>0</v>
      </c>
      <c r="AA7" s="196">
        <v>0</v>
      </c>
      <c r="AB7" s="193">
        <v>0</v>
      </c>
      <c r="AC7" s="191">
        <v>5272</v>
      </c>
      <c r="AD7" s="191">
        <v>6589</v>
      </c>
      <c r="AE7" s="191">
        <v>2878</v>
      </c>
      <c r="AF7" s="191">
        <v>1324</v>
      </c>
      <c r="AG7" s="191">
        <v>609</v>
      </c>
      <c r="AH7" s="196">
        <v>16672</v>
      </c>
      <c r="AI7" s="195">
        <v>16672</v>
      </c>
      <c r="AJ7" s="190">
        <v>4</v>
      </c>
      <c r="AK7" s="191">
        <v>2</v>
      </c>
      <c r="AL7" s="196">
        <v>6</v>
      </c>
      <c r="AM7" s="193">
        <v>0</v>
      </c>
      <c r="AN7" s="191">
        <v>399</v>
      </c>
      <c r="AO7" s="191">
        <v>531</v>
      </c>
      <c r="AP7" s="191">
        <v>512</v>
      </c>
      <c r="AQ7" s="191">
        <v>296</v>
      </c>
      <c r="AR7" s="191">
        <v>235</v>
      </c>
      <c r="AS7" s="196">
        <v>1973</v>
      </c>
      <c r="AT7" s="195">
        <v>1979</v>
      </c>
      <c r="AU7" s="190">
        <v>56</v>
      </c>
      <c r="AV7" s="191">
        <v>113</v>
      </c>
      <c r="AW7" s="196">
        <v>169</v>
      </c>
      <c r="AX7" s="193">
        <v>0</v>
      </c>
      <c r="AY7" s="191">
        <v>583</v>
      </c>
      <c r="AZ7" s="191">
        <v>743</v>
      </c>
      <c r="BA7" s="191">
        <v>539</v>
      </c>
      <c r="BB7" s="191">
        <v>425</v>
      </c>
      <c r="BC7" s="191">
        <v>261</v>
      </c>
      <c r="BD7" s="196">
        <v>2551</v>
      </c>
      <c r="BE7" s="195">
        <v>2720</v>
      </c>
      <c r="BF7" s="190">
        <v>0</v>
      </c>
      <c r="BG7" s="191">
        <v>15</v>
      </c>
      <c r="BH7" s="196">
        <v>15</v>
      </c>
      <c r="BI7" s="193">
        <v>0</v>
      </c>
      <c r="BJ7" s="191">
        <v>1147</v>
      </c>
      <c r="BK7" s="191">
        <v>1488</v>
      </c>
      <c r="BL7" s="191">
        <v>1563</v>
      </c>
      <c r="BM7" s="191">
        <v>1029</v>
      </c>
      <c r="BN7" s="191">
        <v>679</v>
      </c>
      <c r="BO7" s="194">
        <v>5906</v>
      </c>
      <c r="BP7" s="195">
        <v>5921</v>
      </c>
      <c r="BQ7" s="190">
        <v>0</v>
      </c>
      <c r="BR7" s="191">
        <v>0</v>
      </c>
      <c r="BS7" s="196">
        <v>0</v>
      </c>
      <c r="BT7" s="193">
        <v>0</v>
      </c>
      <c r="BU7" s="191">
        <v>1</v>
      </c>
      <c r="BV7" s="191">
        <v>3</v>
      </c>
      <c r="BW7" s="191">
        <v>5</v>
      </c>
      <c r="BX7" s="191">
        <v>1</v>
      </c>
      <c r="BY7" s="191">
        <v>2</v>
      </c>
      <c r="BZ7" s="196">
        <v>12</v>
      </c>
      <c r="CA7" s="195">
        <v>12</v>
      </c>
      <c r="CB7" s="190">
        <v>0</v>
      </c>
      <c r="CC7" s="191">
        <v>0</v>
      </c>
      <c r="CD7" s="196">
        <v>0</v>
      </c>
      <c r="CE7" s="193">
        <v>0</v>
      </c>
      <c r="CF7" s="191">
        <v>3</v>
      </c>
      <c r="CG7" s="191">
        <v>10</v>
      </c>
      <c r="CH7" s="191">
        <v>22</v>
      </c>
      <c r="CI7" s="191">
        <v>43</v>
      </c>
      <c r="CJ7" s="191">
        <v>40</v>
      </c>
      <c r="CK7" s="196">
        <v>118</v>
      </c>
      <c r="CL7" s="195">
        <v>118</v>
      </c>
      <c r="CM7" s="190">
        <v>0</v>
      </c>
      <c r="CN7" s="191">
        <v>0</v>
      </c>
      <c r="CO7" s="196">
        <v>0</v>
      </c>
      <c r="CP7" s="193">
        <v>0</v>
      </c>
      <c r="CQ7" s="191">
        <v>22</v>
      </c>
      <c r="CR7" s="191">
        <v>62</v>
      </c>
      <c r="CS7" s="191">
        <v>59</v>
      </c>
      <c r="CT7" s="191">
        <v>131</v>
      </c>
      <c r="CU7" s="191">
        <v>162</v>
      </c>
      <c r="CV7" s="196">
        <v>436</v>
      </c>
      <c r="CW7" s="195">
        <v>436</v>
      </c>
    </row>
    <row r="8" spans="2:101" ht="21" customHeight="1" x14ac:dyDescent="0.2">
      <c r="B8" s="106" t="s">
        <v>6</v>
      </c>
      <c r="C8" s="190">
        <v>0</v>
      </c>
      <c r="D8" s="196">
        <v>0</v>
      </c>
      <c r="E8" s="207">
        <v>0</v>
      </c>
      <c r="F8" s="193">
        <v>0</v>
      </c>
      <c r="G8" s="191">
        <v>69</v>
      </c>
      <c r="H8" s="191">
        <v>97</v>
      </c>
      <c r="I8" s="191">
        <v>72</v>
      </c>
      <c r="J8" s="191">
        <v>106</v>
      </c>
      <c r="K8" s="191">
        <v>111</v>
      </c>
      <c r="L8" s="194">
        <v>455</v>
      </c>
      <c r="M8" s="195">
        <v>455</v>
      </c>
      <c r="N8" s="190">
        <v>0</v>
      </c>
      <c r="O8" s="191">
        <v>0</v>
      </c>
      <c r="P8" s="196">
        <v>0</v>
      </c>
      <c r="Q8" s="193">
        <v>0</v>
      </c>
      <c r="R8" s="191">
        <v>76</v>
      </c>
      <c r="S8" s="191">
        <v>104</v>
      </c>
      <c r="T8" s="191">
        <v>105</v>
      </c>
      <c r="U8" s="191">
        <v>84</v>
      </c>
      <c r="V8" s="191">
        <v>87</v>
      </c>
      <c r="W8" s="196">
        <v>456</v>
      </c>
      <c r="X8" s="195">
        <v>456</v>
      </c>
      <c r="Y8" s="190">
        <v>0</v>
      </c>
      <c r="Z8" s="191">
        <v>0</v>
      </c>
      <c r="AA8" s="196">
        <v>0</v>
      </c>
      <c r="AB8" s="193">
        <v>0</v>
      </c>
      <c r="AC8" s="191">
        <v>1981</v>
      </c>
      <c r="AD8" s="191">
        <v>1472</v>
      </c>
      <c r="AE8" s="191">
        <v>685</v>
      </c>
      <c r="AF8" s="191">
        <v>373</v>
      </c>
      <c r="AG8" s="191">
        <v>182</v>
      </c>
      <c r="AH8" s="196">
        <v>4693</v>
      </c>
      <c r="AI8" s="195">
        <v>4693</v>
      </c>
      <c r="AJ8" s="190">
        <v>1</v>
      </c>
      <c r="AK8" s="191">
        <v>1</v>
      </c>
      <c r="AL8" s="196">
        <v>2</v>
      </c>
      <c r="AM8" s="193">
        <v>0</v>
      </c>
      <c r="AN8" s="191">
        <v>165</v>
      </c>
      <c r="AO8" s="191">
        <v>220</v>
      </c>
      <c r="AP8" s="191">
        <v>217</v>
      </c>
      <c r="AQ8" s="191">
        <v>120</v>
      </c>
      <c r="AR8" s="191">
        <v>99</v>
      </c>
      <c r="AS8" s="196">
        <v>821</v>
      </c>
      <c r="AT8" s="195">
        <v>823</v>
      </c>
      <c r="AU8" s="190">
        <v>21</v>
      </c>
      <c r="AV8" s="191">
        <v>37</v>
      </c>
      <c r="AW8" s="196">
        <v>58</v>
      </c>
      <c r="AX8" s="193">
        <v>0</v>
      </c>
      <c r="AY8" s="191">
        <v>243</v>
      </c>
      <c r="AZ8" s="191">
        <v>215</v>
      </c>
      <c r="BA8" s="191">
        <v>190</v>
      </c>
      <c r="BB8" s="191">
        <v>108</v>
      </c>
      <c r="BC8" s="191">
        <v>55</v>
      </c>
      <c r="BD8" s="196">
        <v>811</v>
      </c>
      <c r="BE8" s="195">
        <v>869</v>
      </c>
      <c r="BF8" s="190">
        <v>0</v>
      </c>
      <c r="BG8" s="191">
        <v>5</v>
      </c>
      <c r="BH8" s="196">
        <v>5</v>
      </c>
      <c r="BI8" s="193">
        <v>0</v>
      </c>
      <c r="BJ8" s="191">
        <v>494</v>
      </c>
      <c r="BK8" s="191">
        <v>599</v>
      </c>
      <c r="BL8" s="191">
        <v>586</v>
      </c>
      <c r="BM8" s="191">
        <v>364</v>
      </c>
      <c r="BN8" s="191">
        <v>276</v>
      </c>
      <c r="BO8" s="194">
        <v>2319</v>
      </c>
      <c r="BP8" s="195">
        <v>2324</v>
      </c>
      <c r="BQ8" s="190">
        <v>0</v>
      </c>
      <c r="BR8" s="191">
        <v>0</v>
      </c>
      <c r="BS8" s="196">
        <v>0</v>
      </c>
      <c r="BT8" s="193">
        <v>0</v>
      </c>
      <c r="BU8" s="191">
        <v>0</v>
      </c>
      <c r="BV8" s="191">
        <v>0</v>
      </c>
      <c r="BW8" s="191">
        <v>0</v>
      </c>
      <c r="BX8" s="191">
        <v>0</v>
      </c>
      <c r="BY8" s="191">
        <v>0</v>
      </c>
      <c r="BZ8" s="196">
        <v>0</v>
      </c>
      <c r="CA8" s="195">
        <v>0</v>
      </c>
      <c r="CB8" s="190">
        <v>0</v>
      </c>
      <c r="CC8" s="191">
        <v>0</v>
      </c>
      <c r="CD8" s="196">
        <v>0</v>
      </c>
      <c r="CE8" s="193">
        <v>0</v>
      </c>
      <c r="CF8" s="191">
        <v>1</v>
      </c>
      <c r="CG8" s="191">
        <v>10</v>
      </c>
      <c r="CH8" s="191">
        <v>65</v>
      </c>
      <c r="CI8" s="191">
        <v>89</v>
      </c>
      <c r="CJ8" s="191">
        <v>51</v>
      </c>
      <c r="CK8" s="196">
        <v>216</v>
      </c>
      <c r="CL8" s="195">
        <v>216</v>
      </c>
      <c r="CM8" s="190">
        <v>0</v>
      </c>
      <c r="CN8" s="191">
        <v>0</v>
      </c>
      <c r="CO8" s="196">
        <v>0</v>
      </c>
      <c r="CP8" s="193">
        <v>0</v>
      </c>
      <c r="CQ8" s="191">
        <v>84</v>
      </c>
      <c r="CR8" s="191">
        <v>89</v>
      </c>
      <c r="CS8" s="191">
        <v>94</v>
      </c>
      <c r="CT8" s="191">
        <v>94</v>
      </c>
      <c r="CU8" s="191">
        <v>116</v>
      </c>
      <c r="CV8" s="196">
        <v>477</v>
      </c>
      <c r="CW8" s="195">
        <v>477</v>
      </c>
    </row>
    <row r="9" spans="2:101" ht="21" customHeight="1" x14ac:dyDescent="0.2">
      <c r="B9" s="106" t="s">
        <v>14</v>
      </c>
      <c r="C9" s="190">
        <v>0</v>
      </c>
      <c r="D9" s="196">
        <v>0</v>
      </c>
      <c r="E9" s="207">
        <v>0</v>
      </c>
      <c r="F9" s="193">
        <v>0</v>
      </c>
      <c r="G9" s="191">
        <v>30</v>
      </c>
      <c r="H9" s="191">
        <v>57</v>
      </c>
      <c r="I9" s="191">
        <v>33</v>
      </c>
      <c r="J9" s="191">
        <v>43</v>
      </c>
      <c r="K9" s="191">
        <v>41</v>
      </c>
      <c r="L9" s="194">
        <v>204</v>
      </c>
      <c r="M9" s="195">
        <v>204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0</v>
      </c>
      <c r="T9" s="191">
        <v>0</v>
      </c>
      <c r="U9" s="191">
        <v>0</v>
      </c>
      <c r="V9" s="191">
        <v>0</v>
      </c>
      <c r="W9" s="196">
        <v>0</v>
      </c>
      <c r="X9" s="195">
        <v>0</v>
      </c>
      <c r="Y9" s="190">
        <v>0</v>
      </c>
      <c r="Z9" s="191">
        <v>0</v>
      </c>
      <c r="AA9" s="196">
        <v>0</v>
      </c>
      <c r="AB9" s="193">
        <v>0</v>
      </c>
      <c r="AC9" s="191">
        <v>1215</v>
      </c>
      <c r="AD9" s="191">
        <v>1300</v>
      </c>
      <c r="AE9" s="191">
        <v>585</v>
      </c>
      <c r="AF9" s="191">
        <v>286</v>
      </c>
      <c r="AG9" s="191">
        <v>121</v>
      </c>
      <c r="AH9" s="196">
        <v>3507</v>
      </c>
      <c r="AI9" s="195">
        <v>3507</v>
      </c>
      <c r="AJ9" s="190">
        <v>1</v>
      </c>
      <c r="AK9" s="191">
        <v>0</v>
      </c>
      <c r="AL9" s="196">
        <v>1</v>
      </c>
      <c r="AM9" s="193">
        <v>0</v>
      </c>
      <c r="AN9" s="191">
        <v>17</v>
      </c>
      <c r="AO9" s="191">
        <v>17</v>
      </c>
      <c r="AP9" s="191">
        <v>28</v>
      </c>
      <c r="AQ9" s="191">
        <v>13</v>
      </c>
      <c r="AR9" s="191">
        <v>13</v>
      </c>
      <c r="AS9" s="196">
        <v>88</v>
      </c>
      <c r="AT9" s="195">
        <v>89</v>
      </c>
      <c r="AU9" s="190">
        <v>19</v>
      </c>
      <c r="AV9" s="191">
        <v>23</v>
      </c>
      <c r="AW9" s="196">
        <v>42</v>
      </c>
      <c r="AX9" s="193">
        <v>0</v>
      </c>
      <c r="AY9" s="191">
        <v>111</v>
      </c>
      <c r="AZ9" s="191">
        <v>140</v>
      </c>
      <c r="BA9" s="191">
        <v>131</v>
      </c>
      <c r="BB9" s="191">
        <v>60</v>
      </c>
      <c r="BC9" s="191">
        <v>37</v>
      </c>
      <c r="BD9" s="196">
        <v>479</v>
      </c>
      <c r="BE9" s="195">
        <v>521</v>
      </c>
      <c r="BF9" s="190">
        <v>0</v>
      </c>
      <c r="BG9" s="191">
        <v>2</v>
      </c>
      <c r="BH9" s="196">
        <v>2</v>
      </c>
      <c r="BI9" s="193">
        <v>0</v>
      </c>
      <c r="BJ9" s="191">
        <v>225</v>
      </c>
      <c r="BK9" s="191">
        <v>306</v>
      </c>
      <c r="BL9" s="191">
        <v>431</v>
      </c>
      <c r="BM9" s="191">
        <v>215</v>
      </c>
      <c r="BN9" s="191">
        <v>114</v>
      </c>
      <c r="BO9" s="194">
        <v>1291</v>
      </c>
      <c r="BP9" s="195">
        <v>1293</v>
      </c>
      <c r="BQ9" s="190">
        <v>0</v>
      </c>
      <c r="BR9" s="191">
        <v>0</v>
      </c>
      <c r="BS9" s="196">
        <v>0</v>
      </c>
      <c r="BT9" s="193">
        <v>0</v>
      </c>
      <c r="BU9" s="191">
        <v>0</v>
      </c>
      <c r="BV9" s="191">
        <v>0</v>
      </c>
      <c r="BW9" s="191">
        <v>0</v>
      </c>
      <c r="BX9" s="191">
        <v>0</v>
      </c>
      <c r="BY9" s="191">
        <v>0</v>
      </c>
      <c r="BZ9" s="196">
        <v>0</v>
      </c>
      <c r="CA9" s="195">
        <v>0</v>
      </c>
      <c r="CB9" s="190">
        <v>0</v>
      </c>
      <c r="CC9" s="191">
        <v>0</v>
      </c>
      <c r="CD9" s="196">
        <v>0</v>
      </c>
      <c r="CE9" s="193">
        <v>0</v>
      </c>
      <c r="CF9" s="191">
        <v>0</v>
      </c>
      <c r="CG9" s="191">
        <v>0</v>
      </c>
      <c r="CH9" s="191">
        <v>15</v>
      </c>
      <c r="CI9" s="191">
        <v>30</v>
      </c>
      <c r="CJ9" s="191">
        <v>10</v>
      </c>
      <c r="CK9" s="196">
        <v>55</v>
      </c>
      <c r="CL9" s="195">
        <v>55</v>
      </c>
      <c r="CM9" s="190">
        <v>0</v>
      </c>
      <c r="CN9" s="191">
        <v>0</v>
      </c>
      <c r="CO9" s="196">
        <v>0</v>
      </c>
      <c r="CP9" s="193">
        <v>0</v>
      </c>
      <c r="CQ9" s="191">
        <v>17</v>
      </c>
      <c r="CR9" s="191">
        <v>34</v>
      </c>
      <c r="CS9" s="191">
        <v>45</v>
      </c>
      <c r="CT9" s="191">
        <v>50</v>
      </c>
      <c r="CU9" s="191">
        <v>38</v>
      </c>
      <c r="CV9" s="196">
        <v>184</v>
      </c>
      <c r="CW9" s="195">
        <v>184</v>
      </c>
    </row>
    <row r="10" spans="2:101" ht="21" customHeight="1" x14ac:dyDescent="0.2">
      <c r="B10" s="106" t="s">
        <v>7</v>
      </c>
      <c r="C10" s="190">
        <v>0</v>
      </c>
      <c r="D10" s="196">
        <v>0</v>
      </c>
      <c r="E10" s="207">
        <v>0</v>
      </c>
      <c r="F10" s="193">
        <v>0</v>
      </c>
      <c r="G10" s="191">
        <v>11</v>
      </c>
      <c r="H10" s="191">
        <v>12</v>
      </c>
      <c r="I10" s="191">
        <v>7</v>
      </c>
      <c r="J10" s="191">
        <v>10</v>
      </c>
      <c r="K10" s="191">
        <v>5</v>
      </c>
      <c r="L10" s="194">
        <v>45</v>
      </c>
      <c r="M10" s="195">
        <v>45</v>
      </c>
      <c r="N10" s="190">
        <v>0</v>
      </c>
      <c r="O10" s="191">
        <v>0</v>
      </c>
      <c r="P10" s="196">
        <v>0</v>
      </c>
      <c r="Q10" s="193">
        <v>0</v>
      </c>
      <c r="R10" s="191">
        <v>0</v>
      </c>
      <c r="S10" s="191">
        <v>0</v>
      </c>
      <c r="T10" s="191">
        <v>0</v>
      </c>
      <c r="U10" s="191">
        <v>0</v>
      </c>
      <c r="V10" s="191">
        <v>0</v>
      </c>
      <c r="W10" s="196">
        <v>0</v>
      </c>
      <c r="X10" s="195">
        <v>0</v>
      </c>
      <c r="Y10" s="190">
        <v>0</v>
      </c>
      <c r="Z10" s="191">
        <v>0</v>
      </c>
      <c r="AA10" s="196">
        <v>0</v>
      </c>
      <c r="AB10" s="193">
        <v>0</v>
      </c>
      <c r="AC10" s="191">
        <v>1214</v>
      </c>
      <c r="AD10" s="191">
        <v>706</v>
      </c>
      <c r="AE10" s="191">
        <v>264</v>
      </c>
      <c r="AF10" s="191">
        <v>111</v>
      </c>
      <c r="AG10" s="191">
        <v>51</v>
      </c>
      <c r="AH10" s="196">
        <v>2346</v>
      </c>
      <c r="AI10" s="195">
        <v>2346</v>
      </c>
      <c r="AJ10" s="190">
        <v>0</v>
      </c>
      <c r="AK10" s="191">
        <v>3</v>
      </c>
      <c r="AL10" s="196">
        <v>3</v>
      </c>
      <c r="AM10" s="193">
        <v>0</v>
      </c>
      <c r="AN10" s="191">
        <v>81</v>
      </c>
      <c r="AO10" s="191">
        <v>98</v>
      </c>
      <c r="AP10" s="191">
        <v>89</v>
      </c>
      <c r="AQ10" s="191">
        <v>27</v>
      </c>
      <c r="AR10" s="191">
        <v>22</v>
      </c>
      <c r="AS10" s="196">
        <v>317</v>
      </c>
      <c r="AT10" s="195">
        <v>320</v>
      </c>
      <c r="AU10" s="190">
        <v>4</v>
      </c>
      <c r="AV10" s="191">
        <v>2</v>
      </c>
      <c r="AW10" s="196">
        <v>6</v>
      </c>
      <c r="AX10" s="193">
        <v>0</v>
      </c>
      <c r="AY10" s="191">
        <v>56</v>
      </c>
      <c r="AZ10" s="191">
        <v>42</v>
      </c>
      <c r="BA10" s="191">
        <v>28</v>
      </c>
      <c r="BB10" s="191">
        <v>22</v>
      </c>
      <c r="BC10" s="191">
        <v>5</v>
      </c>
      <c r="BD10" s="196">
        <v>153</v>
      </c>
      <c r="BE10" s="195">
        <v>159</v>
      </c>
      <c r="BF10" s="190">
        <v>0</v>
      </c>
      <c r="BG10" s="191">
        <v>1</v>
      </c>
      <c r="BH10" s="196">
        <v>1</v>
      </c>
      <c r="BI10" s="193">
        <v>0</v>
      </c>
      <c r="BJ10" s="191">
        <v>141</v>
      </c>
      <c r="BK10" s="191">
        <v>160</v>
      </c>
      <c r="BL10" s="191">
        <v>167</v>
      </c>
      <c r="BM10" s="191">
        <v>128</v>
      </c>
      <c r="BN10" s="191">
        <v>61</v>
      </c>
      <c r="BO10" s="194">
        <v>657</v>
      </c>
      <c r="BP10" s="195">
        <v>658</v>
      </c>
      <c r="BQ10" s="190">
        <v>0</v>
      </c>
      <c r="BR10" s="191">
        <v>0</v>
      </c>
      <c r="BS10" s="196">
        <v>0</v>
      </c>
      <c r="BT10" s="193">
        <v>0</v>
      </c>
      <c r="BU10" s="191">
        <v>0</v>
      </c>
      <c r="BV10" s="191">
        <v>0</v>
      </c>
      <c r="BW10" s="191">
        <v>0</v>
      </c>
      <c r="BX10" s="191">
        <v>0</v>
      </c>
      <c r="BY10" s="191">
        <v>0</v>
      </c>
      <c r="BZ10" s="196">
        <v>0</v>
      </c>
      <c r="CA10" s="195">
        <v>0</v>
      </c>
      <c r="CB10" s="190">
        <v>0</v>
      </c>
      <c r="CC10" s="191">
        <v>0</v>
      </c>
      <c r="CD10" s="196">
        <v>0</v>
      </c>
      <c r="CE10" s="193">
        <v>0</v>
      </c>
      <c r="CF10" s="191">
        <v>0</v>
      </c>
      <c r="CG10" s="191">
        <v>0</v>
      </c>
      <c r="CH10" s="191">
        <v>0</v>
      </c>
      <c r="CI10" s="191">
        <v>0</v>
      </c>
      <c r="CJ10" s="191">
        <v>0</v>
      </c>
      <c r="CK10" s="196">
        <v>0</v>
      </c>
      <c r="CL10" s="195">
        <v>0</v>
      </c>
      <c r="CM10" s="190">
        <v>0</v>
      </c>
      <c r="CN10" s="191">
        <v>0</v>
      </c>
      <c r="CO10" s="196">
        <v>0</v>
      </c>
      <c r="CP10" s="193">
        <v>0</v>
      </c>
      <c r="CQ10" s="191">
        <v>17</v>
      </c>
      <c r="CR10" s="191">
        <v>17</v>
      </c>
      <c r="CS10" s="191">
        <v>9</v>
      </c>
      <c r="CT10" s="191">
        <v>18</v>
      </c>
      <c r="CU10" s="191">
        <v>11</v>
      </c>
      <c r="CV10" s="196">
        <v>72</v>
      </c>
      <c r="CW10" s="195">
        <v>72</v>
      </c>
    </row>
    <row r="11" spans="2:101" ht="21" customHeight="1" x14ac:dyDescent="0.2">
      <c r="B11" s="106" t="s">
        <v>8</v>
      </c>
      <c r="C11" s="190">
        <v>0</v>
      </c>
      <c r="D11" s="196">
        <v>0</v>
      </c>
      <c r="E11" s="207">
        <v>0</v>
      </c>
      <c r="F11" s="193">
        <v>0</v>
      </c>
      <c r="G11" s="191">
        <v>7</v>
      </c>
      <c r="H11" s="191">
        <v>2</v>
      </c>
      <c r="I11" s="191">
        <v>6</v>
      </c>
      <c r="J11" s="191">
        <v>6</v>
      </c>
      <c r="K11" s="191">
        <v>3</v>
      </c>
      <c r="L11" s="194">
        <v>24</v>
      </c>
      <c r="M11" s="195">
        <v>24</v>
      </c>
      <c r="N11" s="190">
        <v>0</v>
      </c>
      <c r="O11" s="191">
        <v>0</v>
      </c>
      <c r="P11" s="196">
        <v>0</v>
      </c>
      <c r="Q11" s="193">
        <v>0</v>
      </c>
      <c r="R11" s="191">
        <v>2</v>
      </c>
      <c r="S11" s="191">
        <v>2</v>
      </c>
      <c r="T11" s="191">
        <v>0</v>
      </c>
      <c r="U11" s="191">
        <v>2</v>
      </c>
      <c r="V11" s="191">
        <v>1</v>
      </c>
      <c r="W11" s="196">
        <v>7</v>
      </c>
      <c r="X11" s="195">
        <v>7</v>
      </c>
      <c r="Y11" s="190">
        <v>0</v>
      </c>
      <c r="Z11" s="191">
        <v>0</v>
      </c>
      <c r="AA11" s="196">
        <v>0</v>
      </c>
      <c r="AB11" s="193">
        <v>0</v>
      </c>
      <c r="AC11" s="191">
        <v>613</v>
      </c>
      <c r="AD11" s="191">
        <v>535</v>
      </c>
      <c r="AE11" s="191">
        <v>195</v>
      </c>
      <c r="AF11" s="191">
        <v>103</v>
      </c>
      <c r="AG11" s="191">
        <v>46</v>
      </c>
      <c r="AH11" s="196">
        <v>1492</v>
      </c>
      <c r="AI11" s="195">
        <v>1492</v>
      </c>
      <c r="AJ11" s="190">
        <v>0</v>
      </c>
      <c r="AK11" s="191">
        <v>0</v>
      </c>
      <c r="AL11" s="196">
        <v>0</v>
      </c>
      <c r="AM11" s="193">
        <v>0</v>
      </c>
      <c r="AN11" s="191">
        <v>7</v>
      </c>
      <c r="AO11" s="191">
        <v>9</v>
      </c>
      <c r="AP11" s="191">
        <v>9</v>
      </c>
      <c r="AQ11" s="191">
        <v>6</v>
      </c>
      <c r="AR11" s="191">
        <v>6</v>
      </c>
      <c r="AS11" s="196">
        <v>37</v>
      </c>
      <c r="AT11" s="195">
        <v>37</v>
      </c>
      <c r="AU11" s="190">
        <v>11</v>
      </c>
      <c r="AV11" s="191">
        <v>10</v>
      </c>
      <c r="AW11" s="196">
        <v>21</v>
      </c>
      <c r="AX11" s="193">
        <v>0</v>
      </c>
      <c r="AY11" s="191">
        <v>60</v>
      </c>
      <c r="AZ11" s="191">
        <v>52</v>
      </c>
      <c r="BA11" s="191">
        <v>37</v>
      </c>
      <c r="BB11" s="191">
        <v>26</v>
      </c>
      <c r="BC11" s="191">
        <v>8</v>
      </c>
      <c r="BD11" s="196">
        <v>183</v>
      </c>
      <c r="BE11" s="195">
        <v>204</v>
      </c>
      <c r="BF11" s="190">
        <v>0</v>
      </c>
      <c r="BG11" s="191">
        <v>0</v>
      </c>
      <c r="BH11" s="196">
        <v>0</v>
      </c>
      <c r="BI11" s="193">
        <v>0</v>
      </c>
      <c r="BJ11" s="191">
        <v>78</v>
      </c>
      <c r="BK11" s="191">
        <v>60</v>
      </c>
      <c r="BL11" s="191">
        <v>101</v>
      </c>
      <c r="BM11" s="191">
        <v>55</v>
      </c>
      <c r="BN11" s="191">
        <v>42</v>
      </c>
      <c r="BO11" s="194">
        <v>336</v>
      </c>
      <c r="BP11" s="195">
        <v>336</v>
      </c>
      <c r="BQ11" s="190">
        <v>0</v>
      </c>
      <c r="BR11" s="191">
        <v>0</v>
      </c>
      <c r="BS11" s="196">
        <v>0</v>
      </c>
      <c r="BT11" s="193">
        <v>0</v>
      </c>
      <c r="BU11" s="191">
        <v>1</v>
      </c>
      <c r="BV11" s="191">
        <v>9</v>
      </c>
      <c r="BW11" s="191">
        <v>15</v>
      </c>
      <c r="BX11" s="191">
        <v>11</v>
      </c>
      <c r="BY11" s="191">
        <v>9</v>
      </c>
      <c r="BZ11" s="196">
        <v>45</v>
      </c>
      <c r="CA11" s="195">
        <v>45</v>
      </c>
      <c r="CB11" s="190">
        <v>0</v>
      </c>
      <c r="CC11" s="191">
        <v>0</v>
      </c>
      <c r="CD11" s="196">
        <v>0</v>
      </c>
      <c r="CE11" s="193">
        <v>0</v>
      </c>
      <c r="CF11" s="191">
        <v>0</v>
      </c>
      <c r="CG11" s="191">
        <v>0</v>
      </c>
      <c r="CH11" s="191">
        <v>12</v>
      </c>
      <c r="CI11" s="191">
        <v>23</v>
      </c>
      <c r="CJ11" s="191">
        <v>6</v>
      </c>
      <c r="CK11" s="196">
        <v>41</v>
      </c>
      <c r="CL11" s="195">
        <v>41</v>
      </c>
      <c r="CM11" s="190">
        <v>0</v>
      </c>
      <c r="CN11" s="191">
        <v>0</v>
      </c>
      <c r="CO11" s="196">
        <v>0</v>
      </c>
      <c r="CP11" s="193">
        <v>0</v>
      </c>
      <c r="CQ11" s="191">
        <v>12</v>
      </c>
      <c r="CR11" s="191">
        <v>17</v>
      </c>
      <c r="CS11" s="191">
        <v>18</v>
      </c>
      <c r="CT11" s="191">
        <v>15</v>
      </c>
      <c r="CU11" s="191">
        <v>7</v>
      </c>
      <c r="CV11" s="196">
        <v>69</v>
      </c>
      <c r="CW11" s="195">
        <v>69</v>
      </c>
    </row>
    <row r="12" spans="2:101" ht="21" customHeight="1" x14ac:dyDescent="0.2">
      <c r="B12" s="106" t="s">
        <v>9</v>
      </c>
      <c r="C12" s="190">
        <v>0</v>
      </c>
      <c r="D12" s="196">
        <v>0</v>
      </c>
      <c r="E12" s="207">
        <v>0</v>
      </c>
      <c r="F12" s="193">
        <v>0</v>
      </c>
      <c r="G12" s="191">
        <v>0</v>
      </c>
      <c r="H12" s="191">
        <v>2</v>
      </c>
      <c r="I12" s="191">
        <v>3</v>
      </c>
      <c r="J12" s="191">
        <v>3</v>
      </c>
      <c r="K12" s="191">
        <v>3</v>
      </c>
      <c r="L12" s="194">
        <v>11</v>
      </c>
      <c r="M12" s="195">
        <v>11</v>
      </c>
      <c r="N12" s="190">
        <v>0</v>
      </c>
      <c r="O12" s="191">
        <v>0</v>
      </c>
      <c r="P12" s="196">
        <v>0</v>
      </c>
      <c r="Q12" s="193">
        <v>0</v>
      </c>
      <c r="R12" s="191">
        <v>0</v>
      </c>
      <c r="S12" s="191">
        <v>0</v>
      </c>
      <c r="T12" s="191">
        <v>0</v>
      </c>
      <c r="U12" s="191">
        <v>0</v>
      </c>
      <c r="V12" s="191">
        <v>0</v>
      </c>
      <c r="W12" s="196">
        <v>0</v>
      </c>
      <c r="X12" s="195">
        <v>0</v>
      </c>
      <c r="Y12" s="190">
        <v>0</v>
      </c>
      <c r="Z12" s="191">
        <v>0</v>
      </c>
      <c r="AA12" s="196">
        <v>0</v>
      </c>
      <c r="AB12" s="193">
        <v>0</v>
      </c>
      <c r="AC12" s="191">
        <v>452</v>
      </c>
      <c r="AD12" s="191">
        <v>308</v>
      </c>
      <c r="AE12" s="191">
        <v>139</v>
      </c>
      <c r="AF12" s="191">
        <v>97</v>
      </c>
      <c r="AG12" s="191">
        <v>35</v>
      </c>
      <c r="AH12" s="196">
        <v>1031</v>
      </c>
      <c r="AI12" s="195">
        <v>1031</v>
      </c>
      <c r="AJ12" s="190">
        <v>0</v>
      </c>
      <c r="AK12" s="191">
        <v>0</v>
      </c>
      <c r="AL12" s="196">
        <v>0</v>
      </c>
      <c r="AM12" s="193">
        <v>0</v>
      </c>
      <c r="AN12" s="191">
        <v>5</v>
      </c>
      <c r="AO12" s="191">
        <v>7</v>
      </c>
      <c r="AP12" s="191">
        <v>9</v>
      </c>
      <c r="AQ12" s="191">
        <v>1</v>
      </c>
      <c r="AR12" s="191">
        <v>4</v>
      </c>
      <c r="AS12" s="196">
        <v>26</v>
      </c>
      <c r="AT12" s="195">
        <v>26</v>
      </c>
      <c r="AU12" s="190">
        <v>6</v>
      </c>
      <c r="AV12" s="191">
        <v>3</v>
      </c>
      <c r="AW12" s="196">
        <v>9</v>
      </c>
      <c r="AX12" s="193">
        <v>0</v>
      </c>
      <c r="AY12" s="191">
        <v>37</v>
      </c>
      <c r="AZ12" s="191">
        <v>28</v>
      </c>
      <c r="BA12" s="191">
        <v>22</v>
      </c>
      <c r="BB12" s="191">
        <v>24</v>
      </c>
      <c r="BC12" s="191">
        <v>16</v>
      </c>
      <c r="BD12" s="196">
        <v>127</v>
      </c>
      <c r="BE12" s="195">
        <v>136</v>
      </c>
      <c r="BF12" s="190">
        <v>0</v>
      </c>
      <c r="BG12" s="191">
        <v>0</v>
      </c>
      <c r="BH12" s="196">
        <v>0</v>
      </c>
      <c r="BI12" s="193">
        <v>0</v>
      </c>
      <c r="BJ12" s="191">
        <v>37</v>
      </c>
      <c r="BK12" s="191">
        <v>54</v>
      </c>
      <c r="BL12" s="191">
        <v>88</v>
      </c>
      <c r="BM12" s="191">
        <v>69</v>
      </c>
      <c r="BN12" s="191">
        <v>31</v>
      </c>
      <c r="BO12" s="194">
        <v>279</v>
      </c>
      <c r="BP12" s="195">
        <v>279</v>
      </c>
      <c r="BQ12" s="190">
        <v>0</v>
      </c>
      <c r="BR12" s="191">
        <v>0</v>
      </c>
      <c r="BS12" s="196">
        <v>0</v>
      </c>
      <c r="BT12" s="193">
        <v>0</v>
      </c>
      <c r="BU12" s="191">
        <v>1</v>
      </c>
      <c r="BV12" s="191">
        <v>5</v>
      </c>
      <c r="BW12" s="191">
        <v>8</v>
      </c>
      <c r="BX12" s="191">
        <v>8</v>
      </c>
      <c r="BY12" s="191">
        <v>3</v>
      </c>
      <c r="BZ12" s="196">
        <v>25</v>
      </c>
      <c r="CA12" s="195">
        <v>25</v>
      </c>
      <c r="CB12" s="190">
        <v>0</v>
      </c>
      <c r="CC12" s="191">
        <v>0</v>
      </c>
      <c r="CD12" s="196">
        <v>0</v>
      </c>
      <c r="CE12" s="193">
        <v>0</v>
      </c>
      <c r="CF12" s="191">
        <v>0</v>
      </c>
      <c r="CG12" s="191">
        <v>0</v>
      </c>
      <c r="CH12" s="191">
        <v>0</v>
      </c>
      <c r="CI12" s="191">
        <v>0</v>
      </c>
      <c r="CJ12" s="191">
        <v>1</v>
      </c>
      <c r="CK12" s="196">
        <v>1</v>
      </c>
      <c r="CL12" s="195">
        <v>1</v>
      </c>
      <c r="CM12" s="190">
        <v>0</v>
      </c>
      <c r="CN12" s="191">
        <v>0</v>
      </c>
      <c r="CO12" s="196">
        <v>0</v>
      </c>
      <c r="CP12" s="193">
        <v>0</v>
      </c>
      <c r="CQ12" s="191">
        <v>4</v>
      </c>
      <c r="CR12" s="191">
        <v>8</v>
      </c>
      <c r="CS12" s="191">
        <v>6</v>
      </c>
      <c r="CT12" s="191">
        <v>11</v>
      </c>
      <c r="CU12" s="191">
        <v>13</v>
      </c>
      <c r="CV12" s="196">
        <v>42</v>
      </c>
      <c r="CW12" s="195">
        <v>42</v>
      </c>
    </row>
    <row r="13" spans="2:101" ht="21" customHeight="1" x14ac:dyDescent="0.2">
      <c r="B13" s="106" t="s">
        <v>10</v>
      </c>
      <c r="C13" s="190">
        <v>0</v>
      </c>
      <c r="D13" s="196">
        <v>0</v>
      </c>
      <c r="E13" s="207">
        <v>0</v>
      </c>
      <c r="F13" s="193">
        <v>0</v>
      </c>
      <c r="G13" s="191">
        <v>22</v>
      </c>
      <c r="H13" s="191">
        <v>13</v>
      </c>
      <c r="I13" s="191">
        <v>11</v>
      </c>
      <c r="J13" s="191">
        <v>10</v>
      </c>
      <c r="K13" s="191">
        <v>11</v>
      </c>
      <c r="L13" s="194">
        <v>67</v>
      </c>
      <c r="M13" s="195">
        <v>67</v>
      </c>
      <c r="N13" s="190">
        <v>0</v>
      </c>
      <c r="O13" s="191">
        <v>0</v>
      </c>
      <c r="P13" s="196">
        <v>0</v>
      </c>
      <c r="Q13" s="193">
        <v>0</v>
      </c>
      <c r="R13" s="191">
        <v>6</v>
      </c>
      <c r="S13" s="191">
        <v>1</v>
      </c>
      <c r="T13" s="191">
        <v>6</v>
      </c>
      <c r="U13" s="191">
        <v>5</v>
      </c>
      <c r="V13" s="191">
        <v>3</v>
      </c>
      <c r="W13" s="196">
        <v>21</v>
      </c>
      <c r="X13" s="195">
        <v>21</v>
      </c>
      <c r="Y13" s="190">
        <v>0</v>
      </c>
      <c r="Z13" s="191">
        <v>0</v>
      </c>
      <c r="AA13" s="196">
        <v>0</v>
      </c>
      <c r="AB13" s="193">
        <v>0</v>
      </c>
      <c r="AC13" s="191">
        <v>599</v>
      </c>
      <c r="AD13" s="191">
        <v>263</v>
      </c>
      <c r="AE13" s="191">
        <v>120</v>
      </c>
      <c r="AF13" s="191">
        <v>57</v>
      </c>
      <c r="AG13" s="191">
        <v>13</v>
      </c>
      <c r="AH13" s="196">
        <v>1052</v>
      </c>
      <c r="AI13" s="195">
        <v>1052</v>
      </c>
      <c r="AJ13" s="190">
        <v>0</v>
      </c>
      <c r="AK13" s="191">
        <v>1</v>
      </c>
      <c r="AL13" s="196">
        <v>1</v>
      </c>
      <c r="AM13" s="193">
        <v>0</v>
      </c>
      <c r="AN13" s="191">
        <v>5</v>
      </c>
      <c r="AO13" s="191">
        <v>15</v>
      </c>
      <c r="AP13" s="191">
        <v>17</v>
      </c>
      <c r="AQ13" s="191">
        <v>15</v>
      </c>
      <c r="AR13" s="191">
        <v>9</v>
      </c>
      <c r="AS13" s="196">
        <v>61</v>
      </c>
      <c r="AT13" s="195">
        <v>62</v>
      </c>
      <c r="AU13" s="190">
        <v>10</v>
      </c>
      <c r="AV13" s="191">
        <v>12</v>
      </c>
      <c r="AW13" s="196">
        <v>22</v>
      </c>
      <c r="AX13" s="193">
        <v>0</v>
      </c>
      <c r="AY13" s="191">
        <v>89</v>
      </c>
      <c r="AZ13" s="191">
        <v>62</v>
      </c>
      <c r="BA13" s="191">
        <v>56</v>
      </c>
      <c r="BB13" s="191">
        <v>45</v>
      </c>
      <c r="BC13" s="191">
        <v>36</v>
      </c>
      <c r="BD13" s="196">
        <v>288</v>
      </c>
      <c r="BE13" s="195">
        <v>310</v>
      </c>
      <c r="BF13" s="190">
        <v>0</v>
      </c>
      <c r="BG13" s="191">
        <v>2</v>
      </c>
      <c r="BH13" s="196">
        <v>2</v>
      </c>
      <c r="BI13" s="193">
        <v>0</v>
      </c>
      <c r="BJ13" s="191">
        <v>112</v>
      </c>
      <c r="BK13" s="191">
        <v>120</v>
      </c>
      <c r="BL13" s="191">
        <v>128</v>
      </c>
      <c r="BM13" s="191">
        <v>88</v>
      </c>
      <c r="BN13" s="191">
        <v>80</v>
      </c>
      <c r="BO13" s="194">
        <v>528</v>
      </c>
      <c r="BP13" s="195">
        <v>530</v>
      </c>
      <c r="BQ13" s="190">
        <v>0</v>
      </c>
      <c r="BR13" s="191">
        <v>0</v>
      </c>
      <c r="BS13" s="196">
        <v>0</v>
      </c>
      <c r="BT13" s="193">
        <v>0</v>
      </c>
      <c r="BU13" s="191">
        <v>31</v>
      </c>
      <c r="BV13" s="191">
        <v>20</v>
      </c>
      <c r="BW13" s="191">
        <v>32</v>
      </c>
      <c r="BX13" s="191">
        <v>33</v>
      </c>
      <c r="BY13" s="191">
        <v>31</v>
      </c>
      <c r="BZ13" s="196">
        <v>147</v>
      </c>
      <c r="CA13" s="195">
        <v>147</v>
      </c>
      <c r="CB13" s="190">
        <v>0</v>
      </c>
      <c r="CC13" s="191">
        <v>0</v>
      </c>
      <c r="CD13" s="196">
        <v>0</v>
      </c>
      <c r="CE13" s="193">
        <v>0</v>
      </c>
      <c r="CF13" s="191">
        <v>0</v>
      </c>
      <c r="CG13" s="191">
        <v>1</v>
      </c>
      <c r="CH13" s="191">
        <v>5</v>
      </c>
      <c r="CI13" s="191">
        <v>21</v>
      </c>
      <c r="CJ13" s="191">
        <v>13</v>
      </c>
      <c r="CK13" s="196">
        <v>40</v>
      </c>
      <c r="CL13" s="195">
        <v>40</v>
      </c>
      <c r="CM13" s="190">
        <v>0</v>
      </c>
      <c r="CN13" s="191">
        <v>0</v>
      </c>
      <c r="CO13" s="196">
        <v>0</v>
      </c>
      <c r="CP13" s="193">
        <v>0</v>
      </c>
      <c r="CQ13" s="191">
        <v>29</v>
      </c>
      <c r="CR13" s="191">
        <v>32</v>
      </c>
      <c r="CS13" s="191">
        <v>25</v>
      </c>
      <c r="CT13" s="191">
        <v>60</v>
      </c>
      <c r="CU13" s="191">
        <v>31</v>
      </c>
      <c r="CV13" s="196">
        <v>177</v>
      </c>
      <c r="CW13" s="195">
        <v>177</v>
      </c>
    </row>
    <row r="14" spans="2:101" ht="21" customHeight="1" x14ac:dyDescent="0.2">
      <c r="B14" s="106" t="s">
        <v>11</v>
      </c>
      <c r="C14" s="190">
        <v>0</v>
      </c>
      <c r="D14" s="196">
        <v>0</v>
      </c>
      <c r="E14" s="207">
        <v>0</v>
      </c>
      <c r="F14" s="193">
        <v>0</v>
      </c>
      <c r="G14" s="191">
        <v>16</v>
      </c>
      <c r="H14" s="191">
        <v>24</v>
      </c>
      <c r="I14" s="191">
        <v>11</v>
      </c>
      <c r="J14" s="191">
        <v>10</v>
      </c>
      <c r="K14" s="191">
        <v>12</v>
      </c>
      <c r="L14" s="194">
        <v>73</v>
      </c>
      <c r="M14" s="195">
        <v>73</v>
      </c>
      <c r="N14" s="190">
        <v>0</v>
      </c>
      <c r="O14" s="191">
        <v>0</v>
      </c>
      <c r="P14" s="196">
        <v>0</v>
      </c>
      <c r="Q14" s="193">
        <v>0</v>
      </c>
      <c r="R14" s="191">
        <v>7</v>
      </c>
      <c r="S14" s="191">
        <v>3</v>
      </c>
      <c r="T14" s="191">
        <v>3</v>
      </c>
      <c r="U14" s="191">
        <v>7</v>
      </c>
      <c r="V14" s="191">
        <v>3</v>
      </c>
      <c r="W14" s="196">
        <v>23</v>
      </c>
      <c r="X14" s="195">
        <v>23</v>
      </c>
      <c r="Y14" s="190">
        <v>0</v>
      </c>
      <c r="Z14" s="191">
        <v>0</v>
      </c>
      <c r="AA14" s="196">
        <v>0</v>
      </c>
      <c r="AB14" s="193">
        <v>0</v>
      </c>
      <c r="AC14" s="191">
        <v>506</v>
      </c>
      <c r="AD14" s="191">
        <v>303</v>
      </c>
      <c r="AE14" s="191">
        <v>165</v>
      </c>
      <c r="AF14" s="191">
        <v>83</v>
      </c>
      <c r="AG14" s="191">
        <v>31</v>
      </c>
      <c r="AH14" s="196">
        <v>1088</v>
      </c>
      <c r="AI14" s="195">
        <v>1088</v>
      </c>
      <c r="AJ14" s="190">
        <v>0</v>
      </c>
      <c r="AK14" s="191">
        <v>0</v>
      </c>
      <c r="AL14" s="196">
        <v>0</v>
      </c>
      <c r="AM14" s="193">
        <v>0</v>
      </c>
      <c r="AN14" s="191">
        <v>30</v>
      </c>
      <c r="AO14" s="191">
        <v>20</v>
      </c>
      <c r="AP14" s="191">
        <v>12</v>
      </c>
      <c r="AQ14" s="191">
        <v>4</v>
      </c>
      <c r="AR14" s="191">
        <v>3</v>
      </c>
      <c r="AS14" s="196">
        <v>69</v>
      </c>
      <c r="AT14" s="195">
        <v>69</v>
      </c>
      <c r="AU14" s="190">
        <v>2</v>
      </c>
      <c r="AV14" s="191">
        <v>5</v>
      </c>
      <c r="AW14" s="196">
        <v>7</v>
      </c>
      <c r="AX14" s="193">
        <v>0</v>
      </c>
      <c r="AY14" s="191">
        <v>36</v>
      </c>
      <c r="AZ14" s="191">
        <v>46</v>
      </c>
      <c r="BA14" s="191">
        <v>39</v>
      </c>
      <c r="BB14" s="191">
        <v>21</v>
      </c>
      <c r="BC14" s="191">
        <v>7</v>
      </c>
      <c r="BD14" s="196">
        <v>149</v>
      </c>
      <c r="BE14" s="195">
        <v>156</v>
      </c>
      <c r="BF14" s="190">
        <v>0</v>
      </c>
      <c r="BG14" s="191">
        <v>3</v>
      </c>
      <c r="BH14" s="196">
        <v>3</v>
      </c>
      <c r="BI14" s="193">
        <v>0</v>
      </c>
      <c r="BJ14" s="191">
        <v>56</v>
      </c>
      <c r="BK14" s="191">
        <v>80</v>
      </c>
      <c r="BL14" s="191">
        <v>85</v>
      </c>
      <c r="BM14" s="191">
        <v>65</v>
      </c>
      <c r="BN14" s="191">
        <v>21</v>
      </c>
      <c r="BO14" s="194">
        <v>307</v>
      </c>
      <c r="BP14" s="195">
        <v>310</v>
      </c>
      <c r="BQ14" s="190">
        <v>0</v>
      </c>
      <c r="BR14" s="191">
        <v>0</v>
      </c>
      <c r="BS14" s="196">
        <v>0</v>
      </c>
      <c r="BT14" s="193">
        <v>0</v>
      </c>
      <c r="BU14" s="191">
        <v>0</v>
      </c>
      <c r="BV14" s="191">
        <v>0</v>
      </c>
      <c r="BW14" s="191">
        <v>0</v>
      </c>
      <c r="BX14" s="191">
        <v>0</v>
      </c>
      <c r="BY14" s="191">
        <v>0</v>
      </c>
      <c r="BZ14" s="196">
        <v>0</v>
      </c>
      <c r="CA14" s="195">
        <v>0</v>
      </c>
      <c r="CB14" s="190">
        <v>0</v>
      </c>
      <c r="CC14" s="191">
        <v>0</v>
      </c>
      <c r="CD14" s="196">
        <v>0</v>
      </c>
      <c r="CE14" s="193">
        <v>0</v>
      </c>
      <c r="CF14" s="191">
        <v>0</v>
      </c>
      <c r="CG14" s="191">
        <v>0</v>
      </c>
      <c r="CH14" s="191">
        <v>0</v>
      </c>
      <c r="CI14" s="191">
        <v>1</v>
      </c>
      <c r="CJ14" s="191">
        <v>0</v>
      </c>
      <c r="CK14" s="196">
        <v>1</v>
      </c>
      <c r="CL14" s="195">
        <v>1</v>
      </c>
      <c r="CM14" s="190">
        <v>0</v>
      </c>
      <c r="CN14" s="191">
        <v>0</v>
      </c>
      <c r="CO14" s="196">
        <v>0</v>
      </c>
      <c r="CP14" s="193">
        <v>0</v>
      </c>
      <c r="CQ14" s="191">
        <v>12</v>
      </c>
      <c r="CR14" s="191">
        <v>8</v>
      </c>
      <c r="CS14" s="191">
        <v>8</v>
      </c>
      <c r="CT14" s="191">
        <v>6</v>
      </c>
      <c r="CU14" s="191">
        <v>7</v>
      </c>
      <c r="CV14" s="196">
        <v>41</v>
      </c>
      <c r="CW14" s="195">
        <v>41</v>
      </c>
    </row>
    <row r="15" spans="2:101" ht="21" customHeight="1" x14ac:dyDescent="0.2">
      <c r="B15" s="106" t="s">
        <v>12</v>
      </c>
      <c r="C15" s="190">
        <v>0</v>
      </c>
      <c r="D15" s="196">
        <v>0</v>
      </c>
      <c r="E15" s="207">
        <v>0</v>
      </c>
      <c r="F15" s="193">
        <v>0</v>
      </c>
      <c r="G15" s="191">
        <v>7</v>
      </c>
      <c r="H15" s="191">
        <v>4</v>
      </c>
      <c r="I15" s="191">
        <v>2</v>
      </c>
      <c r="J15" s="191">
        <v>4</v>
      </c>
      <c r="K15" s="191">
        <v>3</v>
      </c>
      <c r="L15" s="194">
        <v>20</v>
      </c>
      <c r="M15" s="195">
        <v>20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0</v>
      </c>
      <c r="T15" s="191">
        <v>0</v>
      </c>
      <c r="U15" s="191">
        <v>0</v>
      </c>
      <c r="V15" s="191">
        <v>0</v>
      </c>
      <c r="W15" s="196">
        <v>0</v>
      </c>
      <c r="X15" s="195">
        <v>0</v>
      </c>
      <c r="Y15" s="190">
        <v>0</v>
      </c>
      <c r="Z15" s="191">
        <v>0</v>
      </c>
      <c r="AA15" s="196">
        <v>0</v>
      </c>
      <c r="AB15" s="193">
        <v>0</v>
      </c>
      <c r="AC15" s="191">
        <v>397</v>
      </c>
      <c r="AD15" s="191">
        <v>268</v>
      </c>
      <c r="AE15" s="191">
        <v>140</v>
      </c>
      <c r="AF15" s="191">
        <v>71</v>
      </c>
      <c r="AG15" s="191">
        <v>29</v>
      </c>
      <c r="AH15" s="196">
        <v>905</v>
      </c>
      <c r="AI15" s="195">
        <v>905</v>
      </c>
      <c r="AJ15" s="190">
        <v>0</v>
      </c>
      <c r="AK15" s="191">
        <v>0</v>
      </c>
      <c r="AL15" s="196">
        <v>0</v>
      </c>
      <c r="AM15" s="193">
        <v>0</v>
      </c>
      <c r="AN15" s="191">
        <v>5</v>
      </c>
      <c r="AO15" s="191">
        <v>2</v>
      </c>
      <c r="AP15" s="191">
        <v>5</v>
      </c>
      <c r="AQ15" s="191">
        <v>0</v>
      </c>
      <c r="AR15" s="191">
        <v>0</v>
      </c>
      <c r="AS15" s="196">
        <v>12</v>
      </c>
      <c r="AT15" s="195">
        <v>12</v>
      </c>
      <c r="AU15" s="190">
        <v>0</v>
      </c>
      <c r="AV15" s="191">
        <v>4</v>
      </c>
      <c r="AW15" s="196">
        <v>4</v>
      </c>
      <c r="AX15" s="193">
        <v>0</v>
      </c>
      <c r="AY15" s="191">
        <v>18</v>
      </c>
      <c r="AZ15" s="191">
        <v>34</v>
      </c>
      <c r="BA15" s="191">
        <v>41</v>
      </c>
      <c r="BB15" s="191">
        <v>38</v>
      </c>
      <c r="BC15" s="191">
        <v>30</v>
      </c>
      <c r="BD15" s="196">
        <v>161</v>
      </c>
      <c r="BE15" s="195">
        <v>165</v>
      </c>
      <c r="BF15" s="190">
        <v>0</v>
      </c>
      <c r="BG15" s="191">
        <v>0</v>
      </c>
      <c r="BH15" s="196">
        <v>0</v>
      </c>
      <c r="BI15" s="193">
        <v>0</v>
      </c>
      <c r="BJ15" s="191">
        <v>40</v>
      </c>
      <c r="BK15" s="191">
        <v>42</v>
      </c>
      <c r="BL15" s="191">
        <v>48</v>
      </c>
      <c r="BM15" s="191">
        <v>29</v>
      </c>
      <c r="BN15" s="191">
        <v>38</v>
      </c>
      <c r="BO15" s="194">
        <v>197</v>
      </c>
      <c r="BP15" s="195">
        <v>197</v>
      </c>
      <c r="BQ15" s="190">
        <v>0</v>
      </c>
      <c r="BR15" s="191">
        <v>0</v>
      </c>
      <c r="BS15" s="196">
        <v>0</v>
      </c>
      <c r="BT15" s="193">
        <v>0</v>
      </c>
      <c r="BU15" s="191">
        <v>0</v>
      </c>
      <c r="BV15" s="191">
        <v>5</v>
      </c>
      <c r="BW15" s="191">
        <v>6</v>
      </c>
      <c r="BX15" s="191">
        <v>11</v>
      </c>
      <c r="BY15" s="191">
        <v>5</v>
      </c>
      <c r="BZ15" s="196">
        <v>27</v>
      </c>
      <c r="CA15" s="195">
        <v>27</v>
      </c>
      <c r="CB15" s="190">
        <v>0</v>
      </c>
      <c r="CC15" s="191">
        <v>0</v>
      </c>
      <c r="CD15" s="196">
        <v>0</v>
      </c>
      <c r="CE15" s="193">
        <v>0</v>
      </c>
      <c r="CF15" s="191">
        <v>0</v>
      </c>
      <c r="CG15" s="191">
        <v>0</v>
      </c>
      <c r="CH15" s="191">
        <v>12</v>
      </c>
      <c r="CI15" s="191">
        <v>14</v>
      </c>
      <c r="CJ15" s="191">
        <v>3</v>
      </c>
      <c r="CK15" s="196">
        <v>29</v>
      </c>
      <c r="CL15" s="195">
        <v>29</v>
      </c>
      <c r="CM15" s="190">
        <v>0</v>
      </c>
      <c r="CN15" s="191">
        <v>0</v>
      </c>
      <c r="CO15" s="196">
        <v>0</v>
      </c>
      <c r="CP15" s="193">
        <v>0</v>
      </c>
      <c r="CQ15" s="191">
        <v>5</v>
      </c>
      <c r="CR15" s="191">
        <v>17</v>
      </c>
      <c r="CS15" s="191">
        <v>18</v>
      </c>
      <c r="CT15" s="191">
        <v>22</v>
      </c>
      <c r="CU15" s="191">
        <v>18</v>
      </c>
      <c r="CV15" s="196">
        <v>80</v>
      </c>
      <c r="CW15" s="195">
        <v>80</v>
      </c>
    </row>
    <row r="16" spans="2:101" ht="21" customHeight="1" x14ac:dyDescent="0.2">
      <c r="B16" s="106" t="s">
        <v>13</v>
      </c>
      <c r="C16" s="190">
        <v>0</v>
      </c>
      <c r="D16" s="196">
        <v>0</v>
      </c>
      <c r="E16" s="207">
        <v>0</v>
      </c>
      <c r="F16" s="193">
        <v>0</v>
      </c>
      <c r="G16" s="191">
        <v>0</v>
      </c>
      <c r="H16" s="191">
        <v>1</v>
      </c>
      <c r="I16" s="191">
        <v>1</v>
      </c>
      <c r="J16" s="191">
        <v>1</v>
      </c>
      <c r="K16" s="191">
        <v>3</v>
      </c>
      <c r="L16" s="194">
        <v>6</v>
      </c>
      <c r="M16" s="195">
        <v>6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0</v>
      </c>
      <c r="T16" s="191">
        <v>0</v>
      </c>
      <c r="U16" s="191">
        <v>0</v>
      </c>
      <c r="V16" s="191">
        <v>0</v>
      </c>
      <c r="W16" s="196">
        <v>0</v>
      </c>
      <c r="X16" s="195">
        <v>0</v>
      </c>
      <c r="Y16" s="190">
        <v>0</v>
      </c>
      <c r="Z16" s="191">
        <v>0</v>
      </c>
      <c r="AA16" s="196">
        <v>0</v>
      </c>
      <c r="AB16" s="193">
        <v>0</v>
      </c>
      <c r="AC16" s="191">
        <v>166</v>
      </c>
      <c r="AD16" s="191">
        <v>169</v>
      </c>
      <c r="AE16" s="191">
        <v>64</v>
      </c>
      <c r="AF16" s="191">
        <v>39</v>
      </c>
      <c r="AG16" s="191">
        <v>20</v>
      </c>
      <c r="AH16" s="196">
        <v>458</v>
      </c>
      <c r="AI16" s="195">
        <v>458</v>
      </c>
      <c r="AJ16" s="190">
        <v>0</v>
      </c>
      <c r="AK16" s="191">
        <v>0</v>
      </c>
      <c r="AL16" s="196">
        <v>0</v>
      </c>
      <c r="AM16" s="193">
        <v>0</v>
      </c>
      <c r="AN16" s="191">
        <v>3</v>
      </c>
      <c r="AO16" s="191">
        <v>5</v>
      </c>
      <c r="AP16" s="191">
        <v>8</v>
      </c>
      <c r="AQ16" s="191">
        <v>2</v>
      </c>
      <c r="AR16" s="191">
        <v>7</v>
      </c>
      <c r="AS16" s="196">
        <v>25</v>
      </c>
      <c r="AT16" s="195">
        <v>25</v>
      </c>
      <c r="AU16" s="190">
        <v>5</v>
      </c>
      <c r="AV16" s="191">
        <v>1</v>
      </c>
      <c r="AW16" s="196">
        <v>6</v>
      </c>
      <c r="AX16" s="193">
        <v>0</v>
      </c>
      <c r="AY16" s="191">
        <v>12</v>
      </c>
      <c r="AZ16" s="191">
        <v>10</v>
      </c>
      <c r="BA16" s="191">
        <v>9</v>
      </c>
      <c r="BB16" s="191">
        <v>2</v>
      </c>
      <c r="BC16" s="191">
        <v>5</v>
      </c>
      <c r="BD16" s="196">
        <v>38</v>
      </c>
      <c r="BE16" s="195">
        <v>44</v>
      </c>
      <c r="BF16" s="190">
        <v>0</v>
      </c>
      <c r="BG16" s="191">
        <v>0</v>
      </c>
      <c r="BH16" s="196">
        <v>0</v>
      </c>
      <c r="BI16" s="193">
        <v>0</v>
      </c>
      <c r="BJ16" s="191">
        <v>15</v>
      </c>
      <c r="BK16" s="191">
        <v>15</v>
      </c>
      <c r="BL16" s="191">
        <v>19</v>
      </c>
      <c r="BM16" s="191">
        <v>14</v>
      </c>
      <c r="BN16" s="191">
        <v>13</v>
      </c>
      <c r="BO16" s="194">
        <v>76</v>
      </c>
      <c r="BP16" s="195">
        <v>76</v>
      </c>
      <c r="BQ16" s="190">
        <v>0</v>
      </c>
      <c r="BR16" s="191">
        <v>0</v>
      </c>
      <c r="BS16" s="196">
        <v>0</v>
      </c>
      <c r="BT16" s="193">
        <v>0</v>
      </c>
      <c r="BU16" s="191">
        <v>3</v>
      </c>
      <c r="BV16" s="191">
        <v>1</v>
      </c>
      <c r="BW16" s="191">
        <v>4</v>
      </c>
      <c r="BX16" s="191">
        <v>6</v>
      </c>
      <c r="BY16" s="191">
        <v>0</v>
      </c>
      <c r="BZ16" s="196">
        <v>14</v>
      </c>
      <c r="CA16" s="195">
        <v>14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0</v>
      </c>
      <c r="CH16" s="191">
        <v>0</v>
      </c>
      <c r="CI16" s="191">
        <v>0</v>
      </c>
      <c r="CJ16" s="191">
        <v>0</v>
      </c>
      <c r="CK16" s="196">
        <v>0</v>
      </c>
      <c r="CL16" s="195">
        <v>0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</row>
    <row r="17" spans="2:101" ht="21" customHeight="1" x14ac:dyDescent="0.2">
      <c r="B17" s="106" t="s">
        <v>15</v>
      </c>
      <c r="C17" s="190">
        <v>0</v>
      </c>
      <c r="D17" s="196">
        <v>0</v>
      </c>
      <c r="E17" s="207">
        <v>0</v>
      </c>
      <c r="F17" s="193">
        <v>0</v>
      </c>
      <c r="G17" s="191">
        <v>2</v>
      </c>
      <c r="H17" s="191">
        <v>0</v>
      </c>
      <c r="I17" s="191">
        <v>2</v>
      </c>
      <c r="J17" s="191">
        <v>1</v>
      </c>
      <c r="K17" s="191">
        <v>6</v>
      </c>
      <c r="L17" s="194">
        <v>11</v>
      </c>
      <c r="M17" s="195">
        <v>11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0</v>
      </c>
      <c r="V17" s="191">
        <v>0</v>
      </c>
      <c r="W17" s="196">
        <v>0</v>
      </c>
      <c r="X17" s="195">
        <v>0</v>
      </c>
      <c r="Y17" s="190">
        <v>0</v>
      </c>
      <c r="Z17" s="191">
        <v>0</v>
      </c>
      <c r="AA17" s="196">
        <v>0</v>
      </c>
      <c r="AB17" s="193">
        <v>0</v>
      </c>
      <c r="AC17" s="191">
        <v>206</v>
      </c>
      <c r="AD17" s="191">
        <v>215</v>
      </c>
      <c r="AE17" s="191">
        <v>79</v>
      </c>
      <c r="AF17" s="191">
        <v>37</v>
      </c>
      <c r="AG17" s="191">
        <v>19</v>
      </c>
      <c r="AH17" s="196">
        <v>556</v>
      </c>
      <c r="AI17" s="195">
        <v>556</v>
      </c>
      <c r="AJ17" s="190">
        <v>0</v>
      </c>
      <c r="AK17" s="191">
        <v>1</v>
      </c>
      <c r="AL17" s="196">
        <v>1</v>
      </c>
      <c r="AM17" s="193">
        <v>0</v>
      </c>
      <c r="AN17" s="191">
        <v>5</v>
      </c>
      <c r="AO17" s="191">
        <v>4</v>
      </c>
      <c r="AP17" s="191">
        <v>6</v>
      </c>
      <c r="AQ17" s="191">
        <v>1</v>
      </c>
      <c r="AR17" s="191">
        <v>1</v>
      </c>
      <c r="AS17" s="196">
        <v>17</v>
      </c>
      <c r="AT17" s="195">
        <v>18</v>
      </c>
      <c r="AU17" s="190">
        <v>1</v>
      </c>
      <c r="AV17" s="191">
        <v>13</v>
      </c>
      <c r="AW17" s="196">
        <v>14</v>
      </c>
      <c r="AX17" s="193">
        <v>0</v>
      </c>
      <c r="AY17" s="191">
        <v>19</v>
      </c>
      <c r="AZ17" s="191">
        <v>14</v>
      </c>
      <c r="BA17" s="191">
        <v>2</v>
      </c>
      <c r="BB17" s="191">
        <v>1</v>
      </c>
      <c r="BC17" s="191">
        <v>3</v>
      </c>
      <c r="BD17" s="196">
        <v>39</v>
      </c>
      <c r="BE17" s="195">
        <v>53</v>
      </c>
      <c r="BF17" s="190">
        <v>0</v>
      </c>
      <c r="BG17" s="191">
        <v>0</v>
      </c>
      <c r="BH17" s="196">
        <v>0</v>
      </c>
      <c r="BI17" s="193">
        <v>0</v>
      </c>
      <c r="BJ17" s="191">
        <v>43</v>
      </c>
      <c r="BK17" s="191">
        <v>45</v>
      </c>
      <c r="BL17" s="191">
        <v>33</v>
      </c>
      <c r="BM17" s="191">
        <v>28</v>
      </c>
      <c r="BN17" s="191">
        <v>15</v>
      </c>
      <c r="BO17" s="194">
        <v>164</v>
      </c>
      <c r="BP17" s="195">
        <v>164</v>
      </c>
      <c r="BQ17" s="190">
        <v>0</v>
      </c>
      <c r="BR17" s="191">
        <v>0</v>
      </c>
      <c r="BS17" s="196">
        <v>0</v>
      </c>
      <c r="BT17" s="193">
        <v>0</v>
      </c>
      <c r="BU17" s="191">
        <v>0</v>
      </c>
      <c r="BV17" s="191">
        <v>0</v>
      </c>
      <c r="BW17" s="191">
        <v>0</v>
      </c>
      <c r="BX17" s="191">
        <v>0</v>
      </c>
      <c r="BY17" s="191">
        <v>0</v>
      </c>
      <c r="BZ17" s="196">
        <v>0</v>
      </c>
      <c r="CA17" s="195">
        <v>0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0</v>
      </c>
      <c r="CH17" s="191">
        <v>9</v>
      </c>
      <c r="CI17" s="191">
        <v>12</v>
      </c>
      <c r="CJ17" s="191">
        <v>10</v>
      </c>
      <c r="CK17" s="196">
        <v>31</v>
      </c>
      <c r="CL17" s="195">
        <v>31</v>
      </c>
      <c r="CM17" s="190">
        <v>0</v>
      </c>
      <c r="CN17" s="191">
        <v>0</v>
      </c>
      <c r="CO17" s="196">
        <v>0</v>
      </c>
      <c r="CP17" s="193">
        <v>0</v>
      </c>
      <c r="CQ17" s="191">
        <v>4</v>
      </c>
      <c r="CR17" s="191">
        <v>10</v>
      </c>
      <c r="CS17" s="191">
        <v>4</v>
      </c>
      <c r="CT17" s="191">
        <v>4</v>
      </c>
      <c r="CU17" s="191">
        <v>1</v>
      </c>
      <c r="CV17" s="196">
        <v>23</v>
      </c>
      <c r="CW17" s="195">
        <v>23</v>
      </c>
    </row>
    <row r="18" spans="2:101" ht="21" customHeight="1" x14ac:dyDescent="0.2">
      <c r="B18" s="106" t="s">
        <v>16</v>
      </c>
      <c r="C18" s="190">
        <v>0</v>
      </c>
      <c r="D18" s="196">
        <v>0</v>
      </c>
      <c r="E18" s="207">
        <v>0</v>
      </c>
      <c r="F18" s="193">
        <v>0</v>
      </c>
      <c r="G18" s="191">
        <v>7</v>
      </c>
      <c r="H18" s="191">
        <v>17</v>
      </c>
      <c r="I18" s="191">
        <v>13</v>
      </c>
      <c r="J18" s="191">
        <v>12</v>
      </c>
      <c r="K18" s="191">
        <v>10</v>
      </c>
      <c r="L18" s="194">
        <v>59</v>
      </c>
      <c r="M18" s="195">
        <v>59</v>
      </c>
      <c r="N18" s="190">
        <v>0</v>
      </c>
      <c r="O18" s="191">
        <v>0</v>
      </c>
      <c r="P18" s="196">
        <v>0</v>
      </c>
      <c r="Q18" s="193">
        <v>0</v>
      </c>
      <c r="R18" s="191">
        <v>0</v>
      </c>
      <c r="S18" s="191">
        <v>3</v>
      </c>
      <c r="T18" s="191">
        <v>2</v>
      </c>
      <c r="U18" s="191">
        <v>1</v>
      </c>
      <c r="V18" s="191">
        <v>2</v>
      </c>
      <c r="W18" s="196">
        <v>8</v>
      </c>
      <c r="X18" s="195">
        <v>8</v>
      </c>
      <c r="Y18" s="190">
        <v>0</v>
      </c>
      <c r="Z18" s="191">
        <v>0</v>
      </c>
      <c r="AA18" s="196">
        <v>0</v>
      </c>
      <c r="AB18" s="193">
        <v>0</v>
      </c>
      <c r="AC18" s="191">
        <v>160</v>
      </c>
      <c r="AD18" s="191">
        <v>182</v>
      </c>
      <c r="AE18" s="191">
        <v>77</v>
      </c>
      <c r="AF18" s="191">
        <v>39</v>
      </c>
      <c r="AG18" s="191">
        <v>12</v>
      </c>
      <c r="AH18" s="196">
        <v>470</v>
      </c>
      <c r="AI18" s="195">
        <v>470</v>
      </c>
      <c r="AJ18" s="190">
        <v>0</v>
      </c>
      <c r="AK18" s="191">
        <v>0</v>
      </c>
      <c r="AL18" s="196">
        <v>0</v>
      </c>
      <c r="AM18" s="193">
        <v>0</v>
      </c>
      <c r="AN18" s="191">
        <v>4</v>
      </c>
      <c r="AO18" s="191">
        <v>7</v>
      </c>
      <c r="AP18" s="191">
        <v>6</v>
      </c>
      <c r="AQ18" s="191">
        <v>3</v>
      </c>
      <c r="AR18" s="191">
        <v>4</v>
      </c>
      <c r="AS18" s="196">
        <v>24</v>
      </c>
      <c r="AT18" s="195">
        <v>24</v>
      </c>
      <c r="AU18" s="190">
        <v>5</v>
      </c>
      <c r="AV18" s="191">
        <v>3</v>
      </c>
      <c r="AW18" s="196">
        <v>8</v>
      </c>
      <c r="AX18" s="193">
        <v>0</v>
      </c>
      <c r="AY18" s="191">
        <v>16</v>
      </c>
      <c r="AZ18" s="191">
        <v>20</v>
      </c>
      <c r="BA18" s="191">
        <v>13</v>
      </c>
      <c r="BB18" s="191">
        <v>15</v>
      </c>
      <c r="BC18" s="191">
        <v>11</v>
      </c>
      <c r="BD18" s="196">
        <v>75</v>
      </c>
      <c r="BE18" s="195">
        <v>83</v>
      </c>
      <c r="BF18" s="190">
        <v>0</v>
      </c>
      <c r="BG18" s="191">
        <v>1</v>
      </c>
      <c r="BH18" s="196">
        <v>1</v>
      </c>
      <c r="BI18" s="193">
        <v>0</v>
      </c>
      <c r="BJ18" s="191">
        <v>29</v>
      </c>
      <c r="BK18" s="191">
        <v>44</v>
      </c>
      <c r="BL18" s="191">
        <v>43</v>
      </c>
      <c r="BM18" s="191">
        <v>41</v>
      </c>
      <c r="BN18" s="191">
        <v>26</v>
      </c>
      <c r="BO18" s="194">
        <v>183</v>
      </c>
      <c r="BP18" s="195">
        <v>184</v>
      </c>
      <c r="BQ18" s="190">
        <v>0</v>
      </c>
      <c r="BR18" s="191">
        <v>0</v>
      </c>
      <c r="BS18" s="196">
        <v>0</v>
      </c>
      <c r="BT18" s="193">
        <v>0</v>
      </c>
      <c r="BU18" s="191">
        <v>0</v>
      </c>
      <c r="BV18" s="191">
        <v>0</v>
      </c>
      <c r="BW18" s="191">
        <v>0</v>
      </c>
      <c r="BX18" s="191">
        <v>0</v>
      </c>
      <c r="BY18" s="191">
        <v>0</v>
      </c>
      <c r="BZ18" s="196">
        <v>0</v>
      </c>
      <c r="CA18" s="195">
        <v>0</v>
      </c>
      <c r="CB18" s="190">
        <v>0</v>
      </c>
      <c r="CC18" s="191">
        <v>0</v>
      </c>
      <c r="CD18" s="196">
        <v>0</v>
      </c>
      <c r="CE18" s="193">
        <v>0</v>
      </c>
      <c r="CF18" s="191">
        <v>0</v>
      </c>
      <c r="CG18" s="191">
        <v>0</v>
      </c>
      <c r="CH18" s="191">
        <v>8</v>
      </c>
      <c r="CI18" s="191">
        <v>13</v>
      </c>
      <c r="CJ18" s="191">
        <v>8</v>
      </c>
      <c r="CK18" s="196">
        <v>29</v>
      </c>
      <c r="CL18" s="195">
        <v>29</v>
      </c>
      <c r="CM18" s="190">
        <v>0</v>
      </c>
      <c r="CN18" s="191">
        <v>0</v>
      </c>
      <c r="CO18" s="196">
        <v>0</v>
      </c>
      <c r="CP18" s="193">
        <v>0</v>
      </c>
      <c r="CQ18" s="191">
        <v>2</v>
      </c>
      <c r="CR18" s="191">
        <v>6</v>
      </c>
      <c r="CS18" s="191">
        <v>6</v>
      </c>
      <c r="CT18" s="191">
        <v>1</v>
      </c>
      <c r="CU18" s="191">
        <v>6</v>
      </c>
      <c r="CV18" s="196">
        <v>21</v>
      </c>
      <c r="CW18" s="195">
        <v>21</v>
      </c>
    </row>
    <row r="19" spans="2:101" ht="21" customHeight="1" x14ac:dyDescent="0.2">
      <c r="B19" s="106" t="s">
        <v>17</v>
      </c>
      <c r="C19" s="190">
        <v>0</v>
      </c>
      <c r="D19" s="196">
        <v>0</v>
      </c>
      <c r="E19" s="207">
        <v>0</v>
      </c>
      <c r="F19" s="193">
        <v>0</v>
      </c>
      <c r="G19" s="191">
        <v>1</v>
      </c>
      <c r="H19" s="191">
        <v>3</v>
      </c>
      <c r="I19" s="191">
        <v>1</v>
      </c>
      <c r="J19" s="191">
        <v>2</v>
      </c>
      <c r="K19" s="191">
        <v>0</v>
      </c>
      <c r="L19" s="194">
        <v>7</v>
      </c>
      <c r="M19" s="195">
        <v>7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0</v>
      </c>
      <c r="T19" s="191">
        <v>0</v>
      </c>
      <c r="U19" s="191">
        <v>0</v>
      </c>
      <c r="V19" s="191">
        <v>0</v>
      </c>
      <c r="W19" s="196">
        <v>0</v>
      </c>
      <c r="X19" s="195">
        <v>0</v>
      </c>
      <c r="Y19" s="190">
        <v>0</v>
      </c>
      <c r="Z19" s="191">
        <v>0</v>
      </c>
      <c r="AA19" s="196">
        <v>0</v>
      </c>
      <c r="AB19" s="193">
        <v>0</v>
      </c>
      <c r="AC19" s="191">
        <v>287</v>
      </c>
      <c r="AD19" s="191">
        <v>379</v>
      </c>
      <c r="AE19" s="191">
        <v>166</v>
      </c>
      <c r="AF19" s="191">
        <v>87</v>
      </c>
      <c r="AG19" s="191">
        <v>30</v>
      </c>
      <c r="AH19" s="196">
        <v>949</v>
      </c>
      <c r="AI19" s="195">
        <v>949</v>
      </c>
      <c r="AJ19" s="190">
        <v>1</v>
      </c>
      <c r="AK19" s="191">
        <v>0</v>
      </c>
      <c r="AL19" s="196">
        <v>1</v>
      </c>
      <c r="AM19" s="193">
        <v>0</v>
      </c>
      <c r="AN19" s="191">
        <v>24</v>
      </c>
      <c r="AO19" s="191">
        <v>21</v>
      </c>
      <c r="AP19" s="191">
        <v>14</v>
      </c>
      <c r="AQ19" s="191">
        <v>14</v>
      </c>
      <c r="AR19" s="191">
        <v>5</v>
      </c>
      <c r="AS19" s="196">
        <v>78</v>
      </c>
      <c r="AT19" s="195">
        <v>79</v>
      </c>
      <c r="AU19" s="190">
        <v>6</v>
      </c>
      <c r="AV19" s="191">
        <v>3</v>
      </c>
      <c r="AW19" s="196">
        <v>9</v>
      </c>
      <c r="AX19" s="193">
        <v>0</v>
      </c>
      <c r="AY19" s="191">
        <v>11</v>
      </c>
      <c r="AZ19" s="191">
        <v>30</v>
      </c>
      <c r="BA19" s="191">
        <v>32</v>
      </c>
      <c r="BB19" s="191">
        <v>28</v>
      </c>
      <c r="BC19" s="191">
        <v>17</v>
      </c>
      <c r="BD19" s="196">
        <v>118</v>
      </c>
      <c r="BE19" s="195">
        <v>127</v>
      </c>
      <c r="BF19" s="190">
        <v>0</v>
      </c>
      <c r="BG19" s="191">
        <v>0</v>
      </c>
      <c r="BH19" s="196">
        <v>0</v>
      </c>
      <c r="BI19" s="193">
        <v>0</v>
      </c>
      <c r="BJ19" s="191">
        <v>33</v>
      </c>
      <c r="BK19" s="191">
        <v>60</v>
      </c>
      <c r="BL19" s="191">
        <v>80</v>
      </c>
      <c r="BM19" s="191">
        <v>46</v>
      </c>
      <c r="BN19" s="191">
        <v>28</v>
      </c>
      <c r="BO19" s="194">
        <v>247</v>
      </c>
      <c r="BP19" s="195">
        <v>247</v>
      </c>
      <c r="BQ19" s="190">
        <v>0</v>
      </c>
      <c r="BR19" s="191">
        <v>0</v>
      </c>
      <c r="BS19" s="196">
        <v>0</v>
      </c>
      <c r="BT19" s="193">
        <v>0</v>
      </c>
      <c r="BU19" s="191">
        <v>0</v>
      </c>
      <c r="BV19" s="191">
        <v>0</v>
      </c>
      <c r="BW19" s="191">
        <v>0</v>
      </c>
      <c r="BX19" s="191">
        <v>0</v>
      </c>
      <c r="BY19" s="191">
        <v>0</v>
      </c>
      <c r="BZ19" s="196">
        <v>0</v>
      </c>
      <c r="CA19" s="195">
        <v>0</v>
      </c>
      <c r="CB19" s="190">
        <v>0</v>
      </c>
      <c r="CC19" s="191">
        <v>0</v>
      </c>
      <c r="CD19" s="196">
        <v>0</v>
      </c>
      <c r="CE19" s="193">
        <v>0</v>
      </c>
      <c r="CF19" s="191">
        <v>0</v>
      </c>
      <c r="CG19" s="191">
        <v>1</v>
      </c>
      <c r="CH19" s="191">
        <v>25</v>
      </c>
      <c r="CI19" s="191">
        <v>43</v>
      </c>
      <c r="CJ19" s="191">
        <v>35</v>
      </c>
      <c r="CK19" s="196">
        <v>104</v>
      </c>
      <c r="CL19" s="195">
        <v>104</v>
      </c>
      <c r="CM19" s="190">
        <v>0</v>
      </c>
      <c r="CN19" s="191">
        <v>0</v>
      </c>
      <c r="CO19" s="196">
        <v>0</v>
      </c>
      <c r="CP19" s="193">
        <v>0</v>
      </c>
      <c r="CQ19" s="191">
        <v>3</v>
      </c>
      <c r="CR19" s="191">
        <v>5</v>
      </c>
      <c r="CS19" s="191">
        <v>11</v>
      </c>
      <c r="CT19" s="191">
        <v>7</v>
      </c>
      <c r="CU19" s="191">
        <v>12</v>
      </c>
      <c r="CV19" s="196">
        <v>38</v>
      </c>
      <c r="CW19" s="195">
        <v>38</v>
      </c>
    </row>
    <row r="20" spans="2:101" ht="21" customHeight="1" x14ac:dyDescent="0.2">
      <c r="B20" s="106" t="s">
        <v>18</v>
      </c>
      <c r="C20" s="190">
        <v>0</v>
      </c>
      <c r="D20" s="196">
        <v>0</v>
      </c>
      <c r="E20" s="207">
        <v>0</v>
      </c>
      <c r="F20" s="193">
        <v>0</v>
      </c>
      <c r="G20" s="191">
        <v>12</v>
      </c>
      <c r="H20" s="191">
        <v>12</v>
      </c>
      <c r="I20" s="191">
        <v>5</v>
      </c>
      <c r="J20" s="191">
        <v>9</v>
      </c>
      <c r="K20" s="191">
        <v>12</v>
      </c>
      <c r="L20" s="194">
        <v>50</v>
      </c>
      <c r="M20" s="195">
        <v>50</v>
      </c>
      <c r="N20" s="190">
        <v>0</v>
      </c>
      <c r="O20" s="191">
        <v>0</v>
      </c>
      <c r="P20" s="196">
        <v>0</v>
      </c>
      <c r="Q20" s="193">
        <v>0</v>
      </c>
      <c r="R20" s="191">
        <v>0</v>
      </c>
      <c r="S20" s="191">
        <v>1</v>
      </c>
      <c r="T20" s="191">
        <v>1</v>
      </c>
      <c r="U20" s="191">
        <v>0</v>
      </c>
      <c r="V20" s="191">
        <v>1</v>
      </c>
      <c r="W20" s="196">
        <v>3</v>
      </c>
      <c r="X20" s="195">
        <v>3</v>
      </c>
      <c r="Y20" s="190">
        <v>0</v>
      </c>
      <c r="Z20" s="191">
        <v>0</v>
      </c>
      <c r="AA20" s="196">
        <v>0</v>
      </c>
      <c r="AB20" s="193">
        <v>0</v>
      </c>
      <c r="AC20" s="191">
        <v>315</v>
      </c>
      <c r="AD20" s="191">
        <v>207</v>
      </c>
      <c r="AE20" s="191">
        <v>85</v>
      </c>
      <c r="AF20" s="191">
        <v>40</v>
      </c>
      <c r="AG20" s="191">
        <v>15</v>
      </c>
      <c r="AH20" s="196">
        <v>662</v>
      </c>
      <c r="AI20" s="195">
        <v>662</v>
      </c>
      <c r="AJ20" s="190">
        <v>0</v>
      </c>
      <c r="AK20" s="191">
        <v>0</v>
      </c>
      <c r="AL20" s="196">
        <v>0</v>
      </c>
      <c r="AM20" s="193">
        <v>0</v>
      </c>
      <c r="AN20" s="191">
        <v>12</v>
      </c>
      <c r="AO20" s="191">
        <v>15</v>
      </c>
      <c r="AP20" s="191">
        <v>19</v>
      </c>
      <c r="AQ20" s="191">
        <v>10</v>
      </c>
      <c r="AR20" s="191">
        <v>6</v>
      </c>
      <c r="AS20" s="196">
        <v>62</v>
      </c>
      <c r="AT20" s="195">
        <v>62</v>
      </c>
      <c r="AU20" s="190">
        <v>6</v>
      </c>
      <c r="AV20" s="191">
        <v>7</v>
      </c>
      <c r="AW20" s="196">
        <v>13</v>
      </c>
      <c r="AX20" s="193">
        <v>0</v>
      </c>
      <c r="AY20" s="191">
        <v>56</v>
      </c>
      <c r="AZ20" s="191">
        <v>37</v>
      </c>
      <c r="BA20" s="191">
        <v>45</v>
      </c>
      <c r="BB20" s="191">
        <v>21</v>
      </c>
      <c r="BC20" s="191">
        <v>7</v>
      </c>
      <c r="BD20" s="196">
        <v>166</v>
      </c>
      <c r="BE20" s="195">
        <v>179</v>
      </c>
      <c r="BF20" s="190">
        <v>0</v>
      </c>
      <c r="BG20" s="191">
        <v>3</v>
      </c>
      <c r="BH20" s="196">
        <v>3</v>
      </c>
      <c r="BI20" s="193">
        <v>0</v>
      </c>
      <c r="BJ20" s="191">
        <v>57</v>
      </c>
      <c r="BK20" s="191">
        <v>80</v>
      </c>
      <c r="BL20" s="191">
        <v>91</v>
      </c>
      <c r="BM20" s="191">
        <v>63</v>
      </c>
      <c r="BN20" s="191">
        <v>23</v>
      </c>
      <c r="BO20" s="194">
        <v>314</v>
      </c>
      <c r="BP20" s="195">
        <v>317</v>
      </c>
      <c r="BQ20" s="190">
        <v>0</v>
      </c>
      <c r="BR20" s="191">
        <v>0</v>
      </c>
      <c r="BS20" s="196">
        <v>0</v>
      </c>
      <c r="BT20" s="193">
        <v>0</v>
      </c>
      <c r="BU20" s="191">
        <v>0</v>
      </c>
      <c r="BV20" s="191">
        <v>0</v>
      </c>
      <c r="BW20" s="191">
        <v>0</v>
      </c>
      <c r="BX20" s="191">
        <v>0</v>
      </c>
      <c r="BY20" s="191">
        <v>0</v>
      </c>
      <c r="BZ20" s="196">
        <v>0</v>
      </c>
      <c r="CA20" s="195">
        <v>0</v>
      </c>
      <c r="CB20" s="190">
        <v>0</v>
      </c>
      <c r="CC20" s="191">
        <v>0</v>
      </c>
      <c r="CD20" s="196">
        <v>0</v>
      </c>
      <c r="CE20" s="193">
        <v>0</v>
      </c>
      <c r="CF20" s="191">
        <v>0</v>
      </c>
      <c r="CG20" s="191">
        <v>1</v>
      </c>
      <c r="CH20" s="191">
        <v>7</v>
      </c>
      <c r="CI20" s="191">
        <v>16</v>
      </c>
      <c r="CJ20" s="191">
        <v>5</v>
      </c>
      <c r="CK20" s="196">
        <v>29</v>
      </c>
      <c r="CL20" s="195">
        <v>29</v>
      </c>
      <c r="CM20" s="190">
        <v>0</v>
      </c>
      <c r="CN20" s="191">
        <v>0</v>
      </c>
      <c r="CO20" s="196">
        <v>0</v>
      </c>
      <c r="CP20" s="193">
        <v>0</v>
      </c>
      <c r="CQ20" s="191">
        <v>5</v>
      </c>
      <c r="CR20" s="191">
        <v>10</v>
      </c>
      <c r="CS20" s="191">
        <v>16</v>
      </c>
      <c r="CT20" s="191">
        <v>16</v>
      </c>
      <c r="CU20" s="191">
        <v>31</v>
      </c>
      <c r="CV20" s="196">
        <v>78</v>
      </c>
      <c r="CW20" s="195">
        <v>78</v>
      </c>
    </row>
    <row r="21" spans="2:101" ht="21" customHeight="1" x14ac:dyDescent="0.2">
      <c r="B21" s="106" t="s">
        <v>19</v>
      </c>
      <c r="C21" s="190">
        <v>0</v>
      </c>
      <c r="D21" s="196">
        <v>0</v>
      </c>
      <c r="E21" s="207">
        <v>0</v>
      </c>
      <c r="F21" s="193">
        <v>0</v>
      </c>
      <c r="G21" s="191">
        <v>15</v>
      </c>
      <c r="H21" s="191">
        <v>13</v>
      </c>
      <c r="I21" s="191">
        <v>7</v>
      </c>
      <c r="J21" s="191">
        <v>6</v>
      </c>
      <c r="K21" s="191">
        <v>3</v>
      </c>
      <c r="L21" s="194">
        <v>44</v>
      </c>
      <c r="M21" s="195">
        <v>44</v>
      </c>
      <c r="N21" s="190">
        <v>0</v>
      </c>
      <c r="O21" s="191">
        <v>0</v>
      </c>
      <c r="P21" s="196">
        <v>0</v>
      </c>
      <c r="Q21" s="193">
        <v>0</v>
      </c>
      <c r="R21" s="191">
        <v>1</v>
      </c>
      <c r="S21" s="191">
        <v>1</v>
      </c>
      <c r="T21" s="191">
        <v>3</v>
      </c>
      <c r="U21" s="191">
        <v>3</v>
      </c>
      <c r="V21" s="191">
        <v>1</v>
      </c>
      <c r="W21" s="196">
        <v>9</v>
      </c>
      <c r="X21" s="195">
        <v>9</v>
      </c>
      <c r="Y21" s="190">
        <v>0</v>
      </c>
      <c r="Z21" s="191">
        <v>0</v>
      </c>
      <c r="AA21" s="196">
        <v>0</v>
      </c>
      <c r="AB21" s="193">
        <v>0</v>
      </c>
      <c r="AC21" s="191">
        <v>136</v>
      </c>
      <c r="AD21" s="191">
        <v>87</v>
      </c>
      <c r="AE21" s="191">
        <v>39</v>
      </c>
      <c r="AF21" s="191">
        <v>17</v>
      </c>
      <c r="AG21" s="191">
        <v>9</v>
      </c>
      <c r="AH21" s="196">
        <v>288</v>
      </c>
      <c r="AI21" s="195">
        <v>288</v>
      </c>
      <c r="AJ21" s="190">
        <v>1</v>
      </c>
      <c r="AK21" s="191">
        <v>0</v>
      </c>
      <c r="AL21" s="196">
        <v>1</v>
      </c>
      <c r="AM21" s="193">
        <v>0</v>
      </c>
      <c r="AN21" s="191">
        <v>22</v>
      </c>
      <c r="AO21" s="191">
        <v>12</v>
      </c>
      <c r="AP21" s="191">
        <v>15</v>
      </c>
      <c r="AQ21" s="191">
        <v>5</v>
      </c>
      <c r="AR21" s="191">
        <v>4</v>
      </c>
      <c r="AS21" s="196">
        <v>58</v>
      </c>
      <c r="AT21" s="195">
        <v>59</v>
      </c>
      <c r="AU21" s="190">
        <v>1</v>
      </c>
      <c r="AV21" s="191">
        <v>2</v>
      </c>
      <c r="AW21" s="196">
        <v>3</v>
      </c>
      <c r="AX21" s="193">
        <v>0</v>
      </c>
      <c r="AY21" s="191">
        <v>27</v>
      </c>
      <c r="AZ21" s="191">
        <v>32</v>
      </c>
      <c r="BA21" s="191">
        <v>28</v>
      </c>
      <c r="BB21" s="191">
        <v>20</v>
      </c>
      <c r="BC21" s="191">
        <v>9</v>
      </c>
      <c r="BD21" s="196">
        <v>116</v>
      </c>
      <c r="BE21" s="195">
        <v>119</v>
      </c>
      <c r="BF21" s="190">
        <v>0</v>
      </c>
      <c r="BG21" s="191">
        <v>0</v>
      </c>
      <c r="BH21" s="196">
        <v>0</v>
      </c>
      <c r="BI21" s="193">
        <v>0</v>
      </c>
      <c r="BJ21" s="191">
        <v>15</v>
      </c>
      <c r="BK21" s="191">
        <v>22</v>
      </c>
      <c r="BL21" s="191">
        <v>24</v>
      </c>
      <c r="BM21" s="191">
        <v>20</v>
      </c>
      <c r="BN21" s="191">
        <v>18</v>
      </c>
      <c r="BO21" s="194">
        <v>99</v>
      </c>
      <c r="BP21" s="195">
        <v>99</v>
      </c>
      <c r="BQ21" s="190">
        <v>0</v>
      </c>
      <c r="BR21" s="191">
        <v>0</v>
      </c>
      <c r="BS21" s="196">
        <v>0</v>
      </c>
      <c r="BT21" s="193">
        <v>0</v>
      </c>
      <c r="BU21" s="191">
        <v>0</v>
      </c>
      <c r="BV21" s="191">
        <v>0</v>
      </c>
      <c r="BW21" s="191">
        <v>0</v>
      </c>
      <c r="BX21" s="191">
        <v>0</v>
      </c>
      <c r="BY21" s="191">
        <v>0</v>
      </c>
      <c r="BZ21" s="196">
        <v>0</v>
      </c>
      <c r="CA21" s="195">
        <v>0</v>
      </c>
      <c r="CB21" s="190">
        <v>0</v>
      </c>
      <c r="CC21" s="191">
        <v>0</v>
      </c>
      <c r="CD21" s="196">
        <v>0</v>
      </c>
      <c r="CE21" s="193">
        <v>0</v>
      </c>
      <c r="CF21" s="191">
        <v>0</v>
      </c>
      <c r="CG21" s="191">
        <v>0</v>
      </c>
      <c r="CH21" s="191">
        <v>0</v>
      </c>
      <c r="CI21" s="191">
        <v>0</v>
      </c>
      <c r="CJ21" s="191">
        <v>0</v>
      </c>
      <c r="CK21" s="196">
        <v>0</v>
      </c>
      <c r="CL21" s="195">
        <v>0</v>
      </c>
      <c r="CM21" s="190">
        <v>0</v>
      </c>
      <c r="CN21" s="191">
        <v>0</v>
      </c>
      <c r="CO21" s="196">
        <v>0</v>
      </c>
      <c r="CP21" s="193">
        <v>0</v>
      </c>
      <c r="CQ21" s="191">
        <v>1</v>
      </c>
      <c r="CR21" s="191">
        <v>1</v>
      </c>
      <c r="CS21" s="191">
        <v>2</v>
      </c>
      <c r="CT21" s="191">
        <v>4</v>
      </c>
      <c r="CU21" s="191">
        <v>10</v>
      </c>
      <c r="CV21" s="196">
        <v>18</v>
      </c>
      <c r="CW21" s="195">
        <v>18</v>
      </c>
    </row>
    <row r="22" spans="2:101" ht="21" customHeight="1" x14ac:dyDescent="0.2">
      <c r="B22" s="106" t="s">
        <v>20</v>
      </c>
      <c r="C22" s="190">
        <v>0</v>
      </c>
      <c r="D22" s="196">
        <v>0</v>
      </c>
      <c r="E22" s="207">
        <v>0</v>
      </c>
      <c r="F22" s="193">
        <v>0</v>
      </c>
      <c r="G22" s="191">
        <v>2</v>
      </c>
      <c r="H22" s="191">
        <v>1</v>
      </c>
      <c r="I22" s="191">
        <v>0</v>
      </c>
      <c r="J22" s="191">
        <v>1</v>
      </c>
      <c r="K22" s="191">
        <v>1</v>
      </c>
      <c r="L22" s="194">
        <v>5</v>
      </c>
      <c r="M22" s="195">
        <v>5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0</v>
      </c>
      <c r="U22" s="191">
        <v>0</v>
      </c>
      <c r="V22" s="191">
        <v>0</v>
      </c>
      <c r="W22" s="196">
        <v>0</v>
      </c>
      <c r="X22" s="195">
        <v>0</v>
      </c>
      <c r="Y22" s="190">
        <v>0</v>
      </c>
      <c r="Z22" s="191">
        <v>0</v>
      </c>
      <c r="AA22" s="196">
        <v>0</v>
      </c>
      <c r="AB22" s="193">
        <v>0</v>
      </c>
      <c r="AC22" s="191">
        <v>222</v>
      </c>
      <c r="AD22" s="191">
        <v>117</v>
      </c>
      <c r="AE22" s="191">
        <v>61</v>
      </c>
      <c r="AF22" s="191">
        <v>17</v>
      </c>
      <c r="AG22" s="191">
        <v>9</v>
      </c>
      <c r="AH22" s="196">
        <v>426</v>
      </c>
      <c r="AI22" s="195">
        <v>426</v>
      </c>
      <c r="AJ22" s="190">
        <v>0</v>
      </c>
      <c r="AK22" s="191">
        <v>0</v>
      </c>
      <c r="AL22" s="196">
        <v>0</v>
      </c>
      <c r="AM22" s="193">
        <v>0</v>
      </c>
      <c r="AN22" s="191">
        <v>0</v>
      </c>
      <c r="AO22" s="191">
        <v>1</v>
      </c>
      <c r="AP22" s="191">
        <v>4</v>
      </c>
      <c r="AQ22" s="191">
        <v>3</v>
      </c>
      <c r="AR22" s="191">
        <v>3</v>
      </c>
      <c r="AS22" s="196">
        <v>11</v>
      </c>
      <c r="AT22" s="195">
        <v>11</v>
      </c>
      <c r="AU22" s="190">
        <v>1</v>
      </c>
      <c r="AV22" s="191">
        <v>0</v>
      </c>
      <c r="AW22" s="196">
        <v>1</v>
      </c>
      <c r="AX22" s="193">
        <v>0</v>
      </c>
      <c r="AY22" s="191">
        <v>19</v>
      </c>
      <c r="AZ22" s="191">
        <v>12</v>
      </c>
      <c r="BA22" s="191">
        <v>17</v>
      </c>
      <c r="BB22" s="191">
        <v>4</v>
      </c>
      <c r="BC22" s="191">
        <v>1</v>
      </c>
      <c r="BD22" s="196">
        <v>53</v>
      </c>
      <c r="BE22" s="195">
        <v>54</v>
      </c>
      <c r="BF22" s="190">
        <v>0</v>
      </c>
      <c r="BG22" s="191">
        <v>0</v>
      </c>
      <c r="BH22" s="196">
        <v>0</v>
      </c>
      <c r="BI22" s="193">
        <v>0</v>
      </c>
      <c r="BJ22" s="191">
        <v>21</v>
      </c>
      <c r="BK22" s="191">
        <v>33</v>
      </c>
      <c r="BL22" s="191">
        <v>52</v>
      </c>
      <c r="BM22" s="191">
        <v>17</v>
      </c>
      <c r="BN22" s="191">
        <v>18</v>
      </c>
      <c r="BO22" s="194">
        <v>141</v>
      </c>
      <c r="BP22" s="195">
        <v>141</v>
      </c>
      <c r="BQ22" s="190">
        <v>0</v>
      </c>
      <c r="BR22" s="191">
        <v>0</v>
      </c>
      <c r="BS22" s="196">
        <v>0</v>
      </c>
      <c r="BT22" s="193">
        <v>0</v>
      </c>
      <c r="BU22" s="191">
        <v>0</v>
      </c>
      <c r="BV22" s="191">
        <v>0</v>
      </c>
      <c r="BW22" s="191">
        <v>0</v>
      </c>
      <c r="BX22" s="191">
        <v>0</v>
      </c>
      <c r="BY22" s="191">
        <v>0</v>
      </c>
      <c r="BZ22" s="196">
        <v>0</v>
      </c>
      <c r="CA22" s="195">
        <v>0</v>
      </c>
      <c r="CB22" s="190">
        <v>0</v>
      </c>
      <c r="CC22" s="191">
        <v>0</v>
      </c>
      <c r="CD22" s="196">
        <v>0</v>
      </c>
      <c r="CE22" s="193">
        <v>0</v>
      </c>
      <c r="CF22" s="191">
        <v>0</v>
      </c>
      <c r="CG22" s="191">
        <v>0</v>
      </c>
      <c r="CH22" s="191">
        <v>0</v>
      </c>
      <c r="CI22" s="191">
        <v>0</v>
      </c>
      <c r="CJ22" s="191">
        <v>0</v>
      </c>
      <c r="CK22" s="196">
        <v>0</v>
      </c>
      <c r="CL22" s="195">
        <v>0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</row>
    <row r="23" spans="2:101" ht="21" customHeight="1" x14ac:dyDescent="0.2">
      <c r="B23" s="106" t="s">
        <v>21</v>
      </c>
      <c r="C23" s="190">
        <v>0</v>
      </c>
      <c r="D23" s="196">
        <v>0</v>
      </c>
      <c r="E23" s="207">
        <v>0</v>
      </c>
      <c r="F23" s="193">
        <v>0</v>
      </c>
      <c r="G23" s="191">
        <v>1</v>
      </c>
      <c r="H23" s="191">
        <v>4</v>
      </c>
      <c r="I23" s="191">
        <v>1</v>
      </c>
      <c r="J23" s="191">
        <v>0</v>
      </c>
      <c r="K23" s="191">
        <v>1</v>
      </c>
      <c r="L23" s="194">
        <v>7</v>
      </c>
      <c r="M23" s="195">
        <v>7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  <c r="Y23" s="190">
        <v>0</v>
      </c>
      <c r="Z23" s="191">
        <v>0</v>
      </c>
      <c r="AA23" s="196">
        <v>0</v>
      </c>
      <c r="AB23" s="193">
        <v>0</v>
      </c>
      <c r="AC23" s="191">
        <v>228</v>
      </c>
      <c r="AD23" s="191">
        <v>170</v>
      </c>
      <c r="AE23" s="191">
        <v>92</v>
      </c>
      <c r="AF23" s="191">
        <v>27</v>
      </c>
      <c r="AG23" s="191">
        <v>18</v>
      </c>
      <c r="AH23" s="196">
        <v>535</v>
      </c>
      <c r="AI23" s="195">
        <v>535</v>
      </c>
      <c r="AJ23" s="190">
        <v>0</v>
      </c>
      <c r="AK23" s="191">
        <v>0</v>
      </c>
      <c r="AL23" s="196">
        <v>0</v>
      </c>
      <c r="AM23" s="193">
        <v>0</v>
      </c>
      <c r="AN23" s="191">
        <v>0</v>
      </c>
      <c r="AO23" s="191">
        <v>0</v>
      </c>
      <c r="AP23" s="191">
        <v>0</v>
      </c>
      <c r="AQ23" s="191">
        <v>0</v>
      </c>
      <c r="AR23" s="191">
        <v>0</v>
      </c>
      <c r="AS23" s="196">
        <v>0</v>
      </c>
      <c r="AT23" s="195">
        <v>0</v>
      </c>
      <c r="AU23" s="190">
        <v>0</v>
      </c>
      <c r="AV23" s="191">
        <v>0</v>
      </c>
      <c r="AW23" s="196">
        <v>0</v>
      </c>
      <c r="AX23" s="193">
        <v>0</v>
      </c>
      <c r="AY23" s="191">
        <v>7</v>
      </c>
      <c r="AZ23" s="191">
        <v>6</v>
      </c>
      <c r="BA23" s="191">
        <v>16</v>
      </c>
      <c r="BB23" s="191">
        <v>6</v>
      </c>
      <c r="BC23" s="191">
        <v>3</v>
      </c>
      <c r="BD23" s="196">
        <v>38</v>
      </c>
      <c r="BE23" s="195">
        <v>38</v>
      </c>
      <c r="BF23" s="190">
        <v>0</v>
      </c>
      <c r="BG23" s="191">
        <v>1</v>
      </c>
      <c r="BH23" s="196">
        <v>1</v>
      </c>
      <c r="BI23" s="193">
        <v>0</v>
      </c>
      <c r="BJ23" s="191">
        <v>16</v>
      </c>
      <c r="BK23" s="191">
        <v>42</v>
      </c>
      <c r="BL23" s="191">
        <v>37</v>
      </c>
      <c r="BM23" s="191">
        <v>18</v>
      </c>
      <c r="BN23" s="191">
        <v>11</v>
      </c>
      <c r="BO23" s="194">
        <v>124</v>
      </c>
      <c r="BP23" s="195">
        <v>125</v>
      </c>
      <c r="BQ23" s="190">
        <v>0</v>
      </c>
      <c r="BR23" s="191">
        <v>0</v>
      </c>
      <c r="BS23" s="196">
        <v>0</v>
      </c>
      <c r="BT23" s="193">
        <v>0</v>
      </c>
      <c r="BU23" s="191">
        <v>0</v>
      </c>
      <c r="BV23" s="191">
        <v>0</v>
      </c>
      <c r="BW23" s="191">
        <v>0</v>
      </c>
      <c r="BX23" s="191">
        <v>0</v>
      </c>
      <c r="BY23" s="191">
        <v>0</v>
      </c>
      <c r="BZ23" s="196">
        <v>0</v>
      </c>
      <c r="CA23" s="195">
        <v>0</v>
      </c>
      <c r="CB23" s="190">
        <v>0</v>
      </c>
      <c r="CC23" s="191">
        <v>0</v>
      </c>
      <c r="CD23" s="196">
        <v>0</v>
      </c>
      <c r="CE23" s="193">
        <v>0</v>
      </c>
      <c r="CF23" s="191">
        <v>0</v>
      </c>
      <c r="CG23" s="191">
        <v>0</v>
      </c>
      <c r="CH23" s="191">
        <v>0</v>
      </c>
      <c r="CI23" s="191">
        <v>0</v>
      </c>
      <c r="CJ23" s="191">
        <v>0</v>
      </c>
      <c r="CK23" s="196">
        <v>0</v>
      </c>
      <c r="CL23" s="195">
        <v>0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1</v>
      </c>
      <c r="CT23" s="191">
        <v>0</v>
      </c>
      <c r="CU23" s="191">
        <v>1</v>
      </c>
      <c r="CV23" s="196">
        <v>2</v>
      </c>
      <c r="CW23" s="195">
        <v>2</v>
      </c>
    </row>
    <row r="24" spans="2:101" ht="21" customHeight="1" x14ac:dyDescent="0.2">
      <c r="B24" s="106" t="s">
        <v>22</v>
      </c>
      <c r="C24" s="190">
        <v>0</v>
      </c>
      <c r="D24" s="196">
        <v>0</v>
      </c>
      <c r="E24" s="207">
        <v>0</v>
      </c>
      <c r="F24" s="193">
        <v>0</v>
      </c>
      <c r="G24" s="191">
        <v>0</v>
      </c>
      <c r="H24" s="191">
        <v>5</v>
      </c>
      <c r="I24" s="191">
        <v>5</v>
      </c>
      <c r="J24" s="191">
        <v>4</v>
      </c>
      <c r="K24" s="191">
        <v>0</v>
      </c>
      <c r="L24" s="194">
        <v>14</v>
      </c>
      <c r="M24" s="195">
        <v>14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0</v>
      </c>
      <c r="V24" s="191">
        <v>0</v>
      </c>
      <c r="W24" s="196">
        <v>0</v>
      </c>
      <c r="X24" s="195">
        <v>0</v>
      </c>
      <c r="Y24" s="190">
        <v>0</v>
      </c>
      <c r="Z24" s="191">
        <v>0</v>
      </c>
      <c r="AA24" s="196">
        <v>0</v>
      </c>
      <c r="AB24" s="193">
        <v>0</v>
      </c>
      <c r="AC24" s="191">
        <v>122</v>
      </c>
      <c r="AD24" s="191">
        <v>102</v>
      </c>
      <c r="AE24" s="191">
        <v>42</v>
      </c>
      <c r="AF24" s="191">
        <v>19</v>
      </c>
      <c r="AG24" s="191">
        <v>7</v>
      </c>
      <c r="AH24" s="196">
        <v>292</v>
      </c>
      <c r="AI24" s="195">
        <v>292</v>
      </c>
      <c r="AJ24" s="190">
        <v>0</v>
      </c>
      <c r="AK24" s="191">
        <v>0</v>
      </c>
      <c r="AL24" s="196">
        <v>0</v>
      </c>
      <c r="AM24" s="193">
        <v>0</v>
      </c>
      <c r="AN24" s="191">
        <v>2</v>
      </c>
      <c r="AO24" s="191">
        <v>5</v>
      </c>
      <c r="AP24" s="191">
        <v>6</v>
      </c>
      <c r="AQ24" s="191">
        <v>5</v>
      </c>
      <c r="AR24" s="191">
        <v>1</v>
      </c>
      <c r="AS24" s="196">
        <v>19</v>
      </c>
      <c r="AT24" s="195">
        <v>19</v>
      </c>
      <c r="AU24" s="190">
        <v>5</v>
      </c>
      <c r="AV24" s="191">
        <v>3</v>
      </c>
      <c r="AW24" s="196">
        <v>8</v>
      </c>
      <c r="AX24" s="193">
        <v>0</v>
      </c>
      <c r="AY24" s="191">
        <v>20</v>
      </c>
      <c r="AZ24" s="191">
        <v>24</v>
      </c>
      <c r="BA24" s="191">
        <v>15</v>
      </c>
      <c r="BB24" s="191">
        <v>10</v>
      </c>
      <c r="BC24" s="191">
        <v>7</v>
      </c>
      <c r="BD24" s="196">
        <v>76</v>
      </c>
      <c r="BE24" s="195">
        <v>84</v>
      </c>
      <c r="BF24" s="190">
        <v>0</v>
      </c>
      <c r="BG24" s="191">
        <v>0</v>
      </c>
      <c r="BH24" s="196">
        <v>0</v>
      </c>
      <c r="BI24" s="193">
        <v>0</v>
      </c>
      <c r="BJ24" s="191">
        <v>10</v>
      </c>
      <c r="BK24" s="191">
        <v>18</v>
      </c>
      <c r="BL24" s="191">
        <v>18</v>
      </c>
      <c r="BM24" s="191">
        <v>13</v>
      </c>
      <c r="BN24" s="191">
        <v>3</v>
      </c>
      <c r="BO24" s="194">
        <v>62</v>
      </c>
      <c r="BP24" s="195">
        <v>62</v>
      </c>
      <c r="BQ24" s="190">
        <v>0</v>
      </c>
      <c r="BR24" s="191">
        <v>0</v>
      </c>
      <c r="BS24" s="196">
        <v>0</v>
      </c>
      <c r="BT24" s="193">
        <v>0</v>
      </c>
      <c r="BU24" s="191">
        <v>0</v>
      </c>
      <c r="BV24" s="191">
        <v>0</v>
      </c>
      <c r="BW24" s="191">
        <v>0</v>
      </c>
      <c r="BX24" s="191">
        <v>0</v>
      </c>
      <c r="BY24" s="191">
        <v>0</v>
      </c>
      <c r="BZ24" s="196">
        <v>0</v>
      </c>
      <c r="CA24" s="195">
        <v>0</v>
      </c>
      <c r="CB24" s="190">
        <v>0</v>
      </c>
      <c r="CC24" s="191">
        <v>0</v>
      </c>
      <c r="CD24" s="196">
        <v>0</v>
      </c>
      <c r="CE24" s="193">
        <v>0</v>
      </c>
      <c r="CF24" s="191">
        <v>0</v>
      </c>
      <c r="CG24" s="191">
        <v>2</v>
      </c>
      <c r="CH24" s="191">
        <v>7</v>
      </c>
      <c r="CI24" s="191">
        <v>13</v>
      </c>
      <c r="CJ24" s="191">
        <v>10</v>
      </c>
      <c r="CK24" s="196">
        <v>32</v>
      </c>
      <c r="CL24" s="195">
        <v>32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</row>
    <row r="25" spans="2:101" ht="21" customHeight="1" x14ac:dyDescent="0.2">
      <c r="B25" s="106" t="s">
        <v>23</v>
      </c>
      <c r="C25" s="190">
        <v>0</v>
      </c>
      <c r="D25" s="196">
        <v>0</v>
      </c>
      <c r="E25" s="207">
        <v>0</v>
      </c>
      <c r="F25" s="193">
        <v>0</v>
      </c>
      <c r="G25" s="191">
        <v>0</v>
      </c>
      <c r="H25" s="191">
        <v>0</v>
      </c>
      <c r="I25" s="191">
        <v>1</v>
      </c>
      <c r="J25" s="191">
        <v>1</v>
      </c>
      <c r="K25" s="191">
        <v>1</v>
      </c>
      <c r="L25" s="194">
        <v>3</v>
      </c>
      <c r="M25" s="195">
        <v>3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0</v>
      </c>
      <c r="V25" s="191">
        <v>0</v>
      </c>
      <c r="W25" s="196">
        <v>0</v>
      </c>
      <c r="X25" s="195">
        <v>0</v>
      </c>
      <c r="Y25" s="190">
        <v>0</v>
      </c>
      <c r="Z25" s="191">
        <v>0</v>
      </c>
      <c r="AA25" s="196">
        <v>0</v>
      </c>
      <c r="AB25" s="193">
        <v>0</v>
      </c>
      <c r="AC25" s="191">
        <v>74</v>
      </c>
      <c r="AD25" s="191">
        <v>58</v>
      </c>
      <c r="AE25" s="191">
        <v>26</v>
      </c>
      <c r="AF25" s="191">
        <v>17</v>
      </c>
      <c r="AG25" s="191">
        <v>8</v>
      </c>
      <c r="AH25" s="196">
        <v>183</v>
      </c>
      <c r="AI25" s="195">
        <v>183</v>
      </c>
      <c r="AJ25" s="190">
        <v>0</v>
      </c>
      <c r="AK25" s="191">
        <v>0</v>
      </c>
      <c r="AL25" s="196">
        <v>0</v>
      </c>
      <c r="AM25" s="193">
        <v>0</v>
      </c>
      <c r="AN25" s="191">
        <v>0</v>
      </c>
      <c r="AO25" s="191">
        <v>0</v>
      </c>
      <c r="AP25" s="191">
        <v>0</v>
      </c>
      <c r="AQ25" s="191">
        <v>1</v>
      </c>
      <c r="AR25" s="191">
        <v>0</v>
      </c>
      <c r="AS25" s="196">
        <v>1</v>
      </c>
      <c r="AT25" s="195">
        <v>1</v>
      </c>
      <c r="AU25" s="190">
        <v>1</v>
      </c>
      <c r="AV25" s="191">
        <v>0</v>
      </c>
      <c r="AW25" s="196">
        <v>1</v>
      </c>
      <c r="AX25" s="193">
        <v>0</v>
      </c>
      <c r="AY25" s="191">
        <v>5</v>
      </c>
      <c r="AZ25" s="191">
        <v>2</v>
      </c>
      <c r="BA25" s="191">
        <v>4</v>
      </c>
      <c r="BB25" s="191">
        <v>0</v>
      </c>
      <c r="BC25" s="191">
        <v>0</v>
      </c>
      <c r="BD25" s="196">
        <v>11</v>
      </c>
      <c r="BE25" s="195">
        <v>12</v>
      </c>
      <c r="BF25" s="190">
        <v>0</v>
      </c>
      <c r="BG25" s="191">
        <v>0</v>
      </c>
      <c r="BH25" s="196">
        <v>0</v>
      </c>
      <c r="BI25" s="193">
        <v>0</v>
      </c>
      <c r="BJ25" s="191">
        <v>34</v>
      </c>
      <c r="BK25" s="191">
        <v>25</v>
      </c>
      <c r="BL25" s="191">
        <v>22</v>
      </c>
      <c r="BM25" s="191">
        <v>18</v>
      </c>
      <c r="BN25" s="191">
        <v>13</v>
      </c>
      <c r="BO25" s="194">
        <v>112</v>
      </c>
      <c r="BP25" s="195">
        <v>112</v>
      </c>
      <c r="BQ25" s="190">
        <v>0</v>
      </c>
      <c r="BR25" s="191">
        <v>0</v>
      </c>
      <c r="BS25" s="196">
        <v>0</v>
      </c>
      <c r="BT25" s="193">
        <v>0</v>
      </c>
      <c r="BU25" s="191">
        <v>0</v>
      </c>
      <c r="BV25" s="191">
        <v>0</v>
      </c>
      <c r="BW25" s="191">
        <v>0</v>
      </c>
      <c r="BX25" s="191">
        <v>0</v>
      </c>
      <c r="BY25" s="191">
        <v>0</v>
      </c>
      <c r="BZ25" s="196">
        <v>0</v>
      </c>
      <c r="CA25" s="195">
        <v>0</v>
      </c>
      <c r="CB25" s="190">
        <v>0</v>
      </c>
      <c r="CC25" s="191">
        <v>0</v>
      </c>
      <c r="CD25" s="196">
        <v>0</v>
      </c>
      <c r="CE25" s="193">
        <v>0</v>
      </c>
      <c r="CF25" s="191">
        <v>0</v>
      </c>
      <c r="CG25" s="191">
        <v>0</v>
      </c>
      <c r="CH25" s="191">
        <v>0</v>
      </c>
      <c r="CI25" s="191">
        <v>0</v>
      </c>
      <c r="CJ25" s="191">
        <v>0</v>
      </c>
      <c r="CK25" s="196">
        <v>0</v>
      </c>
      <c r="CL25" s="195">
        <v>0</v>
      </c>
      <c r="CM25" s="190">
        <v>0</v>
      </c>
      <c r="CN25" s="191">
        <v>0</v>
      </c>
      <c r="CO25" s="196">
        <v>0</v>
      </c>
      <c r="CP25" s="193">
        <v>0</v>
      </c>
      <c r="CQ25" s="191">
        <v>2</v>
      </c>
      <c r="CR25" s="191">
        <v>4</v>
      </c>
      <c r="CS25" s="191">
        <v>4</v>
      </c>
      <c r="CT25" s="191">
        <v>7</v>
      </c>
      <c r="CU25" s="191">
        <v>3</v>
      </c>
      <c r="CV25" s="196">
        <v>20</v>
      </c>
      <c r="CW25" s="195">
        <v>20</v>
      </c>
    </row>
    <row r="26" spans="2:101" ht="21" customHeight="1" x14ac:dyDescent="0.2">
      <c r="B26" s="106" t="s">
        <v>24</v>
      </c>
      <c r="C26" s="190">
        <v>0</v>
      </c>
      <c r="D26" s="196">
        <v>0</v>
      </c>
      <c r="E26" s="207">
        <v>0</v>
      </c>
      <c r="F26" s="193">
        <v>0</v>
      </c>
      <c r="G26" s="191">
        <v>1</v>
      </c>
      <c r="H26" s="191">
        <v>1</v>
      </c>
      <c r="I26" s="191">
        <v>1</v>
      </c>
      <c r="J26" s="191">
        <v>4</v>
      </c>
      <c r="K26" s="191">
        <v>2</v>
      </c>
      <c r="L26" s="194">
        <v>9</v>
      </c>
      <c r="M26" s="195">
        <v>9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0</v>
      </c>
      <c r="V26" s="191">
        <v>0</v>
      </c>
      <c r="W26" s="196">
        <v>0</v>
      </c>
      <c r="X26" s="195">
        <v>0</v>
      </c>
      <c r="Y26" s="190">
        <v>0</v>
      </c>
      <c r="Z26" s="191">
        <v>0</v>
      </c>
      <c r="AA26" s="196">
        <v>0</v>
      </c>
      <c r="AB26" s="193">
        <v>0</v>
      </c>
      <c r="AC26" s="191">
        <v>22</v>
      </c>
      <c r="AD26" s="191">
        <v>10</v>
      </c>
      <c r="AE26" s="191">
        <v>15</v>
      </c>
      <c r="AF26" s="191">
        <v>6</v>
      </c>
      <c r="AG26" s="191">
        <v>4</v>
      </c>
      <c r="AH26" s="196">
        <v>57</v>
      </c>
      <c r="AI26" s="195">
        <v>57</v>
      </c>
      <c r="AJ26" s="190">
        <v>0</v>
      </c>
      <c r="AK26" s="191">
        <v>0</v>
      </c>
      <c r="AL26" s="196">
        <v>0</v>
      </c>
      <c r="AM26" s="193">
        <v>0</v>
      </c>
      <c r="AN26" s="191">
        <v>6</v>
      </c>
      <c r="AO26" s="191">
        <v>5</v>
      </c>
      <c r="AP26" s="191">
        <v>2</v>
      </c>
      <c r="AQ26" s="191">
        <v>2</v>
      </c>
      <c r="AR26" s="191">
        <v>1</v>
      </c>
      <c r="AS26" s="196">
        <v>16</v>
      </c>
      <c r="AT26" s="195">
        <v>16</v>
      </c>
      <c r="AU26" s="190">
        <v>4</v>
      </c>
      <c r="AV26" s="191">
        <v>1</v>
      </c>
      <c r="AW26" s="196">
        <v>5</v>
      </c>
      <c r="AX26" s="193">
        <v>0</v>
      </c>
      <c r="AY26" s="191">
        <v>15</v>
      </c>
      <c r="AZ26" s="191">
        <v>15</v>
      </c>
      <c r="BA26" s="191">
        <v>6</v>
      </c>
      <c r="BB26" s="191">
        <v>2</v>
      </c>
      <c r="BC26" s="191">
        <v>1</v>
      </c>
      <c r="BD26" s="196">
        <v>39</v>
      </c>
      <c r="BE26" s="195">
        <v>44</v>
      </c>
      <c r="BF26" s="190">
        <v>0</v>
      </c>
      <c r="BG26" s="191">
        <v>0</v>
      </c>
      <c r="BH26" s="196">
        <v>0</v>
      </c>
      <c r="BI26" s="193">
        <v>0</v>
      </c>
      <c r="BJ26" s="191">
        <v>2</v>
      </c>
      <c r="BK26" s="191">
        <v>7</v>
      </c>
      <c r="BL26" s="191">
        <v>4</v>
      </c>
      <c r="BM26" s="191">
        <v>3</v>
      </c>
      <c r="BN26" s="191">
        <v>4</v>
      </c>
      <c r="BO26" s="194">
        <v>20</v>
      </c>
      <c r="BP26" s="195">
        <v>20</v>
      </c>
      <c r="BQ26" s="190">
        <v>0</v>
      </c>
      <c r="BR26" s="191">
        <v>0</v>
      </c>
      <c r="BS26" s="196">
        <v>0</v>
      </c>
      <c r="BT26" s="193">
        <v>0</v>
      </c>
      <c r="BU26" s="191">
        <v>0</v>
      </c>
      <c r="BV26" s="191">
        <v>0</v>
      </c>
      <c r="BW26" s="191">
        <v>0</v>
      </c>
      <c r="BX26" s="191">
        <v>0</v>
      </c>
      <c r="BY26" s="191">
        <v>0</v>
      </c>
      <c r="BZ26" s="196">
        <v>0</v>
      </c>
      <c r="CA26" s="195">
        <v>0</v>
      </c>
      <c r="CB26" s="190">
        <v>0</v>
      </c>
      <c r="CC26" s="191">
        <v>0</v>
      </c>
      <c r="CD26" s="196">
        <v>0</v>
      </c>
      <c r="CE26" s="193">
        <v>0</v>
      </c>
      <c r="CF26" s="191">
        <v>0</v>
      </c>
      <c r="CG26" s="191">
        <v>0</v>
      </c>
      <c r="CH26" s="191">
        <v>0</v>
      </c>
      <c r="CI26" s="191">
        <v>0</v>
      </c>
      <c r="CJ26" s="191">
        <v>0</v>
      </c>
      <c r="CK26" s="196">
        <v>0</v>
      </c>
      <c r="CL26" s="195">
        <v>0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</row>
    <row r="27" spans="2:101" ht="21" customHeight="1" x14ac:dyDescent="0.2">
      <c r="B27" s="106" t="s">
        <v>25</v>
      </c>
      <c r="C27" s="190">
        <v>0</v>
      </c>
      <c r="D27" s="196">
        <v>0</v>
      </c>
      <c r="E27" s="207">
        <v>0</v>
      </c>
      <c r="F27" s="193">
        <v>0</v>
      </c>
      <c r="G27" s="191">
        <v>0</v>
      </c>
      <c r="H27" s="191">
        <v>0</v>
      </c>
      <c r="I27" s="191">
        <v>0</v>
      </c>
      <c r="J27" s="191">
        <v>0</v>
      </c>
      <c r="K27" s="191">
        <v>0</v>
      </c>
      <c r="L27" s="194">
        <v>0</v>
      </c>
      <c r="M27" s="195">
        <v>0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  <c r="Y27" s="190">
        <v>0</v>
      </c>
      <c r="Z27" s="191">
        <v>0</v>
      </c>
      <c r="AA27" s="196">
        <v>0</v>
      </c>
      <c r="AB27" s="193">
        <v>0</v>
      </c>
      <c r="AC27" s="191">
        <v>80</v>
      </c>
      <c r="AD27" s="191">
        <v>46</v>
      </c>
      <c r="AE27" s="191">
        <v>15</v>
      </c>
      <c r="AF27" s="191">
        <v>4</v>
      </c>
      <c r="AG27" s="191">
        <v>0</v>
      </c>
      <c r="AH27" s="196">
        <v>145</v>
      </c>
      <c r="AI27" s="195">
        <v>145</v>
      </c>
      <c r="AJ27" s="190">
        <v>0</v>
      </c>
      <c r="AK27" s="191">
        <v>0</v>
      </c>
      <c r="AL27" s="196">
        <v>0</v>
      </c>
      <c r="AM27" s="193">
        <v>0</v>
      </c>
      <c r="AN27" s="191">
        <v>0</v>
      </c>
      <c r="AO27" s="191">
        <v>0</v>
      </c>
      <c r="AP27" s="191">
        <v>0</v>
      </c>
      <c r="AQ27" s="191">
        <v>0</v>
      </c>
      <c r="AR27" s="191">
        <v>0</v>
      </c>
      <c r="AS27" s="196">
        <v>0</v>
      </c>
      <c r="AT27" s="195">
        <v>0</v>
      </c>
      <c r="AU27" s="190">
        <v>0</v>
      </c>
      <c r="AV27" s="191">
        <v>3</v>
      </c>
      <c r="AW27" s="196">
        <v>3</v>
      </c>
      <c r="AX27" s="193">
        <v>0</v>
      </c>
      <c r="AY27" s="191">
        <v>6</v>
      </c>
      <c r="AZ27" s="191">
        <v>4</v>
      </c>
      <c r="BA27" s="191">
        <v>2</v>
      </c>
      <c r="BB27" s="191">
        <v>4</v>
      </c>
      <c r="BC27" s="191">
        <v>1</v>
      </c>
      <c r="BD27" s="196">
        <v>17</v>
      </c>
      <c r="BE27" s="195">
        <v>20</v>
      </c>
      <c r="BF27" s="190">
        <v>0</v>
      </c>
      <c r="BG27" s="191">
        <v>0</v>
      </c>
      <c r="BH27" s="196">
        <v>0</v>
      </c>
      <c r="BI27" s="193">
        <v>0</v>
      </c>
      <c r="BJ27" s="191">
        <v>10</v>
      </c>
      <c r="BK27" s="191">
        <v>8</v>
      </c>
      <c r="BL27" s="191">
        <v>9</v>
      </c>
      <c r="BM27" s="191">
        <v>5</v>
      </c>
      <c r="BN27" s="191">
        <v>4</v>
      </c>
      <c r="BO27" s="194">
        <v>36</v>
      </c>
      <c r="BP27" s="195">
        <v>36</v>
      </c>
      <c r="BQ27" s="190">
        <v>0</v>
      </c>
      <c r="BR27" s="191">
        <v>0</v>
      </c>
      <c r="BS27" s="196">
        <v>0</v>
      </c>
      <c r="BT27" s="193">
        <v>0</v>
      </c>
      <c r="BU27" s="191">
        <v>0</v>
      </c>
      <c r="BV27" s="191">
        <v>0</v>
      </c>
      <c r="BW27" s="191">
        <v>0</v>
      </c>
      <c r="BX27" s="191">
        <v>0</v>
      </c>
      <c r="BY27" s="191">
        <v>0</v>
      </c>
      <c r="BZ27" s="196">
        <v>0</v>
      </c>
      <c r="CA27" s="195">
        <v>0</v>
      </c>
      <c r="CB27" s="190">
        <v>0</v>
      </c>
      <c r="CC27" s="191">
        <v>0</v>
      </c>
      <c r="CD27" s="196">
        <v>0</v>
      </c>
      <c r="CE27" s="193">
        <v>0</v>
      </c>
      <c r="CF27" s="191">
        <v>0</v>
      </c>
      <c r="CG27" s="191">
        <v>0</v>
      </c>
      <c r="CH27" s="191">
        <v>0</v>
      </c>
      <c r="CI27" s="191">
        <v>0</v>
      </c>
      <c r="CJ27" s="191">
        <v>0</v>
      </c>
      <c r="CK27" s="196">
        <v>0</v>
      </c>
      <c r="CL27" s="195">
        <v>0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</row>
    <row r="28" spans="2:101" ht="21" customHeight="1" x14ac:dyDescent="0.2">
      <c r="B28" s="106" t="s">
        <v>26</v>
      </c>
      <c r="C28" s="190">
        <v>0</v>
      </c>
      <c r="D28" s="196">
        <v>0</v>
      </c>
      <c r="E28" s="207">
        <v>0</v>
      </c>
      <c r="F28" s="193">
        <v>0</v>
      </c>
      <c r="G28" s="191">
        <v>0</v>
      </c>
      <c r="H28" s="191">
        <v>0</v>
      </c>
      <c r="I28" s="191">
        <v>0</v>
      </c>
      <c r="J28" s="191">
        <v>1</v>
      </c>
      <c r="K28" s="191">
        <v>0</v>
      </c>
      <c r="L28" s="194">
        <v>1</v>
      </c>
      <c r="M28" s="195">
        <v>1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  <c r="Y28" s="190">
        <v>0</v>
      </c>
      <c r="Z28" s="191">
        <v>0</v>
      </c>
      <c r="AA28" s="196">
        <v>0</v>
      </c>
      <c r="AB28" s="193">
        <v>0</v>
      </c>
      <c r="AC28" s="191">
        <v>53</v>
      </c>
      <c r="AD28" s="191">
        <v>57</v>
      </c>
      <c r="AE28" s="191">
        <v>22</v>
      </c>
      <c r="AF28" s="191">
        <v>10</v>
      </c>
      <c r="AG28" s="191">
        <v>6</v>
      </c>
      <c r="AH28" s="196">
        <v>148</v>
      </c>
      <c r="AI28" s="195">
        <v>148</v>
      </c>
      <c r="AJ28" s="190">
        <v>0</v>
      </c>
      <c r="AK28" s="191">
        <v>0</v>
      </c>
      <c r="AL28" s="196">
        <v>0</v>
      </c>
      <c r="AM28" s="193">
        <v>0</v>
      </c>
      <c r="AN28" s="191">
        <v>0</v>
      </c>
      <c r="AO28" s="191">
        <v>0</v>
      </c>
      <c r="AP28" s="191">
        <v>0</v>
      </c>
      <c r="AQ28" s="191">
        <v>0</v>
      </c>
      <c r="AR28" s="191">
        <v>0</v>
      </c>
      <c r="AS28" s="196">
        <v>0</v>
      </c>
      <c r="AT28" s="195">
        <v>0</v>
      </c>
      <c r="AU28" s="190">
        <v>0</v>
      </c>
      <c r="AV28" s="191">
        <v>0</v>
      </c>
      <c r="AW28" s="196">
        <v>0</v>
      </c>
      <c r="AX28" s="193">
        <v>0</v>
      </c>
      <c r="AY28" s="191">
        <v>5</v>
      </c>
      <c r="AZ28" s="191">
        <v>8</v>
      </c>
      <c r="BA28" s="191">
        <v>5</v>
      </c>
      <c r="BB28" s="191">
        <v>1</v>
      </c>
      <c r="BC28" s="191">
        <v>2</v>
      </c>
      <c r="BD28" s="196">
        <v>21</v>
      </c>
      <c r="BE28" s="195">
        <v>21</v>
      </c>
      <c r="BF28" s="190">
        <v>0</v>
      </c>
      <c r="BG28" s="191">
        <v>0</v>
      </c>
      <c r="BH28" s="196">
        <v>0</v>
      </c>
      <c r="BI28" s="193">
        <v>0</v>
      </c>
      <c r="BJ28" s="191">
        <v>6</v>
      </c>
      <c r="BK28" s="191">
        <v>12</v>
      </c>
      <c r="BL28" s="191">
        <v>22</v>
      </c>
      <c r="BM28" s="191">
        <v>12</v>
      </c>
      <c r="BN28" s="191">
        <v>2</v>
      </c>
      <c r="BO28" s="194">
        <v>54</v>
      </c>
      <c r="BP28" s="195">
        <v>54</v>
      </c>
      <c r="BQ28" s="190">
        <v>0</v>
      </c>
      <c r="BR28" s="191">
        <v>0</v>
      </c>
      <c r="BS28" s="196">
        <v>0</v>
      </c>
      <c r="BT28" s="193">
        <v>0</v>
      </c>
      <c r="BU28" s="191">
        <v>0</v>
      </c>
      <c r="BV28" s="191">
        <v>0</v>
      </c>
      <c r="BW28" s="191">
        <v>0</v>
      </c>
      <c r="BX28" s="191">
        <v>0</v>
      </c>
      <c r="BY28" s="191">
        <v>0</v>
      </c>
      <c r="BZ28" s="196">
        <v>0</v>
      </c>
      <c r="CA28" s="195">
        <v>0</v>
      </c>
      <c r="CB28" s="190">
        <v>0</v>
      </c>
      <c r="CC28" s="191">
        <v>0</v>
      </c>
      <c r="CD28" s="196">
        <v>0</v>
      </c>
      <c r="CE28" s="193">
        <v>0</v>
      </c>
      <c r="CF28" s="191">
        <v>0</v>
      </c>
      <c r="CG28" s="191">
        <v>0</v>
      </c>
      <c r="CH28" s="191">
        <v>0</v>
      </c>
      <c r="CI28" s="191">
        <v>0</v>
      </c>
      <c r="CJ28" s="191">
        <v>0</v>
      </c>
      <c r="CK28" s="196">
        <v>0</v>
      </c>
      <c r="CL28" s="195">
        <v>0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</row>
    <row r="29" spans="2:101" ht="21" customHeight="1" x14ac:dyDescent="0.2">
      <c r="B29" s="106" t="s">
        <v>27</v>
      </c>
      <c r="C29" s="190">
        <v>0</v>
      </c>
      <c r="D29" s="196">
        <v>0</v>
      </c>
      <c r="E29" s="207">
        <v>0</v>
      </c>
      <c r="F29" s="193">
        <v>0</v>
      </c>
      <c r="G29" s="191">
        <v>1</v>
      </c>
      <c r="H29" s="191">
        <v>0</v>
      </c>
      <c r="I29" s="191">
        <v>1</v>
      </c>
      <c r="J29" s="191">
        <v>0</v>
      </c>
      <c r="K29" s="191">
        <v>0</v>
      </c>
      <c r="L29" s="194">
        <v>2</v>
      </c>
      <c r="M29" s="195">
        <v>2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0</v>
      </c>
      <c r="U29" s="191">
        <v>0</v>
      </c>
      <c r="V29" s="191">
        <v>0</v>
      </c>
      <c r="W29" s="196">
        <v>0</v>
      </c>
      <c r="X29" s="195">
        <v>0</v>
      </c>
      <c r="Y29" s="190">
        <v>0</v>
      </c>
      <c r="Z29" s="191">
        <v>0</v>
      </c>
      <c r="AA29" s="196">
        <v>0</v>
      </c>
      <c r="AB29" s="193">
        <v>0</v>
      </c>
      <c r="AC29" s="191">
        <v>37</v>
      </c>
      <c r="AD29" s="191">
        <v>16</v>
      </c>
      <c r="AE29" s="191">
        <v>7</v>
      </c>
      <c r="AF29" s="191">
        <v>1</v>
      </c>
      <c r="AG29" s="191">
        <v>2</v>
      </c>
      <c r="AH29" s="196">
        <v>63</v>
      </c>
      <c r="AI29" s="195">
        <v>63</v>
      </c>
      <c r="AJ29" s="190">
        <v>0</v>
      </c>
      <c r="AK29" s="191">
        <v>0</v>
      </c>
      <c r="AL29" s="196">
        <v>0</v>
      </c>
      <c r="AM29" s="193">
        <v>0</v>
      </c>
      <c r="AN29" s="191">
        <v>2</v>
      </c>
      <c r="AO29" s="191">
        <v>2</v>
      </c>
      <c r="AP29" s="191">
        <v>2</v>
      </c>
      <c r="AQ29" s="191">
        <v>1</v>
      </c>
      <c r="AR29" s="191">
        <v>0</v>
      </c>
      <c r="AS29" s="196">
        <v>7</v>
      </c>
      <c r="AT29" s="195">
        <v>7</v>
      </c>
      <c r="AU29" s="190">
        <v>0</v>
      </c>
      <c r="AV29" s="191">
        <v>0</v>
      </c>
      <c r="AW29" s="196">
        <v>0</v>
      </c>
      <c r="AX29" s="193">
        <v>0</v>
      </c>
      <c r="AY29" s="191">
        <v>12</v>
      </c>
      <c r="AZ29" s="191">
        <v>6</v>
      </c>
      <c r="BA29" s="191">
        <v>7</v>
      </c>
      <c r="BB29" s="191">
        <v>2</v>
      </c>
      <c r="BC29" s="191">
        <v>1</v>
      </c>
      <c r="BD29" s="196">
        <v>28</v>
      </c>
      <c r="BE29" s="195">
        <v>28</v>
      </c>
      <c r="BF29" s="190">
        <v>0</v>
      </c>
      <c r="BG29" s="191">
        <v>0</v>
      </c>
      <c r="BH29" s="196">
        <v>0</v>
      </c>
      <c r="BI29" s="193">
        <v>0</v>
      </c>
      <c r="BJ29" s="191">
        <v>8</v>
      </c>
      <c r="BK29" s="191">
        <v>8</v>
      </c>
      <c r="BL29" s="191">
        <v>8</v>
      </c>
      <c r="BM29" s="191">
        <v>5</v>
      </c>
      <c r="BN29" s="191">
        <v>4</v>
      </c>
      <c r="BO29" s="194">
        <v>33</v>
      </c>
      <c r="BP29" s="195">
        <v>33</v>
      </c>
      <c r="BQ29" s="190">
        <v>0</v>
      </c>
      <c r="BR29" s="191">
        <v>0</v>
      </c>
      <c r="BS29" s="196">
        <v>0</v>
      </c>
      <c r="BT29" s="193">
        <v>0</v>
      </c>
      <c r="BU29" s="191">
        <v>0</v>
      </c>
      <c r="BV29" s="191">
        <v>0</v>
      </c>
      <c r="BW29" s="191">
        <v>0</v>
      </c>
      <c r="BX29" s="191">
        <v>0</v>
      </c>
      <c r="BY29" s="191">
        <v>0</v>
      </c>
      <c r="BZ29" s="196">
        <v>0</v>
      </c>
      <c r="CA29" s="195">
        <v>0</v>
      </c>
      <c r="CB29" s="190">
        <v>0</v>
      </c>
      <c r="CC29" s="191">
        <v>0</v>
      </c>
      <c r="CD29" s="196">
        <v>0</v>
      </c>
      <c r="CE29" s="193">
        <v>0</v>
      </c>
      <c r="CF29" s="191">
        <v>0</v>
      </c>
      <c r="CG29" s="191">
        <v>0</v>
      </c>
      <c r="CH29" s="191">
        <v>7</v>
      </c>
      <c r="CI29" s="191">
        <v>12</v>
      </c>
      <c r="CJ29" s="191">
        <v>6</v>
      </c>
      <c r="CK29" s="196">
        <v>25</v>
      </c>
      <c r="CL29" s="195">
        <v>25</v>
      </c>
      <c r="CM29" s="190">
        <v>0</v>
      </c>
      <c r="CN29" s="191">
        <v>0</v>
      </c>
      <c r="CO29" s="196">
        <v>0</v>
      </c>
      <c r="CP29" s="193">
        <v>0</v>
      </c>
      <c r="CQ29" s="191">
        <v>3</v>
      </c>
      <c r="CR29" s="191">
        <v>3</v>
      </c>
      <c r="CS29" s="191">
        <v>1</v>
      </c>
      <c r="CT29" s="191">
        <v>2</v>
      </c>
      <c r="CU29" s="191">
        <v>1</v>
      </c>
      <c r="CV29" s="196">
        <v>10</v>
      </c>
      <c r="CW29" s="195">
        <v>10</v>
      </c>
    </row>
    <row r="30" spans="2:101" ht="21" customHeight="1" x14ac:dyDescent="0.2">
      <c r="B30" s="106" t="s">
        <v>28</v>
      </c>
      <c r="C30" s="190">
        <v>0</v>
      </c>
      <c r="D30" s="196">
        <v>0</v>
      </c>
      <c r="E30" s="207">
        <v>0</v>
      </c>
      <c r="F30" s="193">
        <v>0</v>
      </c>
      <c r="G30" s="191">
        <v>0</v>
      </c>
      <c r="H30" s="191">
        <v>0</v>
      </c>
      <c r="I30" s="191">
        <v>0</v>
      </c>
      <c r="J30" s="191">
        <v>0</v>
      </c>
      <c r="K30" s="191">
        <v>1</v>
      </c>
      <c r="L30" s="194">
        <v>1</v>
      </c>
      <c r="M30" s="195">
        <v>1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  <c r="Y30" s="190">
        <v>0</v>
      </c>
      <c r="Z30" s="191">
        <v>0</v>
      </c>
      <c r="AA30" s="196">
        <v>0</v>
      </c>
      <c r="AB30" s="193">
        <v>0</v>
      </c>
      <c r="AC30" s="191">
        <v>26</v>
      </c>
      <c r="AD30" s="191">
        <v>15</v>
      </c>
      <c r="AE30" s="191">
        <v>3</v>
      </c>
      <c r="AF30" s="191">
        <v>1</v>
      </c>
      <c r="AG30" s="191">
        <v>1</v>
      </c>
      <c r="AH30" s="196">
        <v>46</v>
      </c>
      <c r="AI30" s="195">
        <v>46</v>
      </c>
      <c r="AJ30" s="190">
        <v>0</v>
      </c>
      <c r="AK30" s="191">
        <v>0</v>
      </c>
      <c r="AL30" s="196">
        <v>0</v>
      </c>
      <c r="AM30" s="193">
        <v>0</v>
      </c>
      <c r="AN30" s="191">
        <v>3</v>
      </c>
      <c r="AO30" s="191">
        <v>2</v>
      </c>
      <c r="AP30" s="191">
        <v>2</v>
      </c>
      <c r="AQ30" s="191">
        <v>1</v>
      </c>
      <c r="AR30" s="191">
        <v>0</v>
      </c>
      <c r="AS30" s="196">
        <v>8</v>
      </c>
      <c r="AT30" s="195">
        <v>8</v>
      </c>
      <c r="AU30" s="190">
        <v>0</v>
      </c>
      <c r="AV30" s="191">
        <v>0</v>
      </c>
      <c r="AW30" s="196">
        <v>0</v>
      </c>
      <c r="AX30" s="193">
        <v>0</v>
      </c>
      <c r="AY30" s="191">
        <v>0</v>
      </c>
      <c r="AZ30" s="191">
        <v>0</v>
      </c>
      <c r="BA30" s="191">
        <v>0</v>
      </c>
      <c r="BB30" s="191">
        <v>0</v>
      </c>
      <c r="BC30" s="191">
        <v>0</v>
      </c>
      <c r="BD30" s="196">
        <v>0</v>
      </c>
      <c r="BE30" s="195">
        <v>0</v>
      </c>
      <c r="BF30" s="190">
        <v>0</v>
      </c>
      <c r="BG30" s="191">
        <v>0</v>
      </c>
      <c r="BH30" s="196">
        <v>0</v>
      </c>
      <c r="BI30" s="193">
        <v>0</v>
      </c>
      <c r="BJ30" s="191">
        <v>2</v>
      </c>
      <c r="BK30" s="191">
        <v>5</v>
      </c>
      <c r="BL30" s="191">
        <v>5</v>
      </c>
      <c r="BM30" s="191">
        <v>3</v>
      </c>
      <c r="BN30" s="191">
        <v>4</v>
      </c>
      <c r="BO30" s="194">
        <v>19</v>
      </c>
      <c r="BP30" s="195">
        <v>19</v>
      </c>
      <c r="BQ30" s="190">
        <v>0</v>
      </c>
      <c r="BR30" s="191">
        <v>0</v>
      </c>
      <c r="BS30" s="196">
        <v>0</v>
      </c>
      <c r="BT30" s="193">
        <v>0</v>
      </c>
      <c r="BU30" s="191">
        <v>0</v>
      </c>
      <c r="BV30" s="191">
        <v>0</v>
      </c>
      <c r="BW30" s="191">
        <v>0</v>
      </c>
      <c r="BX30" s="191">
        <v>0</v>
      </c>
      <c r="BY30" s="191">
        <v>0</v>
      </c>
      <c r="BZ30" s="196">
        <v>0</v>
      </c>
      <c r="CA30" s="195">
        <v>0</v>
      </c>
      <c r="CB30" s="190">
        <v>0</v>
      </c>
      <c r="CC30" s="191">
        <v>0</v>
      </c>
      <c r="CD30" s="196">
        <v>0</v>
      </c>
      <c r="CE30" s="193">
        <v>0</v>
      </c>
      <c r="CF30" s="191">
        <v>0</v>
      </c>
      <c r="CG30" s="191">
        <v>0</v>
      </c>
      <c r="CH30" s="191">
        <v>0</v>
      </c>
      <c r="CI30" s="191">
        <v>1</v>
      </c>
      <c r="CJ30" s="191">
        <v>0</v>
      </c>
      <c r="CK30" s="196">
        <v>1</v>
      </c>
      <c r="CL30" s="195">
        <v>1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</row>
    <row r="31" spans="2:101" ht="21" customHeight="1" x14ac:dyDescent="0.2">
      <c r="B31" s="106" t="s">
        <v>29</v>
      </c>
      <c r="C31" s="190">
        <v>0</v>
      </c>
      <c r="D31" s="196">
        <v>0</v>
      </c>
      <c r="E31" s="207">
        <v>0</v>
      </c>
      <c r="F31" s="193">
        <v>0</v>
      </c>
      <c r="G31" s="191">
        <v>2</v>
      </c>
      <c r="H31" s="191">
        <v>0</v>
      </c>
      <c r="I31" s="191">
        <v>1</v>
      </c>
      <c r="J31" s="191">
        <v>0</v>
      </c>
      <c r="K31" s="191">
        <v>0</v>
      </c>
      <c r="L31" s="194">
        <v>3</v>
      </c>
      <c r="M31" s="195">
        <v>3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  <c r="Y31" s="190">
        <v>0</v>
      </c>
      <c r="Z31" s="191">
        <v>0</v>
      </c>
      <c r="AA31" s="196">
        <v>0</v>
      </c>
      <c r="AB31" s="193">
        <v>0</v>
      </c>
      <c r="AC31" s="191">
        <v>13</v>
      </c>
      <c r="AD31" s="191">
        <v>21</v>
      </c>
      <c r="AE31" s="191">
        <v>7</v>
      </c>
      <c r="AF31" s="191">
        <v>4</v>
      </c>
      <c r="AG31" s="191">
        <v>1</v>
      </c>
      <c r="AH31" s="196">
        <v>46</v>
      </c>
      <c r="AI31" s="195">
        <v>46</v>
      </c>
      <c r="AJ31" s="190">
        <v>0</v>
      </c>
      <c r="AK31" s="191">
        <v>0</v>
      </c>
      <c r="AL31" s="196">
        <v>0</v>
      </c>
      <c r="AM31" s="193">
        <v>0</v>
      </c>
      <c r="AN31" s="191">
        <v>2</v>
      </c>
      <c r="AO31" s="191">
        <v>2</v>
      </c>
      <c r="AP31" s="191">
        <v>0</v>
      </c>
      <c r="AQ31" s="191">
        <v>0</v>
      </c>
      <c r="AR31" s="191">
        <v>0</v>
      </c>
      <c r="AS31" s="196">
        <v>4</v>
      </c>
      <c r="AT31" s="195">
        <v>4</v>
      </c>
      <c r="AU31" s="190">
        <v>1</v>
      </c>
      <c r="AV31" s="191">
        <v>0</v>
      </c>
      <c r="AW31" s="196">
        <v>1</v>
      </c>
      <c r="AX31" s="193">
        <v>0</v>
      </c>
      <c r="AY31" s="191">
        <v>2</v>
      </c>
      <c r="AZ31" s="191">
        <v>4</v>
      </c>
      <c r="BA31" s="191">
        <v>4</v>
      </c>
      <c r="BB31" s="191">
        <v>7</v>
      </c>
      <c r="BC31" s="191">
        <v>1</v>
      </c>
      <c r="BD31" s="196">
        <v>18</v>
      </c>
      <c r="BE31" s="195">
        <v>19</v>
      </c>
      <c r="BF31" s="190">
        <v>0</v>
      </c>
      <c r="BG31" s="191">
        <v>0</v>
      </c>
      <c r="BH31" s="196">
        <v>0</v>
      </c>
      <c r="BI31" s="193">
        <v>0</v>
      </c>
      <c r="BJ31" s="191">
        <v>6</v>
      </c>
      <c r="BK31" s="191">
        <v>9</v>
      </c>
      <c r="BL31" s="191">
        <v>11</v>
      </c>
      <c r="BM31" s="191">
        <v>4</v>
      </c>
      <c r="BN31" s="191">
        <v>1</v>
      </c>
      <c r="BO31" s="194">
        <v>31</v>
      </c>
      <c r="BP31" s="195">
        <v>31</v>
      </c>
      <c r="BQ31" s="190">
        <v>0</v>
      </c>
      <c r="BR31" s="191">
        <v>0</v>
      </c>
      <c r="BS31" s="196">
        <v>0</v>
      </c>
      <c r="BT31" s="193">
        <v>0</v>
      </c>
      <c r="BU31" s="191">
        <v>0</v>
      </c>
      <c r="BV31" s="191">
        <v>0</v>
      </c>
      <c r="BW31" s="191">
        <v>0</v>
      </c>
      <c r="BX31" s="191">
        <v>0</v>
      </c>
      <c r="BY31" s="191">
        <v>0</v>
      </c>
      <c r="BZ31" s="196">
        <v>0</v>
      </c>
      <c r="CA31" s="195">
        <v>0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0</v>
      </c>
      <c r="CH31" s="191">
        <v>9</v>
      </c>
      <c r="CI31" s="191">
        <v>11</v>
      </c>
      <c r="CJ31" s="191">
        <v>5</v>
      </c>
      <c r="CK31" s="196">
        <v>25</v>
      </c>
      <c r="CL31" s="195">
        <v>25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</row>
    <row r="32" spans="2:101" ht="21" customHeight="1" x14ac:dyDescent="0.2">
      <c r="B32" s="106" t="s">
        <v>30</v>
      </c>
      <c r="C32" s="190">
        <v>0</v>
      </c>
      <c r="D32" s="196">
        <v>0</v>
      </c>
      <c r="E32" s="207">
        <v>0</v>
      </c>
      <c r="F32" s="193">
        <v>0</v>
      </c>
      <c r="G32" s="191">
        <v>0</v>
      </c>
      <c r="H32" s="191">
        <v>2</v>
      </c>
      <c r="I32" s="191">
        <v>1</v>
      </c>
      <c r="J32" s="191">
        <v>0</v>
      </c>
      <c r="K32" s="191">
        <v>0</v>
      </c>
      <c r="L32" s="194">
        <v>3</v>
      </c>
      <c r="M32" s="195">
        <v>3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0</v>
      </c>
      <c r="V32" s="191">
        <v>0</v>
      </c>
      <c r="W32" s="196">
        <v>0</v>
      </c>
      <c r="X32" s="195">
        <v>0</v>
      </c>
      <c r="Y32" s="190">
        <v>0</v>
      </c>
      <c r="Z32" s="191">
        <v>0</v>
      </c>
      <c r="AA32" s="196">
        <v>0</v>
      </c>
      <c r="AB32" s="193">
        <v>0</v>
      </c>
      <c r="AC32" s="191">
        <v>23</v>
      </c>
      <c r="AD32" s="191">
        <v>12</v>
      </c>
      <c r="AE32" s="191">
        <v>11</v>
      </c>
      <c r="AF32" s="191">
        <v>0</v>
      </c>
      <c r="AG32" s="191">
        <v>1</v>
      </c>
      <c r="AH32" s="196">
        <v>47</v>
      </c>
      <c r="AI32" s="195">
        <v>47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1</v>
      </c>
      <c r="AP32" s="191">
        <v>1</v>
      </c>
      <c r="AQ32" s="191">
        <v>0</v>
      </c>
      <c r="AR32" s="191">
        <v>0</v>
      </c>
      <c r="AS32" s="196">
        <v>2</v>
      </c>
      <c r="AT32" s="195">
        <v>2</v>
      </c>
      <c r="AU32" s="190">
        <v>0</v>
      </c>
      <c r="AV32" s="191">
        <v>0</v>
      </c>
      <c r="AW32" s="196">
        <v>0</v>
      </c>
      <c r="AX32" s="193">
        <v>0</v>
      </c>
      <c r="AY32" s="191">
        <v>1</v>
      </c>
      <c r="AZ32" s="191">
        <v>0</v>
      </c>
      <c r="BA32" s="191">
        <v>1</v>
      </c>
      <c r="BB32" s="191">
        <v>1</v>
      </c>
      <c r="BC32" s="191">
        <v>0</v>
      </c>
      <c r="BD32" s="196">
        <v>3</v>
      </c>
      <c r="BE32" s="195">
        <v>3</v>
      </c>
      <c r="BF32" s="190">
        <v>0</v>
      </c>
      <c r="BG32" s="191">
        <v>0</v>
      </c>
      <c r="BH32" s="196">
        <v>0</v>
      </c>
      <c r="BI32" s="193">
        <v>0</v>
      </c>
      <c r="BJ32" s="191">
        <v>4</v>
      </c>
      <c r="BK32" s="191">
        <v>5</v>
      </c>
      <c r="BL32" s="191">
        <v>3</v>
      </c>
      <c r="BM32" s="191">
        <v>4</v>
      </c>
      <c r="BN32" s="191">
        <v>2</v>
      </c>
      <c r="BO32" s="194">
        <v>18</v>
      </c>
      <c r="BP32" s="195">
        <v>18</v>
      </c>
      <c r="BQ32" s="190">
        <v>0</v>
      </c>
      <c r="BR32" s="191">
        <v>0</v>
      </c>
      <c r="BS32" s="196">
        <v>0</v>
      </c>
      <c r="BT32" s="193">
        <v>0</v>
      </c>
      <c r="BU32" s="191">
        <v>0</v>
      </c>
      <c r="BV32" s="191">
        <v>0</v>
      </c>
      <c r="BW32" s="191">
        <v>0</v>
      </c>
      <c r="BX32" s="191">
        <v>0</v>
      </c>
      <c r="BY32" s="191">
        <v>0</v>
      </c>
      <c r="BZ32" s="196">
        <v>0</v>
      </c>
      <c r="CA32" s="195">
        <v>0</v>
      </c>
      <c r="CB32" s="190">
        <v>0</v>
      </c>
      <c r="CC32" s="191">
        <v>0</v>
      </c>
      <c r="CD32" s="196">
        <v>0</v>
      </c>
      <c r="CE32" s="193">
        <v>0</v>
      </c>
      <c r="CF32" s="191">
        <v>0</v>
      </c>
      <c r="CG32" s="191">
        <v>0</v>
      </c>
      <c r="CH32" s="191">
        <v>0</v>
      </c>
      <c r="CI32" s="191">
        <v>0</v>
      </c>
      <c r="CJ32" s="191">
        <v>0</v>
      </c>
      <c r="CK32" s="196">
        <v>0</v>
      </c>
      <c r="CL32" s="195">
        <v>0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</row>
    <row r="33" spans="2:101" ht="21" customHeight="1" x14ac:dyDescent="0.2">
      <c r="B33" s="106" t="s">
        <v>31</v>
      </c>
      <c r="C33" s="190">
        <v>0</v>
      </c>
      <c r="D33" s="196">
        <v>0</v>
      </c>
      <c r="E33" s="207">
        <v>0</v>
      </c>
      <c r="F33" s="193">
        <v>0</v>
      </c>
      <c r="G33" s="191">
        <v>0</v>
      </c>
      <c r="H33" s="191">
        <v>0</v>
      </c>
      <c r="I33" s="191">
        <v>1</v>
      </c>
      <c r="J33" s="191">
        <v>0</v>
      </c>
      <c r="K33" s="191">
        <v>0</v>
      </c>
      <c r="L33" s="194">
        <v>1</v>
      </c>
      <c r="M33" s="195">
        <v>1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0</v>
      </c>
      <c r="V33" s="191">
        <v>0</v>
      </c>
      <c r="W33" s="196">
        <v>0</v>
      </c>
      <c r="X33" s="195">
        <v>0</v>
      </c>
      <c r="Y33" s="190">
        <v>0</v>
      </c>
      <c r="Z33" s="191">
        <v>0</v>
      </c>
      <c r="AA33" s="196">
        <v>0</v>
      </c>
      <c r="AB33" s="193">
        <v>0</v>
      </c>
      <c r="AC33" s="191">
        <v>19</v>
      </c>
      <c r="AD33" s="191">
        <v>20</v>
      </c>
      <c r="AE33" s="191">
        <v>5</v>
      </c>
      <c r="AF33" s="191">
        <v>1</v>
      </c>
      <c r="AG33" s="191">
        <v>0</v>
      </c>
      <c r="AH33" s="196">
        <v>45</v>
      </c>
      <c r="AI33" s="195">
        <v>45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2</v>
      </c>
      <c r="AQ33" s="191">
        <v>1</v>
      </c>
      <c r="AR33" s="191">
        <v>0</v>
      </c>
      <c r="AS33" s="196">
        <v>3</v>
      </c>
      <c r="AT33" s="195">
        <v>3</v>
      </c>
      <c r="AU33" s="190">
        <v>0</v>
      </c>
      <c r="AV33" s="191">
        <v>1</v>
      </c>
      <c r="AW33" s="196">
        <v>1</v>
      </c>
      <c r="AX33" s="193">
        <v>0</v>
      </c>
      <c r="AY33" s="191">
        <v>6</v>
      </c>
      <c r="AZ33" s="191">
        <v>8</v>
      </c>
      <c r="BA33" s="191">
        <v>6</v>
      </c>
      <c r="BB33" s="191">
        <v>2</v>
      </c>
      <c r="BC33" s="191">
        <v>1</v>
      </c>
      <c r="BD33" s="196">
        <v>23</v>
      </c>
      <c r="BE33" s="195">
        <v>24</v>
      </c>
      <c r="BF33" s="190">
        <v>0</v>
      </c>
      <c r="BG33" s="191">
        <v>0</v>
      </c>
      <c r="BH33" s="196">
        <v>0</v>
      </c>
      <c r="BI33" s="193">
        <v>0</v>
      </c>
      <c r="BJ33" s="191">
        <v>6</v>
      </c>
      <c r="BK33" s="191">
        <v>10</v>
      </c>
      <c r="BL33" s="191">
        <v>14</v>
      </c>
      <c r="BM33" s="191">
        <v>10</v>
      </c>
      <c r="BN33" s="191">
        <v>2</v>
      </c>
      <c r="BO33" s="194">
        <v>42</v>
      </c>
      <c r="BP33" s="195">
        <v>42</v>
      </c>
      <c r="BQ33" s="190">
        <v>0</v>
      </c>
      <c r="BR33" s="191">
        <v>0</v>
      </c>
      <c r="BS33" s="196">
        <v>0</v>
      </c>
      <c r="BT33" s="193">
        <v>0</v>
      </c>
      <c r="BU33" s="191">
        <v>0</v>
      </c>
      <c r="BV33" s="191">
        <v>0</v>
      </c>
      <c r="BW33" s="191">
        <v>0</v>
      </c>
      <c r="BX33" s="191">
        <v>0</v>
      </c>
      <c r="BY33" s="191">
        <v>0</v>
      </c>
      <c r="BZ33" s="196">
        <v>0</v>
      </c>
      <c r="CA33" s="195">
        <v>0</v>
      </c>
      <c r="CB33" s="190">
        <v>0</v>
      </c>
      <c r="CC33" s="191">
        <v>0</v>
      </c>
      <c r="CD33" s="196">
        <v>0</v>
      </c>
      <c r="CE33" s="193">
        <v>0</v>
      </c>
      <c r="CF33" s="191">
        <v>0</v>
      </c>
      <c r="CG33" s="191">
        <v>0</v>
      </c>
      <c r="CH33" s="191">
        <v>0</v>
      </c>
      <c r="CI33" s="191">
        <v>0</v>
      </c>
      <c r="CJ33" s="191">
        <v>0</v>
      </c>
      <c r="CK33" s="196">
        <v>0</v>
      </c>
      <c r="CL33" s="195">
        <v>0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</row>
    <row r="34" spans="2:101" ht="21" customHeight="1" x14ac:dyDescent="0.2">
      <c r="B34" s="106" t="s">
        <v>32</v>
      </c>
      <c r="C34" s="190">
        <v>0</v>
      </c>
      <c r="D34" s="196">
        <v>0</v>
      </c>
      <c r="E34" s="207">
        <v>0</v>
      </c>
      <c r="F34" s="193">
        <v>0</v>
      </c>
      <c r="G34" s="191">
        <v>1</v>
      </c>
      <c r="H34" s="191">
        <v>4</v>
      </c>
      <c r="I34" s="191">
        <v>1</v>
      </c>
      <c r="J34" s="191">
        <v>1</v>
      </c>
      <c r="K34" s="191">
        <v>0</v>
      </c>
      <c r="L34" s="194">
        <v>7</v>
      </c>
      <c r="M34" s="195">
        <v>7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0</v>
      </c>
      <c r="U34" s="191">
        <v>0</v>
      </c>
      <c r="V34" s="191">
        <v>0</v>
      </c>
      <c r="W34" s="196">
        <v>0</v>
      </c>
      <c r="X34" s="195">
        <v>0</v>
      </c>
      <c r="Y34" s="190">
        <v>0</v>
      </c>
      <c r="Z34" s="191">
        <v>0</v>
      </c>
      <c r="AA34" s="196">
        <v>0</v>
      </c>
      <c r="AB34" s="193">
        <v>0</v>
      </c>
      <c r="AC34" s="191">
        <v>53</v>
      </c>
      <c r="AD34" s="191">
        <v>30</v>
      </c>
      <c r="AE34" s="191">
        <v>8</v>
      </c>
      <c r="AF34" s="191">
        <v>4</v>
      </c>
      <c r="AG34" s="191">
        <v>3</v>
      </c>
      <c r="AH34" s="196">
        <v>98</v>
      </c>
      <c r="AI34" s="195">
        <v>98</v>
      </c>
      <c r="AJ34" s="190">
        <v>0</v>
      </c>
      <c r="AK34" s="191">
        <v>0</v>
      </c>
      <c r="AL34" s="196">
        <v>0</v>
      </c>
      <c r="AM34" s="193">
        <v>0</v>
      </c>
      <c r="AN34" s="191">
        <v>5</v>
      </c>
      <c r="AO34" s="191">
        <v>0</v>
      </c>
      <c r="AP34" s="191">
        <v>2</v>
      </c>
      <c r="AQ34" s="191">
        <v>0</v>
      </c>
      <c r="AR34" s="191">
        <v>1</v>
      </c>
      <c r="AS34" s="196">
        <v>8</v>
      </c>
      <c r="AT34" s="195">
        <v>8</v>
      </c>
      <c r="AU34" s="190">
        <v>1</v>
      </c>
      <c r="AV34" s="191">
        <v>1</v>
      </c>
      <c r="AW34" s="196">
        <v>2</v>
      </c>
      <c r="AX34" s="193">
        <v>0</v>
      </c>
      <c r="AY34" s="191">
        <v>12</v>
      </c>
      <c r="AZ34" s="191">
        <v>5</v>
      </c>
      <c r="BA34" s="191">
        <v>3</v>
      </c>
      <c r="BB34" s="191">
        <v>3</v>
      </c>
      <c r="BC34" s="191">
        <v>0</v>
      </c>
      <c r="BD34" s="196">
        <v>23</v>
      </c>
      <c r="BE34" s="195">
        <v>25</v>
      </c>
      <c r="BF34" s="190">
        <v>0</v>
      </c>
      <c r="BG34" s="191">
        <v>1</v>
      </c>
      <c r="BH34" s="196">
        <v>1</v>
      </c>
      <c r="BI34" s="193">
        <v>0</v>
      </c>
      <c r="BJ34" s="191">
        <v>5</v>
      </c>
      <c r="BK34" s="191">
        <v>3</v>
      </c>
      <c r="BL34" s="191">
        <v>4</v>
      </c>
      <c r="BM34" s="191">
        <v>5</v>
      </c>
      <c r="BN34" s="191">
        <v>0</v>
      </c>
      <c r="BO34" s="194">
        <v>17</v>
      </c>
      <c r="BP34" s="195">
        <v>18</v>
      </c>
      <c r="BQ34" s="190">
        <v>0</v>
      </c>
      <c r="BR34" s="191">
        <v>0</v>
      </c>
      <c r="BS34" s="196">
        <v>0</v>
      </c>
      <c r="BT34" s="193">
        <v>0</v>
      </c>
      <c r="BU34" s="191">
        <v>0</v>
      </c>
      <c r="BV34" s="191">
        <v>0</v>
      </c>
      <c r="BW34" s="191">
        <v>0</v>
      </c>
      <c r="BX34" s="191">
        <v>0</v>
      </c>
      <c r="BY34" s="191">
        <v>0</v>
      </c>
      <c r="BZ34" s="196">
        <v>0</v>
      </c>
      <c r="CA34" s="195">
        <v>0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0</v>
      </c>
      <c r="CH34" s="191">
        <v>11</v>
      </c>
      <c r="CI34" s="191">
        <v>8</v>
      </c>
      <c r="CJ34" s="191">
        <v>5</v>
      </c>
      <c r="CK34" s="196">
        <v>24</v>
      </c>
      <c r="CL34" s="195">
        <v>24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</row>
    <row r="35" spans="2:101" ht="21" customHeight="1" x14ac:dyDescent="0.2">
      <c r="B35" s="106" t="s">
        <v>33</v>
      </c>
      <c r="C35" s="190">
        <v>0</v>
      </c>
      <c r="D35" s="196">
        <v>0</v>
      </c>
      <c r="E35" s="207">
        <v>0</v>
      </c>
      <c r="F35" s="193">
        <v>0</v>
      </c>
      <c r="G35" s="191">
        <v>0</v>
      </c>
      <c r="H35" s="191">
        <v>0</v>
      </c>
      <c r="I35" s="191">
        <v>0</v>
      </c>
      <c r="J35" s="191">
        <v>0</v>
      </c>
      <c r="K35" s="191">
        <v>0</v>
      </c>
      <c r="L35" s="194">
        <v>0</v>
      </c>
      <c r="M35" s="195">
        <v>0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0</v>
      </c>
      <c r="AA35" s="196">
        <v>0</v>
      </c>
      <c r="AB35" s="193">
        <v>0</v>
      </c>
      <c r="AC35" s="191">
        <v>25</v>
      </c>
      <c r="AD35" s="191">
        <v>13</v>
      </c>
      <c r="AE35" s="191">
        <v>4</v>
      </c>
      <c r="AF35" s="191">
        <v>0</v>
      </c>
      <c r="AG35" s="191">
        <v>1</v>
      </c>
      <c r="AH35" s="196">
        <v>43</v>
      </c>
      <c r="AI35" s="195">
        <v>43</v>
      </c>
      <c r="AJ35" s="190">
        <v>0</v>
      </c>
      <c r="AK35" s="191">
        <v>0</v>
      </c>
      <c r="AL35" s="196">
        <v>0</v>
      </c>
      <c r="AM35" s="193">
        <v>0</v>
      </c>
      <c r="AN35" s="191">
        <v>0</v>
      </c>
      <c r="AO35" s="191">
        <v>0</v>
      </c>
      <c r="AP35" s="191">
        <v>0</v>
      </c>
      <c r="AQ35" s="191">
        <v>0</v>
      </c>
      <c r="AR35" s="191">
        <v>0</v>
      </c>
      <c r="AS35" s="196">
        <v>0</v>
      </c>
      <c r="AT35" s="195">
        <v>0</v>
      </c>
      <c r="AU35" s="190">
        <v>0</v>
      </c>
      <c r="AV35" s="191">
        <v>0</v>
      </c>
      <c r="AW35" s="196">
        <v>0</v>
      </c>
      <c r="AX35" s="193">
        <v>0</v>
      </c>
      <c r="AY35" s="191">
        <v>0</v>
      </c>
      <c r="AZ35" s="191">
        <v>0</v>
      </c>
      <c r="BA35" s="191">
        <v>0</v>
      </c>
      <c r="BB35" s="191">
        <v>0</v>
      </c>
      <c r="BC35" s="191">
        <v>0</v>
      </c>
      <c r="BD35" s="196">
        <v>0</v>
      </c>
      <c r="BE35" s="195">
        <v>0</v>
      </c>
      <c r="BF35" s="190">
        <v>0</v>
      </c>
      <c r="BG35" s="191">
        <v>1</v>
      </c>
      <c r="BH35" s="196">
        <v>1</v>
      </c>
      <c r="BI35" s="193">
        <v>0</v>
      </c>
      <c r="BJ35" s="191">
        <v>2</v>
      </c>
      <c r="BK35" s="191">
        <v>2</v>
      </c>
      <c r="BL35" s="191">
        <v>8</v>
      </c>
      <c r="BM35" s="191">
        <v>3</v>
      </c>
      <c r="BN35" s="191">
        <v>1</v>
      </c>
      <c r="BO35" s="194">
        <v>16</v>
      </c>
      <c r="BP35" s="195">
        <v>17</v>
      </c>
      <c r="BQ35" s="190">
        <v>0</v>
      </c>
      <c r="BR35" s="191">
        <v>0</v>
      </c>
      <c r="BS35" s="196">
        <v>0</v>
      </c>
      <c r="BT35" s="193">
        <v>0</v>
      </c>
      <c r="BU35" s="191">
        <v>0</v>
      </c>
      <c r="BV35" s="191">
        <v>0</v>
      </c>
      <c r="BW35" s="191">
        <v>0</v>
      </c>
      <c r="BX35" s="191">
        <v>0</v>
      </c>
      <c r="BY35" s="191">
        <v>0</v>
      </c>
      <c r="BZ35" s="196">
        <v>0</v>
      </c>
      <c r="CA35" s="195">
        <v>0</v>
      </c>
      <c r="CB35" s="190">
        <v>0</v>
      </c>
      <c r="CC35" s="191">
        <v>0</v>
      </c>
      <c r="CD35" s="196">
        <v>0</v>
      </c>
      <c r="CE35" s="193">
        <v>0</v>
      </c>
      <c r="CF35" s="191">
        <v>0</v>
      </c>
      <c r="CG35" s="191">
        <v>0</v>
      </c>
      <c r="CH35" s="191">
        <v>0</v>
      </c>
      <c r="CI35" s="191">
        <v>0</v>
      </c>
      <c r="CJ35" s="191">
        <v>0</v>
      </c>
      <c r="CK35" s="196">
        <v>0</v>
      </c>
      <c r="CL35" s="195">
        <v>0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</row>
    <row r="36" spans="2:101" ht="21" customHeight="1" x14ac:dyDescent="0.2">
      <c r="B36" s="106" t="s">
        <v>34</v>
      </c>
      <c r="C36" s="190">
        <v>0</v>
      </c>
      <c r="D36" s="196">
        <v>0</v>
      </c>
      <c r="E36" s="207">
        <v>0</v>
      </c>
      <c r="F36" s="193">
        <v>0</v>
      </c>
      <c r="G36" s="191">
        <v>0</v>
      </c>
      <c r="H36" s="191">
        <v>0</v>
      </c>
      <c r="I36" s="191">
        <v>0</v>
      </c>
      <c r="J36" s="191">
        <v>0</v>
      </c>
      <c r="K36" s="191">
        <v>1</v>
      </c>
      <c r="L36" s="194">
        <v>1</v>
      </c>
      <c r="M36" s="195">
        <v>1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0</v>
      </c>
      <c r="Z36" s="191">
        <v>0</v>
      </c>
      <c r="AA36" s="196">
        <v>0</v>
      </c>
      <c r="AB36" s="193">
        <v>0</v>
      </c>
      <c r="AC36" s="191">
        <v>14</v>
      </c>
      <c r="AD36" s="191">
        <v>2</v>
      </c>
      <c r="AE36" s="191">
        <v>1</v>
      </c>
      <c r="AF36" s="191">
        <v>1</v>
      </c>
      <c r="AG36" s="191">
        <v>1</v>
      </c>
      <c r="AH36" s="196">
        <v>19</v>
      </c>
      <c r="AI36" s="195">
        <v>19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0</v>
      </c>
      <c r="AP36" s="191">
        <v>0</v>
      </c>
      <c r="AQ36" s="191">
        <v>0</v>
      </c>
      <c r="AR36" s="191">
        <v>0</v>
      </c>
      <c r="AS36" s="196">
        <v>0</v>
      </c>
      <c r="AT36" s="195">
        <v>0</v>
      </c>
      <c r="AU36" s="190">
        <v>1</v>
      </c>
      <c r="AV36" s="191">
        <v>4</v>
      </c>
      <c r="AW36" s="196">
        <v>5</v>
      </c>
      <c r="AX36" s="193">
        <v>0</v>
      </c>
      <c r="AY36" s="191">
        <v>12</v>
      </c>
      <c r="AZ36" s="191">
        <v>7</v>
      </c>
      <c r="BA36" s="191">
        <v>3</v>
      </c>
      <c r="BB36" s="191">
        <v>1</v>
      </c>
      <c r="BC36" s="191">
        <v>0</v>
      </c>
      <c r="BD36" s="196">
        <v>23</v>
      </c>
      <c r="BE36" s="195">
        <v>28</v>
      </c>
      <c r="BF36" s="190">
        <v>0</v>
      </c>
      <c r="BG36" s="191">
        <v>0</v>
      </c>
      <c r="BH36" s="196">
        <v>0</v>
      </c>
      <c r="BI36" s="193">
        <v>0</v>
      </c>
      <c r="BJ36" s="191">
        <v>4</v>
      </c>
      <c r="BK36" s="191">
        <v>4</v>
      </c>
      <c r="BL36" s="191">
        <v>3</v>
      </c>
      <c r="BM36" s="191">
        <v>5</v>
      </c>
      <c r="BN36" s="191">
        <v>1</v>
      </c>
      <c r="BO36" s="194">
        <v>17</v>
      </c>
      <c r="BP36" s="195">
        <v>17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0</v>
      </c>
      <c r="BW36" s="191">
        <v>0</v>
      </c>
      <c r="BX36" s="191">
        <v>0</v>
      </c>
      <c r="BY36" s="191">
        <v>0</v>
      </c>
      <c r="BZ36" s="196">
        <v>0</v>
      </c>
      <c r="CA36" s="195">
        <v>0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0</v>
      </c>
      <c r="CH36" s="191">
        <v>0</v>
      </c>
      <c r="CI36" s="191">
        <v>0</v>
      </c>
      <c r="CJ36" s="191">
        <v>0</v>
      </c>
      <c r="CK36" s="196">
        <v>0</v>
      </c>
      <c r="CL36" s="195">
        <v>0</v>
      </c>
      <c r="CM36" s="190">
        <v>0</v>
      </c>
      <c r="CN36" s="191">
        <v>0</v>
      </c>
      <c r="CO36" s="196">
        <v>0</v>
      </c>
      <c r="CP36" s="193">
        <v>0</v>
      </c>
      <c r="CQ36" s="191">
        <v>6</v>
      </c>
      <c r="CR36" s="191">
        <v>3</v>
      </c>
      <c r="CS36" s="191">
        <v>8</v>
      </c>
      <c r="CT36" s="191">
        <v>1</v>
      </c>
      <c r="CU36" s="191">
        <v>3</v>
      </c>
      <c r="CV36" s="196">
        <v>21</v>
      </c>
      <c r="CW36" s="195">
        <v>21</v>
      </c>
    </row>
    <row r="37" spans="2:101" ht="21" customHeight="1" x14ac:dyDescent="0.2">
      <c r="B37" s="106" t="s">
        <v>35</v>
      </c>
      <c r="C37" s="190">
        <v>0</v>
      </c>
      <c r="D37" s="196">
        <v>0</v>
      </c>
      <c r="E37" s="207">
        <v>0</v>
      </c>
      <c r="F37" s="193">
        <v>0</v>
      </c>
      <c r="G37" s="191">
        <v>1</v>
      </c>
      <c r="H37" s="191">
        <v>0</v>
      </c>
      <c r="I37" s="191">
        <v>2</v>
      </c>
      <c r="J37" s="191">
        <v>0</v>
      </c>
      <c r="K37" s="191">
        <v>0</v>
      </c>
      <c r="L37" s="194">
        <v>3</v>
      </c>
      <c r="M37" s="195">
        <v>3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  <c r="Y37" s="190">
        <v>0</v>
      </c>
      <c r="Z37" s="191">
        <v>0</v>
      </c>
      <c r="AA37" s="196">
        <v>0</v>
      </c>
      <c r="AB37" s="193">
        <v>0</v>
      </c>
      <c r="AC37" s="191">
        <v>18</v>
      </c>
      <c r="AD37" s="191">
        <v>12</v>
      </c>
      <c r="AE37" s="191">
        <v>11</v>
      </c>
      <c r="AF37" s="191">
        <v>7</v>
      </c>
      <c r="AG37" s="191">
        <v>1</v>
      </c>
      <c r="AH37" s="196">
        <v>49</v>
      </c>
      <c r="AI37" s="195">
        <v>49</v>
      </c>
      <c r="AJ37" s="190">
        <v>0</v>
      </c>
      <c r="AK37" s="191">
        <v>0</v>
      </c>
      <c r="AL37" s="196">
        <v>0</v>
      </c>
      <c r="AM37" s="193">
        <v>0</v>
      </c>
      <c r="AN37" s="191">
        <v>0</v>
      </c>
      <c r="AO37" s="191">
        <v>0</v>
      </c>
      <c r="AP37" s="191">
        <v>0</v>
      </c>
      <c r="AQ37" s="191">
        <v>0</v>
      </c>
      <c r="AR37" s="191">
        <v>0</v>
      </c>
      <c r="AS37" s="196">
        <v>0</v>
      </c>
      <c r="AT37" s="195">
        <v>0</v>
      </c>
      <c r="AU37" s="190">
        <v>2</v>
      </c>
      <c r="AV37" s="191">
        <v>4</v>
      </c>
      <c r="AW37" s="196">
        <v>6</v>
      </c>
      <c r="AX37" s="193">
        <v>0</v>
      </c>
      <c r="AY37" s="191">
        <v>8</v>
      </c>
      <c r="AZ37" s="191">
        <v>9</v>
      </c>
      <c r="BA37" s="191">
        <v>8</v>
      </c>
      <c r="BB37" s="191">
        <v>3</v>
      </c>
      <c r="BC37" s="191">
        <v>3</v>
      </c>
      <c r="BD37" s="196">
        <v>31</v>
      </c>
      <c r="BE37" s="195">
        <v>37</v>
      </c>
      <c r="BF37" s="190">
        <v>0</v>
      </c>
      <c r="BG37" s="191">
        <v>0</v>
      </c>
      <c r="BH37" s="196">
        <v>0</v>
      </c>
      <c r="BI37" s="193">
        <v>0</v>
      </c>
      <c r="BJ37" s="191">
        <v>17</v>
      </c>
      <c r="BK37" s="191">
        <v>12</v>
      </c>
      <c r="BL37" s="191">
        <v>12</v>
      </c>
      <c r="BM37" s="191">
        <v>11</v>
      </c>
      <c r="BN37" s="191">
        <v>6</v>
      </c>
      <c r="BO37" s="194">
        <v>58</v>
      </c>
      <c r="BP37" s="195">
        <v>58</v>
      </c>
      <c r="BQ37" s="190">
        <v>0</v>
      </c>
      <c r="BR37" s="191">
        <v>0</v>
      </c>
      <c r="BS37" s="196">
        <v>0</v>
      </c>
      <c r="BT37" s="193">
        <v>0</v>
      </c>
      <c r="BU37" s="191">
        <v>0</v>
      </c>
      <c r="BV37" s="191">
        <v>0</v>
      </c>
      <c r="BW37" s="191">
        <v>0</v>
      </c>
      <c r="BX37" s="191">
        <v>0</v>
      </c>
      <c r="BY37" s="191">
        <v>0</v>
      </c>
      <c r="BZ37" s="196">
        <v>0</v>
      </c>
      <c r="CA37" s="195">
        <v>0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0</v>
      </c>
      <c r="CH37" s="191">
        <v>0</v>
      </c>
      <c r="CI37" s="191">
        <v>0</v>
      </c>
      <c r="CJ37" s="191">
        <v>0</v>
      </c>
      <c r="CK37" s="196">
        <v>0</v>
      </c>
      <c r="CL37" s="195">
        <v>0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</row>
    <row r="38" spans="2:101" ht="21" customHeight="1" x14ac:dyDescent="0.2">
      <c r="B38" s="106" t="s">
        <v>36</v>
      </c>
      <c r="C38" s="190">
        <v>0</v>
      </c>
      <c r="D38" s="196">
        <v>0</v>
      </c>
      <c r="E38" s="207">
        <v>0</v>
      </c>
      <c r="F38" s="193">
        <v>0</v>
      </c>
      <c r="G38" s="191">
        <v>0</v>
      </c>
      <c r="H38" s="191">
        <v>0</v>
      </c>
      <c r="I38" s="191">
        <v>1</v>
      </c>
      <c r="J38" s="191">
        <v>0</v>
      </c>
      <c r="K38" s="191">
        <v>0</v>
      </c>
      <c r="L38" s="194">
        <v>1</v>
      </c>
      <c r="M38" s="195">
        <v>1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  <c r="Y38" s="190">
        <v>0</v>
      </c>
      <c r="Z38" s="191">
        <v>0</v>
      </c>
      <c r="AA38" s="196">
        <v>0</v>
      </c>
      <c r="AB38" s="193">
        <v>0</v>
      </c>
      <c r="AC38" s="191">
        <v>72</v>
      </c>
      <c r="AD38" s="191">
        <v>47</v>
      </c>
      <c r="AE38" s="191">
        <v>37</v>
      </c>
      <c r="AF38" s="191">
        <v>14</v>
      </c>
      <c r="AG38" s="191">
        <v>16</v>
      </c>
      <c r="AH38" s="196">
        <v>186</v>
      </c>
      <c r="AI38" s="195">
        <v>186</v>
      </c>
      <c r="AJ38" s="190">
        <v>0</v>
      </c>
      <c r="AK38" s="191">
        <v>0</v>
      </c>
      <c r="AL38" s="196">
        <v>0</v>
      </c>
      <c r="AM38" s="193">
        <v>0</v>
      </c>
      <c r="AN38" s="191">
        <v>0</v>
      </c>
      <c r="AO38" s="191">
        <v>0</v>
      </c>
      <c r="AP38" s="191">
        <v>0</v>
      </c>
      <c r="AQ38" s="191">
        <v>0</v>
      </c>
      <c r="AR38" s="191">
        <v>0</v>
      </c>
      <c r="AS38" s="196">
        <v>0</v>
      </c>
      <c r="AT38" s="195">
        <v>0</v>
      </c>
      <c r="AU38" s="190">
        <v>1</v>
      </c>
      <c r="AV38" s="191">
        <v>0</v>
      </c>
      <c r="AW38" s="196">
        <v>1</v>
      </c>
      <c r="AX38" s="193">
        <v>0</v>
      </c>
      <c r="AY38" s="191">
        <v>15</v>
      </c>
      <c r="AZ38" s="191">
        <v>10</v>
      </c>
      <c r="BA38" s="191">
        <v>10</v>
      </c>
      <c r="BB38" s="191">
        <v>2</v>
      </c>
      <c r="BC38" s="191">
        <v>2</v>
      </c>
      <c r="BD38" s="196">
        <v>39</v>
      </c>
      <c r="BE38" s="195">
        <v>40</v>
      </c>
      <c r="BF38" s="190">
        <v>0</v>
      </c>
      <c r="BG38" s="191">
        <v>0</v>
      </c>
      <c r="BH38" s="196">
        <v>0</v>
      </c>
      <c r="BI38" s="193">
        <v>0</v>
      </c>
      <c r="BJ38" s="191">
        <v>6</v>
      </c>
      <c r="BK38" s="191">
        <v>16</v>
      </c>
      <c r="BL38" s="191">
        <v>17</v>
      </c>
      <c r="BM38" s="191">
        <v>7</v>
      </c>
      <c r="BN38" s="191">
        <v>2</v>
      </c>
      <c r="BO38" s="194">
        <v>48</v>
      </c>
      <c r="BP38" s="195">
        <v>48</v>
      </c>
      <c r="BQ38" s="190">
        <v>0</v>
      </c>
      <c r="BR38" s="191">
        <v>0</v>
      </c>
      <c r="BS38" s="196">
        <v>0</v>
      </c>
      <c r="BT38" s="193">
        <v>0</v>
      </c>
      <c r="BU38" s="191">
        <v>0</v>
      </c>
      <c r="BV38" s="191">
        <v>0</v>
      </c>
      <c r="BW38" s="191">
        <v>0</v>
      </c>
      <c r="BX38" s="191">
        <v>0</v>
      </c>
      <c r="BY38" s="191">
        <v>0</v>
      </c>
      <c r="BZ38" s="196">
        <v>0</v>
      </c>
      <c r="CA38" s="195">
        <v>0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0</v>
      </c>
      <c r="CH38" s="191">
        <v>0</v>
      </c>
      <c r="CI38" s="191">
        <v>0</v>
      </c>
      <c r="CJ38" s="191">
        <v>0</v>
      </c>
      <c r="CK38" s="196">
        <v>0</v>
      </c>
      <c r="CL38" s="195">
        <v>0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</row>
    <row r="39" spans="2:101" ht="21" customHeight="1" thickBot="1" x14ac:dyDescent="0.25">
      <c r="B39" s="108" t="s">
        <v>37</v>
      </c>
      <c r="C39" s="197">
        <v>0</v>
      </c>
      <c r="D39" s="203">
        <v>0</v>
      </c>
      <c r="E39" s="208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1</v>
      </c>
      <c r="K39" s="198">
        <v>0</v>
      </c>
      <c r="L39" s="201">
        <v>1</v>
      </c>
      <c r="M39" s="202">
        <v>1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11</v>
      </c>
      <c r="AD39" s="198">
        <v>9</v>
      </c>
      <c r="AE39" s="198">
        <v>5</v>
      </c>
      <c r="AF39" s="198">
        <v>2</v>
      </c>
      <c r="AG39" s="198">
        <v>1</v>
      </c>
      <c r="AH39" s="203">
        <v>28</v>
      </c>
      <c r="AI39" s="202">
        <v>28</v>
      </c>
      <c r="AJ39" s="197">
        <v>0</v>
      </c>
      <c r="AK39" s="198">
        <v>0</v>
      </c>
      <c r="AL39" s="203">
        <v>0</v>
      </c>
      <c r="AM39" s="200">
        <v>0</v>
      </c>
      <c r="AN39" s="198">
        <v>1</v>
      </c>
      <c r="AO39" s="198">
        <v>0</v>
      </c>
      <c r="AP39" s="198">
        <v>0</v>
      </c>
      <c r="AQ39" s="198">
        <v>0</v>
      </c>
      <c r="AR39" s="198">
        <v>0</v>
      </c>
      <c r="AS39" s="203">
        <v>1</v>
      </c>
      <c r="AT39" s="202">
        <v>1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0</v>
      </c>
      <c r="BA39" s="198">
        <v>0</v>
      </c>
      <c r="BB39" s="198">
        <v>0</v>
      </c>
      <c r="BC39" s="198">
        <v>0</v>
      </c>
      <c r="BD39" s="203">
        <v>0</v>
      </c>
      <c r="BE39" s="202">
        <v>0</v>
      </c>
      <c r="BF39" s="197">
        <v>0</v>
      </c>
      <c r="BG39" s="198">
        <v>0</v>
      </c>
      <c r="BH39" s="203">
        <v>0</v>
      </c>
      <c r="BI39" s="200">
        <v>0</v>
      </c>
      <c r="BJ39" s="198">
        <v>3</v>
      </c>
      <c r="BK39" s="198">
        <v>1</v>
      </c>
      <c r="BL39" s="198">
        <v>1</v>
      </c>
      <c r="BM39" s="198">
        <v>5</v>
      </c>
      <c r="BN39" s="198">
        <v>1</v>
      </c>
      <c r="BO39" s="201">
        <v>11</v>
      </c>
      <c r="BP39" s="202">
        <v>11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0</v>
      </c>
      <c r="BW39" s="198">
        <v>0</v>
      </c>
      <c r="BX39" s="198">
        <v>0</v>
      </c>
      <c r="BY39" s="198">
        <v>0</v>
      </c>
      <c r="BZ39" s="203">
        <v>0</v>
      </c>
      <c r="CA39" s="202">
        <v>0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</row>
  </sheetData>
  <mergeCells count="39">
    <mergeCell ref="Q4:W4"/>
    <mergeCell ref="AU3:BE3"/>
    <mergeCell ref="I1:J1"/>
    <mergeCell ref="L1:M1"/>
    <mergeCell ref="CA4:CA5"/>
    <mergeCell ref="BF3:BP3"/>
    <mergeCell ref="BQ3:CA3"/>
    <mergeCell ref="BP4:BP5"/>
    <mergeCell ref="BE4:BE5"/>
    <mergeCell ref="B3:B5"/>
    <mergeCell ref="AI4:AI5"/>
    <mergeCell ref="AJ4:AL4"/>
    <mergeCell ref="C3:M3"/>
    <mergeCell ref="N3:X3"/>
    <mergeCell ref="Y3:AI3"/>
    <mergeCell ref="AJ3:AT3"/>
    <mergeCell ref="AM4:AS4"/>
    <mergeCell ref="AT4:AT5"/>
    <mergeCell ref="C4:E4"/>
    <mergeCell ref="F4:L4"/>
    <mergeCell ref="M4:M5"/>
    <mergeCell ref="X4:X5"/>
    <mergeCell ref="Y4:AA4"/>
    <mergeCell ref="AB4:AH4"/>
    <mergeCell ref="N4:P4"/>
    <mergeCell ref="CM3:CW3"/>
    <mergeCell ref="CP4:CV4"/>
    <mergeCell ref="CM4:CO4"/>
    <mergeCell ref="CB4:CD4"/>
    <mergeCell ref="AU4:AW4"/>
    <mergeCell ref="AX4:BD4"/>
    <mergeCell ref="CE4:CK4"/>
    <mergeCell ref="BF4:BH4"/>
    <mergeCell ref="BI4:BO4"/>
    <mergeCell ref="BQ4:BS4"/>
    <mergeCell ref="BT4:BZ4"/>
    <mergeCell ref="CB3:CL3"/>
    <mergeCell ref="CW4:CW5"/>
    <mergeCell ref="CL4:CL5"/>
  </mergeCells>
  <phoneticPr fontId="4"/>
  <pageMargins left="0.70866141732283472" right="0.70866141732283472" top="0.74803149606299213" bottom="0.74803149606299213" header="0.31496062992125984" footer="0.31496062992125984"/>
  <pageSetup paperSize="9" scale="60" orientation="landscape" r:id="rId1"/>
  <headerFooter>
    <oddFooter>&amp;L&amp;20&amp;A&amp;C&amp;P/&amp;N</oddFooter>
  </headerFooter>
  <colBreaks count="3" manualBreakCount="3">
    <brk id="24" max="1048575" man="1"/>
    <brk id="46" max="1048575" man="1"/>
    <brk id="68" max="1048575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CW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.33203125" style="175" customWidth="1"/>
    <col min="6" max="6" width="7.6640625" style="175" customWidth="1"/>
    <col min="7" max="7" width="8.44140625" style="175" customWidth="1"/>
    <col min="8" max="8" width="8.77734375" style="175" customWidth="1"/>
    <col min="9" max="16" width="9" style="175"/>
    <col min="17" max="17" width="7.21875" style="175" customWidth="1"/>
    <col min="18" max="27" width="9" style="175"/>
    <col min="28" max="28" width="7.6640625" style="175" customWidth="1"/>
    <col min="29" max="38" width="9" style="175"/>
    <col min="39" max="39" width="8.5546875" style="175" customWidth="1"/>
    <col min="40" max="49" width="9" style="175"/>
    <col min="50" max="50" width="7.6640625" style="175" customWidth="1"/>
    <col min="51" max="60" width="9" style="175"/>
    <col min="61" max="61" width="7.21875" style="175" customWidth="1"/>
    <col min="62" max="71" width="9" style="175"/>
    <col min="72" max="72" width="7.21875" style="175" customWidth="1"/>
    <col min="73" max="82" width="9" style="175"/>
    <col min="83" max="83" width="7.33203125" style="175" customWidth="1"/>
    <col min="84" max="93" width="9" style="175"/>
    <col min="94" max="94" width="7.44140625" style="175" customWidth="1"/>
    <col min="95" max="16384" width="9" style="175"/>
  </cols>
  <sheetData>
    <row r="1" spans="2:101" ht="24" customHeight="1" x14ac:dyDescent="0.2">
      <c r="B1" s="142" t="s">
        <v>122</v>
      </c>
      <c r="I1" s="442">
        <f>第１表!F2</f>
        <v>7</v>
      </c>
      <c r="J1" s="442"/>
      <c r="K1" s="18">
        <f>第１表!G2</f>
        <v>3</v>
      </c>
      <c r="L1" s="447">
        <f>IF(K1&lt;3,K1+12-2,K1-2)</f>
        <v>1</v>
      </c>
      <c r="M1" s="447"/>
    </row>
    <row r="2" spans="2:101" s="71" customFormat="1" ht="24" customHeight="1" thickBot="1" x14ac:dyDescent="0.25">
      <c r="B2" s="142" t="s">
        <v>127</v>
      </c>
    </row>
    <row r="3" spans="2:101" ht="21" customHeight="1" thickBot="1" x14ac:dyDescent="0.25">
      <c r="B3" s="478"/>
      <c r="C3" s="472" t="s">
        <v>94</v>
      </c>
      <c r="D3" s="473"/>
      <c r="E3" s="473"/>
      <c r="F3" s="473"/>
      <c r="G3" s="473"/>
      <c r="H3" s="473"/>
      <c r="I3" s="473"/>
      <c r="J3" s="473"/>
      <c r="K3" s="473"/>
      <c r="L3" s="473"/>
      <c r="M3" s="474"/>
      <c r="N3" s="472" t="s">
        <v>88</v>
      </c>
      <c r="O3" s="473"/>
      <c r="P3" s="473"/>
      <c r="Q3" s="473"/>
      <c r="R3" s="473"/>
      <c r="S3" s="473"/>
      <c r="T3" s="473"/>
      <c r="U3" s="473"/>
      <c r="V3" s="473"/>
      <c r="W3" s="473"/>
      <c r="X3" s="474"/>
      <c r="Y3" s="472" t="s">
        <v>138</v>
      </c>
      <c r="Z3" s="473"/>
      <c r="AA3" s="473"/>
      <c r="AB3" s="473"/>
      <c r="AC3" s="473"/>
      <c r="AD3" s="473"/>
      <c r="AE3" s="473"/>
      <c r="AF3" s="473"/>
      <c r="AG3" s="473"/>
      <c r="AH3" s="473"/>
      <c r="AI3" s="474"/>
      <c r="AJ3" s="472" t="s">
        <v>90</v>
      </c>
      <c r="AK3" s="473"/>
      <c r="AL3" s="473"/>
      <c r="AM3" s="473"/>
      <c r="AN3" s="473"/>
      <c r="AO3" s="473"/>
      <c r="AP3" s="473"/>
      <c r="AQ3" s="473"/>
      <c r="AR3" s="473"/>
      <c r="AS3" s="473"/>
      <c r="AT3" s="474"/>
      <c r="AU3" s="481" t="s">
        <v>89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91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92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93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2" t="s">
        <v>137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</row>
    <row r="4" spans="2:101" ht="21" customHeight="1" x14ac:dyDescent="0.2">
      <c r="B4" s="479"/>
      <c r="C4" s="465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65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67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93" t="s">
        <v>61</v>
      </c>
      <c r="AV4" s="491"/>
      <c r="AW4" s="492"/>
      <c r="AX4" s="490" t="s">
        <v>62</v>
      </c>
      <c r="AY4" s="491"/>
      <c r="AZ4" s="491"/>
      <c r="BA4" s="491"/>
      <c r="BB4" s="491"/>
      <c r="BC4" s="491"/>
      <c r="BD4" s="492"/>
      <c r="BE4" s="494" t="s">
        <v>52</v>
      </c>
      <c r="BF4" s="493" t="s">
        <v>61</v>
      </c>
      <c r="BG4" s="491"/>
      <c r="BH4" s="492"/>
      <c r="BI4" s="490" t="s">
        <v>62</v>
      </c>
      <c r="BJ4" s="491"/>
      <c r="BK4" s="491"/>
      <c r="BL4" s="491"/>
      <c r="BM4" s="491"/>
      <c r="BN4" s="491"/>
      <c r="BO4" s="492"/>
      <c r="BP4" s="494" t="s">
        <v>52</v>
      </c>
      <c r="BQ4" s="493" t="s">
        <v>61</v>
      </c>
      <c r="BR4" s="491"/>
      <c r="BS4" s="492"/>
      <c r="BT4" s="490" t="s">
        <v>62</v>
      </c>
      <c r="BU4" s="491"/>
      <c r="BV4" s="491"/>
      <c r="BW4" s="491"/>
      <c r="BX4" s="491"/>
      <c r="BY4" s="491"/>
      <c r="BZ4" s="492"/>
      <c r="CA4" s="494" t="s">
        <v>52</v>
      </c>
      <c r="CB4" s="493" t="s">
        <v>61</v>
      </c>
      <c r="CC4" s="491"/>
      <c r="CD4" s="492"/>
      <c r="CE4" s="490" t="s">
        <v>62</v>
      </c>
      <c r="CF4" s="491"/>
      <c r="CG4" s="491"/>
      <c r="CH4" s="491"/>
      <c r="CI4" s="491"/>
      <c r="CJ4" s="491"/>
      <c r="CK4" s="492"/>
      <c r="CL4" s="494" t="s">
        <v>52</v>
      </c>
      <c r="CM4" s="493" t="s">
        <v>61</v>
      </c>
      <c r="CN4" s="491"/>
      <c r="CO4" s="492"/>
      <c r="CP4" s="490" t="s">
        <v>62</v>
      </c>
      <c r="CQ4" s="491"/>
      <c r="CR4" s="491"/>
      <c r="CS4" s="491"/>
      <c r="CT4" s="491"/>
      <c r="CU4" s="491"/>
      <c r="CV4" s="492"/>
      <c r="CW4" s="494" t="s">
        <v>52</v>
      </c>
    </row>
    <row r="5" spans="2:101" ht="30" customHeight="1" thickBot="1" x14ac:dyDescent="0.25">
      <c r="B5" s="480"/>
      <c r="C5" s="177" t="s">
        <v>43</v>
      </c>
      <c r="D5" s="182" t="s">
        <v>44</v>
      </c>
      <c r="E5" s="205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177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2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2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2" t="s">
        <v>45</v>
      </c>
      <c r="BE5" s="495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95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95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95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95"/>
    </row>
    <row r="6" spans="2:101" ht="21" customHeight="1" x14ac:dyDescent="0.2">
      <c r="B6" s="84" t="s">
        <v>4</v>
      </c>
      <c r="C6" s="183">
        <v>0</v>
      </c>
      <c r="D6" s="189">
        <v>0</v>
      </c>
      <c r="E6" s="206">
        <v>0</v>
      </c>
      <c r="F6" s="186">
        <v>0</v>
      </c>
      <c r="G6" s="184">
        <v>17</v>
      </c>
      <c r="H6" s="184">
        <v>29</v>
      </c>
      <c r="I6" s="184">
        <v>29</v>
      </c>
      <c r="J6" s="184">
        <v>23</v>
      </c>
      <c r="K6" s="184">
        <v>22</v>
      </c>
      <c r="L6" s="187">
        <v>120</v>
      </c>
      <c r="M6" s="188">
        <v>120</v>
      </c>
      <c r="N6" s="183">
        <v>0</v>
      </c>
      <c r="O6" s="184">
        <v>0</v>
      </c>
      <c r="P6" s="189">
        <v>0</v>
      </c>
      <c r="Q6" s="186">
        <v>0</v>
      </c>
      <c r="R6" s="184">
        <v>14</v>
      </c>
      <c r="S6" s="184">
        <v>24</v>
      </c>
      <c r="T6" s="184">
        <v>34</v>
      </c>
      <c r="U6" s="184">
        <v>34</v>
      </c>
      <c r="V6" s="184">
        <v>30</v>
      </c>
      <c r="W6" s="189">
        <v>136</v>
      </c>
      <c r="X6" s="188">
        <v>136</v>
      </c>
      <c r="Y6" s="183">
        <v>0</v>
      </c>
      <c r="Z6" s="184">
        <v>0</v>
      </c>
      <c r="AA6" s="189">
        <v>0</v>
      </c>
      <c r="AB6" s="186">
        <v>0</v>
      </c>
      <c r="AC6" s="184">
        <v>1008</v>
      </c>
      <c r="AD6" s="184">
        <v>934</v>
      </c>
      <c r="AE6" s="184">
        <v>373</v>
      </c>
      <c r="AF6" s="184">
        <v>150</v>
      </c>
      <c r="AG6" s="184">
        <v>69</v>
      </c>
      <c r="AH6" s="189">
        <v>2534</v>
      </c>
      <c r="AI6" s="188">
        <v>2534</v>
      </c>
      <c r="AJ6" s="183">
        <v>0</v>
      </c>
      <c r="AK6" s="184">
        <v>0</v>
      </c>
      <c r="AL6" s="189">
        <v>0</v>
      </c>
      <c r="AM6" s="186">
        <v>0</v>
      </c>
      <c r="AN6" s="184">
        <v>59</v>
      </c>
      <c r="AO6" s="184">
        <v>84</v>
      </c>
      <c r="AP6" s="184">
        <v>59</v>
      </c>
      <c r="AQ6" s="184">
        <v>24</v>
      </c>
      <c r="AR6" s="184">
        <v>16</v>
      </c>
      <c r="AS6" s="189">
        <v>242</v>
      </c>
      <c r="AT6" s="188">
        <v>242</v>
      </c>
      <c r="AU6" s="183">
        <v>9</v>
      </c>
      <c r="AV6" s="184">
        <v>9</v>
      </c>
      <c r="AW6" s="189">
        <v>18</v>
      </c>
      <c r="AX6" s="186">
        <v>0</v>
      </c>
      <c r="AY6" s="184">
        <v>80</v>
      </c>
      <c r="AZ6" s="184">
        <v>83</v>
      </c>
      <c r="BA6" s="184">
        <v>70</v>
      </c>
      <c r="BB6" s="184">
        <v>44</v>
      </c>
      <c r="BC6" s="184">
        <v>33</v>
      </c>
      <c r="BD6" s="189">
        <v>310</v>
      </c>
      <c r="BE6" s="188">
        <v>328</v>
      </c>
      <c r="BF6" s="183">
        <v>0</v>
      </c>
      <c r="BG6" s="184">
        <v>1</v>
      </c>
      <c r="BH6" s="189">
        <v>1</v>
      </c>
      <c r="BI6" s="186">
        <v>0</v>
      </c>
      <c r="BJ6" s="184">
        <v>104</v>
      </c>
      <c r="BK6" s="184">
        <v>140</v>
      </c>
      <c r="BL6" s="184">
        <v>142</v>
      </c>
      <c r="BM6" s="184">
        <v>101</v>
      </c>
      <c r="BN6" s="184">
        <v>53</v>
      </c>
      <c r="BO6" s="187">
        <v>540</v>
      </c>
      <c r="BP6" s="188">
        <v>541</v>
      </c>
      <c r="BQ6" s="183">
        <v>0</v>
      </c>
      <c r="BR6" s="184">
        <v>0</v>
      </c>
      <c r="BS6" s="189">
        <v>0</v>
      </c>
      <c r="BT6" s="186">
        <v>0</v>
      </c>
      <c r="BU6" s="184">
        <v>4</v>
      </c>
      <c r="BV6" s="184">
        <v>6</v>
      </c>
      <c r="BW6" s="184">
        <v>3</v>
      </c>
      <c r="BX6" s="184">
        <v>4</v>
      </c>
      <c r="BY6" s="184">
        <v>4</v>
      </c>
      <c r="BZ6" s="189">
        <v>21</v>
      </c>
      <c r="CA6" s="188">
        <v>21</v>
      </c>
      <c r="CB6" s="183">
        <v>0</v>
      </c>
      <c r="CC6" s="184">
        <v>0</v>
      </c>
      <c r="CD6" s="189">
        <v>0</v>
      </c>
      <c r="CE6" s="186">
        <v>0</v>
      </c>
      <c r="CF6" s="184">
        <v>1</v>
      </c>
      <c r="CG6" s="184">
        <v>2</v>
      </c>
      <c r="CH6" s="184">
        <v>13</v>
      </c>
      <c r="CI6" s="184">
        <v>26</v>
      </c>
      <c r="CJ6" s="184">
        <v>15</v>
      </c>
      <c r="CK6" s="189">
        <v>57</v>
      </c>
      <c r="CL6" s="188">
        <v>57</v>
      </c>
      <c r="CM6" s="183">
        <v>0</v>
      </c>
      <c r="CN6" s="184">
        <v>0</v>
      </c>
      <c r="CO6" s="189">
        <v>0</v>
      </c>
      <c r="CP6" s="186">
        <v>0</v>
      </c>
      <c r="CQ6" s="184">
        <v>16</v>
      </c>
      <c r="CR6" s="184">
        <v>19</v>
      </c>
      <c r="CS6" s="184">
        <v>25</v>
      </c>
      <c r="CT6" s="184">
        <v>32</v>
      </c>
      <c r="CU6" s="184">
        <v>23</v>
      </c>
      <c r="CV6" s="189">
        <v>115</v>
      </c>
      <c r="CW6" s="188">
        <v>115</v>
      </c>
    </row>
    <row r="7" spans="2:101" ht="21" customHeight="1" x14ac:dyDescent="0.2">
      <c r="B7" s="95" t="s">
        <v>5</v>
      </c>
      <c r="C7" s="190">
        <v>0</v>
      </c>
      <c r="D7" s="196">
        <v>0</v>
      </c>
      <c r="E7" s="207">
        <v>0</v>
      </c>
      <c r="F7" s="193">
        <v>0</v>
      </c>
      <c r="G7" s="191">
        <v>6</v>
      </c>
      <c r="H7" s="191">
        <v>16</v>
      </c>
      <c r="I7" s="191">
        <v>13</v>
      </c>
      <c r="J7" s="191">
        <v>13</v>
      </c>
      <c r="K7" s="191">
        <v>12</v>
      </c>
      <c r="L7" s="194">
        <v>60</v>
      </c>
      <c r="M7" s="195">
        <v>60</v>
      </c>
      <c r="N7" s="190">
        <v>0</v>
      </c>
      <c r="O7" s="191">
        <v>0</v>
      </c>
      <c r="P7" s="196">
        <v>0</v>
      </c>
      <c r="Q7" s="193">
        <v>0</v>
      </c>
      <c r="R7" s="191">
        <v>8</v>
      </c>
      <c r="S7" s="191">
        <v>21</v>
      </c>
      <c r="T7" s="191">
        <v>24</v>
      </c>
      <c r="U7" s="191">
        <v>29</v>
      </c>
      <c r="V7" s="191">
        <v>22</v>
      </c>
      <c r="W7" s="196">
        <v>104</v>
      </c>
      <c r="X7" s="195">
        <v>104</v>
      </c>
      <c r="Y7" s="190">
        <v>0</v>
      </c>
      <c r="Z7" s="191">
        <v>0</v>
      </c>
      <c r="AA7" s="196">
        <v>0</v>
      </c>
      <c r="AB7" s="193">
        <v>0</v>
      </c>
      <c r="AC7" s="191">
        <v>370</v>
      </c>
      <c r="AD7" s="191">
        <v>472</v>
      </c>
      <c r="AE7" s="191">
        <v>210</v>
      </c>
      <c r="AF7" s="191">
        <v>69</v>
      </c>
      <c r="AG7" s="191">
        <v>35</v>
      </c>
      <c r="AH7" s="196">
        <v>1156</v>
      </c>
      <c r="AI7" s="195">
        <v>1156</v>
      </c>
      <c r="AJ7" s="190">
        <v>0</v>
      </c>
      <c r="AK7" s="191">
        <v>0</v>
      </c>
      <c r="AL7" s="196">
        <v>0</v>
      </c>
      <c r="AM7" s="193">
        <v>0</v>
      </c>
      <c r="AN7" s="191">
        <v>34</v>
      </c>
      <c r="AO7" s="191">
        <v>48</v>
      </c>
      <c r="AP7" s="191">
        <v>32</v>
      </c>
      <c r="AQ7" s="191">
        <v>13</v>
      </c>
      <c r="AR7" s="191">
        <v>7</v>
      </c>
      <c r="AS7" s="196">
        <v>134</v>
      </c>
      <c r="AT7" s="195">
        <v>134</v>
      </c>
      <c r="AU7" s="190">
        <v>4</v>
      </c>
      <c r="AV7" s="191">
        <v>3</v>
      </c>
      <c r="AW7" s="196">
        <v>7</v>
      </c>
      <c r="AX7" s="193">
        <v>0</v>
      </c>
      <c r="AY7" s="191">
        <v>36</v>
      </c>
      <c r="AZ7" s="191">
        <v>40</v>
      </c>
      <c r="BA7" s="191">
        <v>28</v>
      </c>
      <c r="BB7" s="191">
        <v>22</v>
      </c>
      <c r="BC7" s="191">
        <v>17</v>
      </c>
      <c r="BD7" s="196">
        <v>143</v>
      </c>
      <c r="BE7" s="195">
        <v>150</v>
      </c>
      <c r="BF7" s="190">
        <v>0</v>
      </c>
      <c r="BG7" s="191">
        <v>1</v>
      </c>
      <c r="BH7" s="196">
        <v>1</v>
      </c>
      <c r="BI7" s="193">
        <v>0</v>
      </c>
      <c r="BJ7" s="191">
        <v>35</v>
      </c>
      <c r="BK7" s="191">
        <v>58</v>
      </c>
      <c r="BL7" s="191">
        <v>47</v>
      </c>
      <c r="BM7" s="191">
        <v>41</v>
      </c>
      <c r="BN7" s="191">
        <v>23</v>
      </c>
      <c r="BO7" s="194">
        <v>204</v>
      </c>
      <c r="BP7" s="195">
        <v>205</v>
      </c>
      <c r="BQ7" s="190">
        <v>0</v>
      </c>
      <c r="BR7" s="191">
        <v>0</v>
      </c>
      <c r="BS7" s="196">
        <v>0</v>
      </c>
      <c r="BT7" s="193">
        <v>0</v>
      </c>
      <c r="BU7" s="191">
        <v>0</v>
      </c>
      <c r="BV7" s="191">
        <v>0</v>
      </c>
      <c r="BW7" s="191">
        <v>0</v>
      </c>
      <c r="BX7" s="191">
        <v>0</v>
      </c>
      <c r="BY7" s="191">
        <v>0</v>
      </c>
      <c r="BZ7" s="196">
        <v>0</v>
      </c>
      <c r="CA7" s="195">
        <v>0</v>
      </c>
      <c r="CB7" s="190">
        <v>0</v>
      </c>
      <c r="CC7" s="191">
        <v>0</v>
      </c>
      <c r="CD7" s="196">
        <v>0</v>
      </c>
      <c r="CE7" s="193">
        <v>0</v>
      </c>
      <c r="CF7" s="191">
        <v>1</v>
      </c>
      <c r="CG7" s="191">
        <v>0</v>
      </c>
      <c r="CH7" s="191">
        <v>3</v>
      </c>
      <c r="CI7" s="191">
        <v>5</v>
      </c>
      <c r="CJ7" s="191">
        <v>2</v>
      </c>
      <c r="CK7" s="196">
        <v>11</v>
      </c>
      <c r="CL7" s="195">
        <v>11</v>
      </c>
      <c r="CM7" s="190">
        <v>0</v>
      </c>
      <c r="CN7" s="191">
        <v>0</v>
      </c>
      <c r="CO7" s="196">
        <v>0</v>
      </c>
      <c r="CP7" s="193">
        <v>0</v>
      </c>
      <c r="CQ7" s="191">
        <v>3</v>
      </c>
      <c r="CR7" s="191">
        <v>4</v>
      </c>
      <c r="CS7" s="191">
        <v>4</v>
      </c>
      <c r="CT7" s="191">
        <v>10</v>
      </c>
      <c r="CU7" s="191">
        <v>6</v>
      </c>
      <c r="CV7" s="196">
        <v>27</v>
      </c>
      <c r="CW7" s="195">
        <v>27</v>
      </c>
    </row>
    <row r="8" spans="2:101" ht="21" customHeight="1" x14ac:dyDescent="0.2">
      <c r="B8" s="106" t="s">
        <v>6</v>
      </c>
      <c r="C8" s="190">
        <v>0</v>
      </c>
      <c r="D8" s="196">
        <v>0</v>
      </c>
      <c r="E8" s="207">
        <v>0</v>
      </c>
      <c r="F8" s="193">
        <v>0</v>
      </c>
      <c r="G8" s="191">
        <v>2</v>
      </c>
      <c r="H8" s="191">
        <v>4</v>
      </c>
      <c r="I8" s="191">
        <v>6</v>
      </c>
      <c r="J8" s="191">
        <v>2</v>
      </c>
      <c r="K8" s="191">
        <v>4</v>
      </c>
      <c r="L8" s="194">
        <v>18</v>
      </c>
      <c r="M8" s="195">
        <v>18</v>
      </c>
      <c r="N8" s="190">
        <v>0</v>
      </c>
      <c r="O8" s="191">
        <v>0</v>
      </c>
      <c r="P8" s="196">
        <v>0</v>
      </c>
      <c r="Q8" s="193">
        <v>0</v>
      </c>
      <c r="R8" s="191">
        <v>5</v>
      </c>
      <c r="S8" s="191">
        <v>3</v>
      </c>
      <c r="T8" s="191">
        <v>9</v>
      </c>
      <c r="U8" s="191">
        <v>4</v>
      </c>
      <c r="V8" s="191">
        <v>7</v>
      </c>
      <c r="W8" s="196">
        <v>28</v>
      </c>
      <c r="X8" s="195">
        <v>28</v>
      </c>
      <c r="Y8" s="190">
        <v>0</v>
      </c>
      <c r="Z8" s="191">
        <v>0</v>
      </c>
      <c r="AA8" s="196">
        <v>0</v>
      </c>
      <c r="AB8" s="193">
        <v>0</v>
      </c>
      <c r="AC8" s="191">
        <v>124</v>
      </c>
      <c r="AD8" s="191">
        <v>75</v>
      </c>
      <c r="AE8" s="191">
        <v>29</v>
      </c>
      <c r="AF8" s="191">
        <v>16</v>
      </c>
      <c r="AG8" s="191">
        <v>18</v>
      </c>
      <c r="AH8" s="196">
        <v>262</v>
      </c>
      <c r="AI8" s="195">
        <v>262</v>
      </c>
      <c r="AJ8" s="190">
        <v>0</v>
      </c>
      <c r="AK8" s="191">
        <v>0</v>
      </c>
      <c r="AL8" s="196">
        <v>0</v>
      </c>
      <c r="AM8" s="193">
        <v>0</v>
      </c>
      <c r="AN8" s="191">
        <v>8</v>
      </c>
      <c r="AO8" s="191">
        <v>14</v>
      </c>
      <c r="AP8" s="191">
        <v>7</v>
      </c>
      <c r="AQ8" s="191">
        <v>4</v>
      </c>
      <c r="AR8" s="191">
        <v>2</v>
      </c>
      <c r="AS8" s="196">
        <v>35</v>
      </c>
      <c r="AT8" s="195">
        <v>35</v>
      </c>
      <c r="AU8" s="190">
        <v>1</v>
      </c>
      <c r="AV8" s="191">
        <v>2</v>
      </c>
      <c r="AW8" s="196">
        <v>3</v>
      </c>
      <c r="AX8" s="193">
        <v>0</v>
      </c>
      <c r="AY8" s="191">
        <v>12</v>
      </c>
      <c r="AZ8" s="191">
        <v>15</v>
      </c>
      <c r="BA8" s="191">
        <v>10</v>
      </c>
      <c r="BB8" s="191">
        <v>5</v>
      </c>
      <c r="BC8" s="191">
        <v>3</v>
      </c>
      <c r="BD8" s="196">
        <v>45</v>
      </c>
      <c r="BE8" s="195">
        <v>48</v>
      </c>
      <c r="BF8" s="190">
        <v>0</v>
      </c>
      <c r="BG8" s="191">
        <v>0</v>
      </c>
      <c r="BH8" s="196">
        <v>0</v>
      </c>
      <c r="BI8" s="193">
        <v>0</v>
      </c>
      <c r="BJ8" s="191">
        <v>24</v>
      </c>
      <c r="BK8" s="191">
        <v>19</v>
      </c>
      <c r="BL8" s="191">
        <v>24</v>
      </c>
      <c r="BM8" s="191">
        <v>17</v>
      </c>
      <c r="BN8" s="191">
        <v>7</v>
      </c>
      <c r="BO8" s="194">
        <v>91</v>
      </c>
      <c r="BP8" s="195">
        <v>91</v>
      </c>
      <c r="BQ8" s="190">
        <v>0</v>
      </c>
      <c r="BR8" s="191">
        <v>0</v>
      </c>
      <c r="BS8" s="196">
        <v>0</v>
      </c>
      <c r="BT8" s="193">
        <v>0</v>
      </c>
      <c r="BU8" s="191">
        <v>0</v>
      </c>
      <c r="BV8" s="191">
        <v>0</v>
      </c>
      <c r="BW8" s="191">
        <v>0</v>
      </c>
      <c r="BX8" s="191">
        <v>0</v>
      </c>
      <c r="BY8" s="191">
        <v>0</v>
      </c>
      <c r="BZ8" s="196">
        <v>0</v>
      </c>
      <c r="CA8" s="195">
        <v>0</v>
      </c>
      <c r="CB8" s="190">
        <v>0</v>
      </c>
      <c r="CC8" s="191">
        <v>0</v>
      </c>
      <c r="CD8" s="196">
        <v>0</v>
      </c>
      <c r="CE8" s="193">
        <v>0</v>
      </c>
      <c r="CF8" s="191">
        <v>0</v>
      </c>
      <c r="CG8" s="191">
        <v>0</v>
      </c>
      <c r="CH8" s="191">
        <v>4</v>
      </c>
      <c r="CI8" s="191">
        <v>5</v>
      </c>
      <c r="CJ8" s="191">
        <v>3</v>
      </c>
      <c r="CK8" s="196">
        <v>12</v>
      </c>
      <c r="CL8" s="195">
        <v>12</v>
      </c>
      <c r="CM8" s="190">
        <v>0</v>
      </c>
      <c r="CN8" s="191">
        <v>0</v>
      </c>
      <c r="CO8" s="196">
        <v>0</v>
      </c>
      <c r="CP8" s="193">
        <v>0</v>
      </c>
      <c r="CQ8" s="191">
        <v>6</v>
      </c>
      <c r="CR8" s="191">
        <v>4</v>
      </c>
      <c r="CS8" s="191">
        <v>8</v>
      </c>
      <c r="CT8" s="191">
        <v>4</v>
      </c>
      <c r="CU8" s="191">
        <v>7</v>
      </c>
      <c r="CV8" s="196">
        <v>29</v>
      </c>
      <c r="CW8" s="195">
        <v>29</v>
      </c>
    </row>
    <row r="9" spans="2:101" ht="21" customHeight="1" x14ac:dyDescent="0.2">
      <c r="B9" s="106" t="s">
        <v>14</v>
      </c>
      <c r="C9" s="190">
        <v>0</v>
      </c>
      <c r="D9" s="196">
        <v>0</v>
      </c>
      <c r="E9" s="207">
        <v>0</v>
      </c>
      <c r="F9" s="193">
        <v>0</v>
      </c>
      <c r="G9" s="191">
        <v>2</v>
      </c>
      <c r="H9" s="191">
        <v>4</v>
      </c>
      <c r="I9" s="191">
        <v>3</v>
      </c>
      <c r="J9" s="191">
        <v>4</v>
      </c>
      <c r="K9" s="191">
        <v>5</v>
      </c>
      <c r="L9" s="194">
        <v>18</v>
      </c>
      <c r="M9" s="195">
        <v>18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0</v>
      </c>
      <c r="T9" s="191">
        <v>0</v>
      </c>
      <c r="U9" s="191">
        <v>0</v>
      </c>
      <c r="V9" s="191">
        <v>0</v>
      </c>
      <c r="W9" s="196">
        <v>0</v>
      </c>
      <c r="X9" s="195">
        <v>0</v>
      </c>
      <c r="Y9" s="190">
        <v>0</v>
      </c>
      <c r="Z9" s="191">
        <v>0</v>
      </c>
      <c r="AA9" s="196">
        <v>0</v>
      </c>
      <c r="AB9" s="193">
        <v>0</v>
      </c>
      <c r="AC9" s="191">
        <v>87</v>
      </c>
      <c r="AD9" s="191">
        <v>81</v>
      </c>
      <c r="AE9" s="191">
        <v>36</v>
      </c>
      <c r="AF9" s="191">
        <v>18</v>
      </c>
      <c r="AG9" s="191">
        <v>4</v>
      </c>
      <c r="AH9" s="196">
        <v>226</v>
      </c>
      <c r="AI9" s="195">
        <v>226</v>
      </c>
      <c r="AJ9" s="190">
        <v>0</v>
      </c>
      <c r="AK9" s="191">
        <v>0</v>
      </c>
      <c r="AL9" s="196">
        <v>0</v>
      </c>
      <c r="AM9" s="193">
        <v>0</v>
      </c>
      <c r="AN9" s="191">
        <v>3</v>
      </c>
      <c r="AO9" s="191">
        <v>1</v>
      </c>
      <c r="AP9" s="191">
        <v>1</v>
      </c>
      <c r="AQ9" s="191">
        <v>0</v>
      </c>
      <c r="AR9" s="191">
        <v>0</v>
      </c>
      <c r="AS9" s="196">
        <v>5</v>
      </c>
      <c r="AT9" s="195">
        <v>5</v>
      </c>
      <c r="AU9" s="190">
        <v>1</v>
      </c>
      <c r="AV9" s="191">
        <v>1</v>
      </c>
      <c r="AW9" s="196">
        <v>2</v>
      </c>
      <c r="AX9" s="193">
        <v>0</v>
      </c>
      <c r="AY9" s="191">
        <v>5</v>
      </c>
      <c r="AZ9" s="191">
        <v>3</v>
      </c>
      <c r="BA9" s="191">
        <v>7</v>
      </c>
      <c r="BB9" s="191">
        <v>3</v>
      </c>
      <c r="BC9" s="191">
        <v>4</v>
      </c>
      <c r="BD9" s="196">
        <v>22</v>
      </c>
      <c r="BE9" s="195">
        <v>24</v>
      </c>
      <c r="BF9" s="190">
        <v>0</v>
      </c>
      <c r="BG9" s="191">
        <v>0</v>
      </c>
      <c r="BH9" s="196">
        <v>0</v>
      </c>
      <c r="BI9" s="193">
        <v>0</v>
      </c>
      <c r="BJ9" s="191">
        <v>13</v>
      </c>
      <c r="BK9" s="191">
        <v>10</v>
      </c>
      <c r="BL9" s="191">
        <v>13</v>
      </c>
      <c r="BM9" s="191">
        <v>13</v>
      </c>
      <c r="BN9" s="191">
        <v>5</v>
      </c>
      <c r="BO9" s="194">
        <v>54</v>
      </c>
      <c r="BP9" s="195">
        <v>54</v>
      </c>
      <c r="BQ9" s="190">
        <v>0</v>
      </c>
      <c r="BR9" s="191">
        <v>0</v>
      </c>
      <c r="BS9" s="196">
        <v>0</v>
      </c>
      <c r="BT9" s="193">
        <v>0</v>
      </c>
      <c r="BU9" s="191">
        <v>0</v>
      </c>
      <c r="BV9" s="191">
        <v>0</v>
      </c>
      <c r="BW9" s="191">
        <v>0</v>
      </c>
      <c r="BX9" s="191">
        <v>0</v>
      </c>
      <c r="BY9" s="191">
        <v>0</v>
      </c>
      <c r="BZ9" s="196">
        <v>0</v>
      </c>
      <c r="CA9" s="195">
        <v>0</v>
      </c>
      <c r="CB9" s="190">
        <v>0</v>
      </c>
      <c r="CC9" s="191">
        <v>0</v>
      </c>
      <c r="CD9" s="196">
        <v>0</v>
      </c>
      <c r="CE9" s="193">
        <v>0</v>
      </c>
      <c r="CF9" s="191">
        <v>0</v>
      </c>
      <c r="CG9" s="191">
        <v>0</v>
      </c>
      <c r="CH9" s="191">
        <v>1</v>
      </c>
      <c r="CI9" s="191">
        <v>1</v>
      </c>
      <c r="CJ9" s="191">
        <v>0</v>
      </c>
      <c r="CK9" s="196">
        <v>2</v>
      </c>
      <c r="CL9" s="195">
        <v>2</v>
      </c>
      <c r="CM9" s="190">
        <v>0</v>
      </c>
      <c r="CN9" s="191">
        <v>0</v>
      </c>
      <c r="CO9" s="196">
        <v>0</v>
      </c>
      <c r="CP9" s="193">
        <v>0</v>
      </c>
      <c r="CQ9" s="191">
        <v>1</v>
      </c>
      <c r="CR9" s="191">
        <v>1</v>
      </c>
      <c r="CS9" s="191">
        <v>2</v>
      </c>
      <c r="CT9" s="191">
        <v>3</v>
      </c>
      <c r="CU9" s="191">
        <v>2</v>
      </c>
      <c r="CV9" s="196">
        <v>9</v>
      </c>
      <c r="CW9" s="195">
        <v>9</v>
      </c>
    </row>
    <row r="10" spans="2:101" ht="21" customHeight="1" x14ac:dyDescent="0.2">
      <c r="B10" s="106" t="s">
        <v>7</v>
      </c>
      <c r="C10" s="190">
        <v>0</v>
      </c>
      <c r="D10" s="196">
        <v>0</v>
      </c>
      <c r="E10" s="207">
        <v>0</v>
      </c>
      <c r="F10" s="193">
        <v>0</v>
      </c>
      <c r="G10" s="191">
        <v>0</v>
      </c>
      <c r="H10" s="191">
        <v>1</v>
      </c>
      <c r="I10" s="191">
        <v>0</v>
      </c>
      <c r="J10" s="191">
        <v>2</v>
      </c>
      <c r="K10" s="191">
        <v>0</v>
      </c>
      <c r="L10" s="194">
        <v>3</v>
      </c>
      <c r="M10" s="195">
        <v>3</v>
      </c>
      <c r="N10" s="190">
        <v>0</v>
      </c>
      <c r="O10" s="191">
        <v>0</v>
      </c>
      <c r="P10" s="196">
        <v>0</v>
      </c>
      <c r="Q10" s="193">
        <v>0</v>
      </c>
      <c r="R10" s="191">
        <v>0</v>
      </c>
      <c r="S10" s="191">
        <v>0</v>
      </c>
      <c r="T10" s="191">
        <v>0</v>
      </c>
      <c r="U10" s="191">
        <v>0</v>
      </c>
      <c r="V10" s="191">
        <v>0</v>
      </c>
      <c r="W10" s="196">
        <v>0</v>
      </c>
      <c r="X10" s="195">
        <v>0</v>
      </c>
      <c r="Y10" s="190">
        <v>0</v>
      </c>
      <c r="Z10" s="191">
        <v>0</v>
      </c>
      <c r="AA10" s="196">
        <v>0</v>
      </c>
      <c r="AB10" s="193">
        <v>0</v>
      </c>
      <c r="AC10" s="191">
        <v>85</v>
      </c>
      <c r="AD10" s="191">
        <v>63</v>
      </c>
      <c r="AE10" s="191">
        <v>17</v>
      </c>
      <c r="AF10" s="191">
        <v>4</v>
      </c>
      <c r="AG10" s="191">
        <v>0</v>
      </c>
      <c r="AH10" s="196">
        <v>169</v>
      </c>
      <c r="AI10" s="195">
        <v>169</v>
      </c>
      <c r="AJ10" s="190">
        <v>0</v>
      </c>
      <c r="AK10" s="191">
        <v>0</v>
      </c>
      <c r="AL10" s="196">
        <v>0</v>
      </c>
      <c r="AM10" s="193">
        <v>0</v>
      </c>
      <c r="AN10" s="191">
        <v>6</v>
      </c>
      <c r="AO10" s="191">
        <v>10</v>
      </c>
      <c r="AP10" s="191">
        <v>7</v>
      </c>
      <c r="AQ10" s="191">
        <v>2</v>
      </c>
      <c r="AR10" s="191">
        <v>1</v>
      </c>
      <c r="AS10" s="196">
        <v>26</v>
      </c>
      <c r="AT10" s="195">
        <v>26</v>
      </c>
      <c r="AU10" s="190">
        <v>0</v>
      </c>
      <c r="AV10" s="191">
        <v>0</v>
      </c>
      <c r="AW10" s="196">
        <v>0</v>
      </c>
      <c r="AX10" s="193">
        <v>0</v>
      </c>
      <c r="AY10" s="191">
        <v>5</v>
      </c>
      <c r="AZ10" s="191">
        <v>3</v>
      </c>
      <c r="BA10" s="191">
        <v>2</v>
      </c>
      <c r="BB10" s="191">
        <v>2</v>
      </c>
      <c r="BC10" s="191">
        <v>0</v>
      </c>
      <c r="BD10" s="196">
        <v>12</v>
      </c>
      <c r="BE10" s="195">
        <v>12</v>
      </c>
      <c r="BF10" s="190">
        <v>0</v>
      </c>
      <c r="BG10" s="191">
        <v>0</v>
      </c>
      <c r="BH10" s="196">
        <v>0</v>
      </c>
      <c r="BI10" s="193">
        <v>0</v>
      </c>
      <c r="BJ10" s="191">
        <v>6</v>
      </c>
      <c r="BK10" s="191">
        <v>13</v>
      </c>
      <c r="BL10" s="191">
        <v>8</v>
      </c>
      <c r="BM10" s="191">
        <v>4</v>
      </c>
      <c r="BN10" s="191">
        <v>3</v>
      </c>
      <c r="BO10" s="194">
        <v>34</v>
      </c>
      <c r="BP10" s="195">
        <v>34</v>
      </c>
      <c r="BQ10" s="190">
        <v>0</v>
      </c>
      <c r="BR10" s="191">
        <v>0</v>
      </c>
      <c r="BS10" s="196">
        <v>0</v>
      </c>
      <c r="BT10" s="193">
        <v>0</v>
      </c>
      <c r="BU10" s="191">
        <v>0</v>
      </c>
      <c r="BV10" s="191">
        <v>0</v>
      </c>
      <c r="BW10" s="191">
        <v>0</v>
      </c>
      <c r="BX10" s="191">
        <v>0</v>
      </c>
      <c r="BY10" s="191">
        <v>0</v>
      </c>
      <c r="BZ10" s="196">
        <v>0</v>
      </c>
      <c r="CA10" s="195">
        <v>0</v>
      </c>
      <c r="CB10" s="190">
        <v>0</v>
      </c>
      <c r="CC10" s="191">
        <v>0</v>
      </c>
      <c r="CD10" s="196">
        <v>0</v>
      </c>
      <c r="CE10" s="193">
        <v>0</v>
      </c>
      <c r="CF10" s="191">
        <v>0</v>
      </c>
      <c r="CG10" s="191">
        <v>0</v>
      </c>
      <c r="CH10" s="191">
        <v>0</v>
      </c>
      <c r="CI10" s="191">
        <v>0</v>
      </c>
      <c r="CJ10" s="191">
        <v>0</v>
      </c>
      <c r="CK10" s="196">
        <v>0</v>
      </c>
      <c r="CL10" s="195">
        <v>0</v>
      </c>
      <c r="CM10" s="190">
        <v>0</v>
      </c>
      <c r="CN10" s="191">
        <v>0</v>
      </c>
      <c r="CO10" s="196">
        <v>0</v>
      </c>
      <c r="CP10" s="193">
        <v>0</v>
      </c>
      <c r="CQ10" s="191">
        <v>0</v>
      </c>
      <c r="CR10" s="191">
        <v>0</v>
      </c>
      <c r="CS10" s="191">
        <v>2</v>
      </c>
      <c r="CT10" s="191">
        <v>1</v>
      </c>
      <c r="CU10" s="191">
        <v>1</v>
      </c>
      <c r="CV10" s="196">
        <v>4</v>
      </c>
      <c r="CW10" s="195">
        <v>4</v>
      </c>
    </row>
    <row r="11" spans="2:101" ht="21" customHeight="1" x14ac:dyDescent="0.2">
      <c r="B11" s="106" t="s">
        <v>8</v>
      </c>
      <c r="C11" s="190">
        <v>0</v>
      </c>
      <c r="D11" s="196">
        <v>0</v>
      </c>
      <c r="E11" s="207">
        <v>0</v>
      </c>
      <c r="F11" s="193">
        <v>0</v>
      </c>
      <c r="G11" s="191">
        <v>0</v>
      </c>
      <c r="H11" s="191">
        <v>0</v>
      </c>
      <c r="I11" s="191">
        <v>0</v>
      </c>
      <c r="J11" s="191">
        <v>0</v>
      </c>
      <c r="K11" s="191">
        <v>0</v>
      </c>
      <c r="L11" s="194">
        <v>0</v>
      </c>
      <c r="M11" s="195">
        <v>0</v>
      </c>
      <c r="N11" s="190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0</v>
      </c>
      <c r="T11" s="191">
        <v>0</v>
      </c>
      <c r="U11" s="191">
        <v>0</v>
      </c>
      <c r="V11" s="191">
        <v>0</v>
      </c>
      <c r="W11" s="196">
        <v>0</v>
      </c>
      <c r="X11" s="195">
        <v>0</v>
      </c>
      <c r="Y11" s="190">
        <v>0</v>
      </c>
      <c r="Z11" s="191">
        <v>0</v>
      </c>
      <c r="AA11" s="196">
        <v>0</v>
      </c>
      <c r="AB11" s="193">
        <v>0</v>
      </c>
      <c r="AC11" s="191">
        <v>27</v>
      </c>
      <c r="AD11" s="191">
        <v>43</v>
      </c>
      <c r="AE11" s="191">
        <v>10</v>
      </c>
      <c r="AF11" s="191">
        <v>5</v>
      </c>
      <c r="AG11" s="191">
        <v>1</v>
      </c>
      <c r="AH11" s="196">
        <v>86</v>
      </c>
      <c r="AI11" s="195">
        <v>86</v>
      </c>
      <c r="AJ11" s="190">
        <v>0</v>
      </c>
      <c r="AK11" s="191">
        <v>0</v>
      </c>
      <c r="AL11" s="196">
        <v>0</v>
      </c>
      <c r="AM11" s="193">
        <v>0</v>
      </c>
      <c r="AN11" s="191">
        <v>0</v>
      </c>
      <c r="AO11" s="191">
        <v>0</v>
      </c>
      <c r="AP11" s="191">
        <v>0</v>
      </c>
      <c r="AQ11" s="191">
        <v>0</v>
      </c>
      <c r="AR11" s="191">
        <v>0</v>
      </c>
      <c r="AS11" s="196">
        <v>0</v>
      </c>
      <c r="AT11" s="195">
        <v>0</v>
      </c>
      <c r="AU11" s="190">
        <v>0</v>
      </c>
      <c r="AV11" s="191">
        <v>1</v>
      </c>
      <c r="AW11" s="196">
        <v>1</v>
      </c>
      <c r="AX11" s="193">
        <v>0</v>
      </c>
      <c r="AY11" s="191">
        <v>2</v>
      </c>
      <c r="AZ11" s="191">
        <v>0</v>
      </c>
      <c r="BA11" s="191">
        <v>0</v>
      </c>
      <c r="BB11" s="191">
        <v>2</v>
      </c>
      <c r="BC11" s="191">
        <v>0</v>
      </c>
      <c r="BD11" s="196">
        <v>4</v>
      </c>
      <c r="BE11" s="195">
        <v>5</v>
      </c>
      <c r="BF11" s="190">
        <v>0</v>
      </c>
      <c r="BG11" s="191">
        <v>0</v>
      </c>
      <c r="BH11" s="196">
        <v>0</v>
      </c>
      <c r="BI11" s="193">
        <v>0</v>
      </c>
      <c r="BJ11" s="191">
        <v>2</v>
      </c>
      <c r="BK11" s="191">
        <v>2</v>
      </c>
      <c r="BL11" s="191">
        <v>4</v>
      </c>
      <c r="BM11" s="191">
        <v>3</v>
      </c>
      <c r="BN11" s="191">
        <v>1</v>
      </c>
      <c r="BO11" s="194">
        <v>12</v>
      </c>
      <c r="BP11" s="195">
        <v>12</v>
      </c>
      <c r="BQ11" s="190">
        <v>0</v>
      </c>
      <c r="BR11" s="191">
        <v>0</v>
      </c>
      <c r="BS11" s="196">
        <v>0</v>
      </c>
      <c r="BT11" s="193">
        <v>0</v>
      </c>
      <c r="BU11" s="191">
        <v>0</v>
      </c>
      <c r="BV11" s="191">
        <v>0</v>
      </c>
      <c r="BW11" s="191">
        <v>1</v>
      </c>
      <c r="BX11" s="191">
        <v>0</v>
      </c>
      <c r="BY11" s="191">
        <v>2</v>
      </c>
      <c r="BZ11" s="196">
        <v>3</v>
      </c>
      <c r="CA11" s="195">
        <v>3</v>
      </c>
      <c r="CB11" s="190">
        <v>0</v>
      </c>
      <c r="CC11" s="191">
        <v>0</v>
      </c>
      <c r="CD11" s="196">
        <v>0</v>
      </c>
      <c r="CE11" s="193">
        <v>0</v>
      </c>
      <c r="CF11" s="191">
        <v>0</v>
      </c>
      <c r="CG11" s="191">
        <v>0</v>
      </c>
      <c r="CH11" s="191">
        <v>0</v>
      </c>
      <c r="CI11" s="191">
        <v>0</v>
      </c>
      <c r="CJ11" s="191">
        <v>0</v>
      </c>
      <c r="CK11" s="196">
        <v>0</v>
      </c>
      <c r="CL11" s="195">
        <v>0</v>
      </c>
      <c r="CM11" s="190">
        <v>0</v>
      </c>
      <c r="CN11" s="191">
        <v>0</v>
      </c>
      <c r="CO11" s="196">
        <v>0</v>
      </c>
      <c r="CP11" s="193">
        <v>0</v>
      </c>
      <c r="CQ11" s="191">
        <v>2</v>
      </c>
      <c r="CR11" s="191">
        <v>1</v>
      </c>
      <c r="CS11" s="191">
        <v>1</v>
      </c>
      <c r="CT11" s="191">
        <v>1</v>
      </c>
      <c r="CU11" s="191">
        <v>0</v>
      </c>
      <c r="CV11" s="196">
        <v>5</v>
      </c>
      <c r="CW11" s="195">
        <v>5</v>
      </c>
    </row>
    <row r="12" spans="2:101" ht="21" customHeight="1" x14ac:dyDescent="0.2">
      <c r="B12" s="106" t="s">
        <v>9</v>
      </c>
      <c r="C12" s="190">
        <v>0</v>
      </c>
      <c r="D12" s="196">
        <v>0</v>
      </c>
      <c r="E12" s="207">
        <v>0</v>
      </c>
      <c r="F12" s="193">
        <v>0</v>
      </c>
      <c r="G12" s="191">
        <v>0</v>
      </c>
      <c r="H12" s="191">
        <v>0</v>
      </c>
      <c r="I12" s="191">
        <v>1</v>
      </c>
      <c r="J12" s="191">
        <v>0</v>
      </c>
      <c r="K12" s="191">
        <v>0</v>
      </c>
      <c r="L12" s="194">
        <v>1</v>
      </c>
      <c r="M12" s="195">
        <v>1</v>
      </c>
      <c r="N12" s="190">
        <v>0</v>
      </c>
      <c r="O12" s="191">
        <v>0</v>
      </c>
      <c r="P12" s="196">
        <v>0</v>
      </c>
      <c r="Q12" s="193">
        <v>0</v>
      </c>
      <c r="R12" s="191">
        <v>0</v>
      </c>
      <c r="S12" s="191">
        <v>0</v>
      </c>
      <c r="T12" s="191">
        <v>0</v>
      </c>
      <c r="U12" s="191">
        <v>0</v>
      </c>
      <c r="V12" s="191">
        <v>0</v>
      </c>
      <c r="W12" s="196">
        <v>0</v>
      </c>
      <c r="X12" s="195">
        <v>0</v>
      </c>
      <c r="Y12" s="190">
        <v>0</v>
      </c>
      <c r="Z12" s="191">
        <v>0</v>
      </c>
      <c r="AA12" s="196">
        <v>0</v>
      </c>
      <c r="AB12" s="193">
        <v>0</v>
      </c>
      <c r="AC12" s="191">
        <v>50</v>
      </c>
      <c r="AD12" s="191">
        <v>25</v>
      </c>
      <c r="AE12" s="191">
        <v>8</v>
      </c>
      <c r="AF12" s="191">
        <v>8</v>
      </c>
      <c r="AG12" s="191">
        <v>3</v>
      </c>
      <c r="AH12" s="196">
        <v>94</v>
      </c>
      <c r="AI12" s="195">
        <v>94</v>
      </c>
      <c r="AJ12" s="190">
        <v>0</v>
      </c>
      <c r="AK12" s="191">
        <v>0</v>
      </c>
      <c r="AL12" s="196">
        <v>0</v>
      </c>
      <c r="AM12" s="193">
        <v>0</v>
      </c>
      <c r="AN12" s="191">
        <v>0</v>
      </c>
      <c r="AO12" s="191">
        <v>1</v>
      </c>
      <c r="AP12" s="191">
        <v>0</v>
      </c>
      <c r="AQ12" s="191">
        <v>0</v>
      </c>
      <c r="AR12" s="191">
        <v>1</v>
      </c>
      <c r="AS12" s="196">
        <v>2</v>
      </c>
      <c r="AT12" s="195">
        <v>2</v>
      </c>
      <c r="AU12" s="190">
        <v>0</v>
      </c>
      <c r="AV12" s="191">
        <v>0</v>
      </c>
      <c r="AW12" s="196">
        <v>0</v>
      </c>
      <c r="AX12" s="193">
        <v>0</v>
      </c>
      <c r="AY12" s="191">
        <v>1</v>
      </c>
      <c r="AZ12" s="191">
        <v>3</v>
      </c>
      <c r="BA12" s="191">
        <v>2</v>
      </c>
      <c r="BB12" s="191">
        <v>0</v>
      </c>
      <c r="BC12" s="191">
        <v>0</v>
      </c>
      <c r="BD12" s="196">
        <v>6</v>
      </c>
      <c r="BE12" s="195">
        <v>6</v>
      </c>
      <c r="BF12" s="190">
        <v>0</v>
      </c>
      <c r="BG12" s="191">
        <v>0</v>
      </c>
      <c r="BH12" s="196">
        <v>0</v>
      </c>
      <c r="BI12" s="193">
        <v>0</v>
      </c>
      <c r="BJ12" s="191">
        <v>1</v>
      </c>
      <c r="BK12" s="191">
        <v>3</v>
      </c>
      <c r="BL12" s="191">
        <v>7</v>
      </c>
      <c r="BM12" s="191">
        <v>5</v>
      </c>
      <c r="BN12" s="191">
        <v>2</v>
      </c>
      <c r="BO12" s="194">
        <v>18</v>
      </c>
      <c r="BP12" s="195">
        <v>18</v>
      </c>
      <c r="BQ12" s="190">
        <v>0</v>
      </c>
      <c r="BR12" s="191">
        <v>0</v>
      </c>
      <c r="BS12" s="196">
        <v>0</v>
      </c>
      <c r="BT12" s="193">
        <v>0</v>
      </c>
      <c r="BU12" s="191">
        <v>0</v>
      </c>
      <c r="BV12" s="191">
        <v>1</v>
      </c>
      <c r="BW12" s="191">
        <v>1</v>
      </c>
      <c r="BX12" s="191">
        <v>0</v>
      </c>
      <c r="BY12" s="191">
        <v>0</v>
      </c>
      <c r="BZ12" s="196">
        <v>2</v>
      </c>
      <c r="CA12" s="195">
        <v>2</v>
      </c>
      <c r="CB12" s="190">
        <v>0</v>
      </c>
      <c r="CC12" s="191">
        <v>0</v>
      </c>
      <c r="CD12" s="196">
        <v>0</v>
      </c>
      <c r="CE12" s="193">
        <v>0</v>
      </c>
      <c r="CF12" s="191">
        <v>0</v>
      </c>
      <c r="CG12" s="191">
        <v>0</v>
      </c>
      <c r="CH12" s="191">
        <v>0</v>
      </c>
      <c r="CI12" s="191">
        <v>0</v>
      </c>
      <c r="CJ12" s="191">
        <v>0</v>
      </c>
      <c r="CK12" s="196">
        <v>0</v>
      </c>
      <c r="CL12" s="195">
        <v>0</v>
      </c>
      <c r="CM12" s="190">
        <v>0</v>
      </c>
      <c r="CN12" s="191">
        <v>0</v>
      </c>
      <c r="CO12" s="196">
        <v>0</v>
      </c>
      <c r="CP12" s="193">
        <v>0</v>
      </c>
      <c r="CQ12" s="191">
        <v>0</v>
      </c>
      <c r="CR12" s="191">
        <v>1</v>
      </c>
      <c r="CS12" s="191">
        <v>0</v>
      </c>
      <c r="CT12" s="191">
        <v>0</v>
      </c>
      <c r="CU12" s="191">
        <v>0</v>
      </c>
      <c r="CV12" s="196">
        <v>1</v>
      </c>
      <c r="CW12" s="195">
        <v>1</v>
      </c>
    </row>
    <row r="13" spans="2:101" ht="21" customHeight="1" x14ac:dyDescent="0.2">
      <c r="B13" s="106" t="s">
        <v>10</v>
      </c>
      <c r="C13" s="190">
        <v>0</v>
      </c>
      <c r="D13" s="196">
        <v>0</v>
      </c>
      <c r="E13" s="207">
        <v>0</v>
      </c>
      <c r="F13" s="193">
        <v>0</v>
      </c>
      <c r="G13" s="191">
        <v>1</v>
      </c>
      <c r="H13" s="191">
        <v>0</v>
      </c>
      <c r="I13" s="191">
        <v>1</v>
      </c>
      <c r="J13" s="191">
        <v>0</v>
      </c>
      <c r="K13" s="191">
        <v>0</v>
      </c>
      <c r="L13" s="194">
        <v>2</v>
      </c>
      <c r="M13" s="195">
        <v>2</v>
      </c>
      <c r="N13" s="190">
        <v>0</v>
      </c>
      <c r="O13" s="191">
        <v>0</v>
      </c>
      <c r="P13" s="196">
        <v>0</v>
      </c>
      <c r="Q13" s="193">
        <v>0</v>
      </c>
      <c r="R13" s="191">
        <v>1</v>
      </c>
      <c r="S13" s="191">
        <v>0</v>
      </c>
      <c r="T13" s="191">
        <v>1</v>
      </c>
      <c r="U13" s="191">
        <v>0</v>
      </c>
      <c r="V13" s="191">
        <v>0</v>
      </c>
      <c r="W13" s="196">
        <v>2</v>
      </c>
      <c r="X13" s="195">
        <v>2</v>
      </c>
      <c r="Y13" s="190">
        <v>0</v>
      </c>
      <c r="Z13" s="191">
        <v>0</v>
      </c>
      <c r="AA13" s="196">
        <v>0</v>
      </c>
      <c r="AB13" s="193">
        <v>0</v>
      </c>
      <c r="AC13" s="191">
        <v>42</v>
      </c>
      <c r="AD13" s="191">
        <v>19</v>
      </c>
      <c r="AE13" s="191">
        <v>5</v>
      </c>
      <c r="AF13" s="191">
        <v>3</v>
      </c>
      <c r="AG13" s="191">
        <v>2</v>
      </c>
      <c r="AH13" s="196">
        <v>71</v>
      </c>
      <c r="AI13" s="195">
        <v>71</v>
      </c>
      <c r="AJ13" s="190">
        <v>0</v>
      </c>
      <c r="AK13" s="191">
        <v>0</v>
      </c>
      <c r="AL13" s="196">
        <v>0</v>
      </c>
      <c r="AM13" s="193">
        <v>0</v>
      </c>
      <c r="AN13" s="191">
        <v>2</v>
      </c>
      <c r="AO13" s="191">
        <v>1</v>
      </c>
      <c r="AP13" s="191">
        <v>2</v>
      </c>
      <c r="AQ13" s="191">
        <v>0</v>
      </c>
      <c r="AR13" s="191">
        <v>0</v>
      </c>
      <c r="AS13" s="196">
        <v>5</v>
      </c>
      <c r="AT13" s="195">
        <v>5</v>
      </c>
      <c r="AU13" s="190">
        <v>0</v>
      </c>
      <c r="AV13" s="191">
        <v>1</v>
      </c>
      <c r="AW13" s="196">
        <v>1</v>
      </c>
      <c r="AX13" s="193">
        <v>0</v>
      </c>
      <c r="AY13" s="191">
        <v>3</v>
      </c>
      <c r="AZ13" s="191">
        <v>2</v>
      </c>
      <c r="BA13" s="191">
        <v>1</v>
      </c>
      <c r="BB13" s="191">
        <v>3</v>
      </c>
      <c r="BC13" s="191">
        <v>0</v>
      </c>
      <c r="BD13" s="196">
        <v>9</v>
      </c>
      <c r="BE13" s="195">
        <v>10</v>
      </c>
      <c r="BF13" s="190">
        <v>0</v>
      </c>
      <c r="BG13" s="191">
        <v>0</v>
      </c>
      <c r="BH13" s="196">
        <v>0</v>
      </c>
      <c r="BI13" s="193">
        <v>0</v>
      </c>
      <c r="BJ13" s="191">
        <v>8</v>
      </c>
      <c r="BK13" s="191">
        <v>6</v>
      </c>
      <c r="BL13" s="191">
        <v>9</v>
      </c>
      <c r="BM13" s="191">
        <v>4</v>
      </c>
      <c r="BN13" s="191">
        <v>5</v>
      </c>
      <c r="BO13" s="194">
        <v>32</v>
      </c>
      <c r="BP13" s="195">
        <v>32</v>
      </c>
      <c r="BQ13" s="190">
        <v>0</v>
      </c>
      <c r="BR13" s="191">
        <v>0</v>
      </c>
      <c r="BS13" s="196">
        <v>0</v>
      </c>
      <c r="BT13" s="193">
        <v>0</v>
      </c>
      <c r="BU13" s="191">
        <v>4</v>
      </c>
      <c r="BV13" s="191">
        <v>2</v>
      </c>
      <c r="BW13" s="191">
        <v>1</v>
      </c>
      <c r="BX13" s="191">
        <v>1</v>
      </c>
      <c r="BY13" s="191">
        <v>1</v>
      </c>
      <c r="BZ13" s="196">
        <v>9</v>
      </c>
      <c r="CA13" s="195">
        <v>9</v>
      </c>
      <c r="CB13" s="190">
        <v>0</v>
      </c>
      <c r="CC13" s="191">
        <v>0</v>
      </c>
      <c r="CD13" s="196">
        <v>0</v>
      </c>
      <c r="CE13" s="193">
        <v>0</v>
      </c>
      <c r="CF13" s="191">
        <v>0</v>
      </c>
      <c r="CG13" s="191">
        <v>1</v>
      </c>
      <c r="CH13" s="191">
        <v>1</v>
      </c>
      <c r="CI13" s="191">
        <v>3</v>
      </c>
      <c r="CJ13" s="191">
        <v>4</v>
      </c>
      <c r="CK13" s="196">
        <v>9</v>
      </c>
      <c r="CL13" s="195">
        <v>9</v>
      </c>
      <c r="CM13" s="190">
        <v>0</v>
      </c>
      <c r="CN13" s="191">
        <v>0</v>
      </c>
      <c r="CO13" s="196">
        <v>0</v>
      </c>
      <c r="CP13" s="193">
        <v>0</v>
      </c>
      <c r="CQ13" s="191">
        <v>2</v>
      </c>
      <c r="CR13" s="191">
        <v>3</v>
      </c>
      <c r="CS13" s="191">
        <v>2</v>
      </c>
      <c r="CT13" s="191">
        <v>5</v>
      </c>
      <c r="CU13" s="191">
        <v>0</v>
      </c>
      <c r="CV13" s="196">
        <v>12</v>
      </c>
      <c r="CW13" s="195">
        <v>12</v>
      </c>
    </row>
    <row r="14" spans="2:101" ht="21" customHeight="1" x14ac:dyDescent="0.2">
      <c r="B14" s="106" t="s">
        <v>11</v>
      </c>
      <c r="C14" s="190">
        <v>0</v>
      </c>
      <c r="D14" s="196">
        <v>0</v>
      </c>
      <c r="E14" s="207">
        <v>0</v>
      </c>
      <c r="F14" s="193">
        <v>0</v>
      </c>
      <c r="G14" s="191">
        <v>3</v>
      </c>
      <c r="H14" s="191">
        <v>0</v>
      </c>
      <c r="I14" s="191">
        <v>0</v>
      </c>
      <c r="J14" s="191">
        <v>0</v>
      </c>
      <c r="K14" s="191">
        <v>0</v>
      </c>
      <c r="L14" s="194">
        <v>3</v>
      </c>
      <c r="M14" s="195">
        <v>3</v>
      </c>
      <c r="N14" s="190">
        <v>0</v>
      </c>
      <c r="O14" s="191">
        <v>0</v>
      </c>
      <c r="P14" s="196">
        <v>0</v>
      </c>
      <c r="Q14" s="193">
        <v>0</v>
      </c>
      <c r="R14" s="191">
        <v>0</v>
      </c>
      <c r="S14" s="191">
        <v>0</v>
      </c>
      <c r="T14" s="191">
        <v>0</v>
      </c>
      <c r="U14" s="191">
        <v>0</v>
      </c>
      <c r="V14" s="191">
        <v>0</v>
      </c>
      <c r="W14" s="196">
        <v>0</v>
      </c>
      <c r="X14" s="195">
        <v>0</v>
      </c>
      <c r="Y14" s="190">
        <v>0</v>
      </c>
      <c r="Z14" s="191">
        <v>0</v>
      </c>
      <c r="AA14" s="196">
        <v>0</v>
      </c>
      <c r="AB14" s="193">
        <v>0</v>
      </c>
      <c r="AC14" s="191">
        <v>22</v>
      </c>
      <c r="AD14" s="191">
        <v>7</v>
      </c>
      <c r="AE14" s="191">
        <v>7</v>
      </c>
      <c r="AF14" s="191">
        <v>4</v>
      </c>
      <c r="AG14" s="191">
        <v>0</v>
      </c>
      <c r="AH14" s="196">
        <v>40</v>
      </c>
      <c r="AI14" s="195">
        <v>40</v>
      </c>
      <c r="AJ14" s="190">
        <v>0</v>
      </c>
      <c r="AK14" s="191">
        <v>0</v>
      </c>
      <c r="AL14" s="196">
        <v>0</v>
      </c>
      <c r="AM14" s="193">
        <v>0</v>
      </c>
      <c r="AN14" s="191">
        <v>1</v>
      </c>
      <c r="AO14" s="191">
        <v>1</v>
      </c>
      <c r="AP14" s="191">
        <v>2</v>
      </c>
      <c r="AQ14" s="191">
        <v>0</v>
      </c>
      <c r="AR14" s="191">
        <v>0</v>
      </c>
      <c r="AS14" s="196">
        <v>4</v>
      </c>
      <c r="AT14" s="195">
        <v>4</v>
      </c>
      <c r="AU14" s="190">
        <v>0</v>
      </c>
      <c r="AV14" s="191">
        <v>0</v>
      </c>
      <c r="AW14" s="196">
        <v>0</v>
      </c>
      <c r="AX14" s="193">
        <v>0</v>
      </c>
      <c r="AY14" s="191">
        <v>1</v>
      </c>
      <c r="AZ14" s="191">
        <v>2</v>
      </c>
      <c r="BA14" s="191">
        <v>2</v>
      </c>
      <c r="BB14" s="191">
        <v>0</v>
      </c>
      <c r="BC14" s="191">
        <v>0</v>
      </c>
      <c r="BD14" s="196">
        <v>5</v>
      </c>
      <c r="BE14" s="195">
        <v>5</v>
      </c>
      <c r="BF14" s="190">
        <v>0</v>
      </c>
      <c r="BG14" s="191">
        <v>0</v>
      </c>
      <c r="BH14" s="196">
        <v>0</v>
      </c>
      <c r="BI14" s="193">
        <v>0</v>
      </c>
      <c r="BJ14" s="191">
        <v>1</v>
      </c>
      <c r="BK14" s="191">
        <v>4</v>
      </c>
      <c r="BL14" s="191">
        <v>1</v>
      </c>
      <c r="BM14" s="191">
        <v>3</v>
      </c>
      <c r="BN14" s="191">
        <v>0</v>
      </c>
      <c r="BO14" s="194">
        <v>9</v>
      </c>
      <c r="BP14" s="195">
        <v>9</v>
      </c>
      <c r="BQ14" s="190">
        <v>0</v>
      </c>
      <c r="BR14" s="191">
        <v>0</v>
      </c>
      <c r="BS14" s="196">
        <v>0</v>
      </c>
      <c r="BT14" s="193">
        <v>0</v>
      </c>
      <c r="BU14" s="191">
        <v>0</v>
      </c>
      <c r="BV14" s="191">
        <v>0</v>
      </c>
      <c r="BW14" s="191">
        <v>0</v>
      </c>
      <c r="BX14" s="191">
        <v>0</v>
      </c>
      <c r="BY14" s="191">
        <v>0</v>
      </c>
      <c r="BZ14" s="196">
        <v>0</v>
      </c>
      <c r="CA14" s="195">
        <v>0</v>
      </c>
      <c r="CB14" s="190">
        <v>0</v>
      </c>
      <c r="CC14" s="191">
        <v>0</v>
      </c>
      <c r="CD14" s="196">
        <v>0</v>
      </c>
      <c r="CE14" s="193">
        <v>0</v>
      </c>
      <c r="CF14" s="191">
        <v>0</v>
      </c>
      <c r="CG14" s="191">
        <v>0</v>
      </c>
      <c r="CH14" s="191">
        <v>0</v>
      </c>
      <c r="CI14" s="191">
        <v>0</v>
      </c>
      <c r="CJ14" s="191">
        <v>0</v>
      </c>
      <c r="CK14" s="196">
        <v>0</v>
      </c>
      <c r="CL14" s="195">
        <v>0</v>
      </c>
      <c r="CM14" s="190">
        <v>0</v>
      </c>
      <c r="CN14" s="191">
        <v>0</v>
      </c>
      <c r="CO14" s="196">
        <v>0</v>
      </c>
      <c r="CP14" s="193">
        <v>0</v>
      </c>
      <c r="CQ14" s="191">
        <v>1</v>
      </c>
      <c r="CR14" s="191">
        <v>1</v>
      </c>
      <c r="CS14" s="191">
        <v>2</v>
      </c>
      <c r="CT14" s="191">
        <v>0</v>
      </c>
      <c r="CU14" s="191">
        <v>1</v>
      </c>
      <c r="CV14" s="196">
        <v>5</v>
      </c>
      <c r="CW14" s="195">
        <v>5</v>
      </c>
    </row>
    <row r="15" spans="2:101" ht="21" customHeight="1" x14ac:dyDescent="0.2">
      <c r="B15" s="106" t="s">
        <v>12</v>
      </c>
      <c r="C15" s="190">
        <v>0</v>
      </c>
      <c r="D15" s="196">
        <v>0</v>
      </c>
      <c r="E15" s="207">
        <v>0</v>
      </c>
      <c r="F15" s="193">
        <v>0</v>
      </c>
      <c r="G15" s="191">
        <v>0</v>
      </c>
      <c r="H15" s="191">
        <v>0</v>
      </c>
      <c r="I15" s="191">
        <v>0</v>
      </c>
      <c r="J15" s="191">
        <v>0</v>
      </c>
      <c r="K15" s="191">
        <v>0</v>
      </c>
      <c r="L15" s="194">
        <v>0</v>
      </c>
      <c r="M15" s="195">
        <v>0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0</v>
      </c>
      <c r="T15" s="191">
        <v>0</v>
      </c>
      <c r="U15" s="191">
        <v>0</v>
      </c>
      <c r="V15" s="191">
        <v>0</v>
      </c>
      <c r="W15" s="196">
        <v>0</v>
      </c>
      <c r="X15" s="195">
        <v>0</v>
      </c>
      <c r="Y15" s="190">
        <v>0</v>
      </c>
      <c r="Z15" s="191">
        <v>0</v>
      </c>
      <c r="AA15" s="196">
        <v>0</v>
      </c>
      <c r="AB15" s="193">
        <v>0</v>
      </c>
      <c r="AC15" s="191">
        <v>28</v>
      </c>
      <c r="AD15" s="191">
        <v>18</v>
      </c>
      <c r="AE15" s="191">
        <v>7</v>
      </c>
      <c r="AF15" s="191">
        <v>8</v>
      </c>
      <c r="AG15" s="191">
        <v>1</v>
      </c>
      <c r="AH15" s="196">
        <v>62</v>
      </c>
      <c r="AI15" s="195">
        <v>62</v>
      </c>
      <c r="AJ15" s="190">
        <v>0</v>
      </c>
      <c r="AK15" s="191">
        <v>0</v>
      </c>
      <c r="AL15" s="196">
        <v>0</v>
      </c>
      <c r="AM15" s="193">
        <v>0</v>
      </c>
      <c r="AN15" s="191">
        <v>0</v>
      </c>
      <c r="AO15" s="191">
        <v>0</v>
      </c>
      <c r="AP15" s="191">
        <v>0</v>
      </c>
      <c r="AQ15" s="191">
        <v>0</v>
      </c>
      <c r="AR15" s="191">
        <v>0</v>
      </c>
      <c r="AS15" s="196">
        <v>0</v>
      </c>
      <c r="AT15" s="195">
        <v>0</v>
      </c>
      <c r="AU15" s="190">
        <v>0</v>
      </c>
      <c r="AV15" s="191">
        <v>0</v>
      </c>
      <c r="AW15" s="196">
        <v>0</v>
      </c>
      <c r="AX15" s="193">
        <v>0</v>
      </c>
      <c r="AY15" s="191">
        <v>2</v>
      </c>
      <c r="AZ15" s="191">
        <v>1</v>
      </c>
      <c r="BA15" s="191">
        <v>5</v>
      </c>
      <c r="BB15" s="191">
        <v>4</v>
      </c>
      <c r="BC15" s="191">
        <v>3</v>
      </c>
      <c r="BD15" s="196">
        <v>15</v>
      </c>
      <c r="BE15" s="195">
        <v>15</v>
      </c>
      <c r="BF15" s="190">
        <v>0</v>
      </c>
      <c r="BG15" s="191">
        <v>0</v>
      </c>
      <c r="BH15" s="196">
        <v>0</v>
      </c>
      <c r="BI15" s="193">
        <v>0</v>
      </c>
      <c r="BJ15" s="191">
        <v>3</v>
      </c>
      <c r="BK15" s="191">
        <v>0</v>
      </c>
      <c r="BL15" s="191">
        <v>2</v>
      </c>
      <c r="BM15" s="191">
        <v>1</v>
      </c>
      <c r="BN15" s="191">
        <v>1</v>
      </c>
      <c r="BO15" s="194">
        <v>7</v>
      </c>
      <c r="BP15" s="195">
        <v>7</v>
      </c>
      <c r="BQ15" s="190">
        <v>0</v>
      </c>
      <c r="BR15" s="191">
        <v>0</v>
      </c>
      <c r="BS15" s="196">
        <v>0</v>
      </c>
      <c r="BT15" s="193">
        <v>0</v>
      </c>
      <c r="BU15" s="191">
        <v>0</v>
      </c>
      <c r="BV15" s="191">
        <v>3</v>
      </c>
      <c r="BW15" s="191">
        <v>0</v>
      </c>
      <c r="BX15" s="191">
        <v>3</v>
      </c>
      <c r="BY15" s="191">
        <v>1</v>
      </c>
      <c r="BZ15" s="196">
        <v>7</v>
      </c>
      <c r="CA15" s="195">
        <v>7</v>
      </c>
      <c r="CB15" s="190">
        <v>0</v>
      </c>
      <c r="CC15" s="191">
        <v>0</v>
      </c>
      <c r="CD15" s="196">
        <v>0</v>
      </c>
      <c r="CE15" s="193">
        <v>0</v>
      </c>
      <c r="CF15" s="191">
        <v>0</v>
      </c>
      <c r="CG15" s="191">
        <v>0</v>
      </c>
      <c r="CH15" s="191">
        <v>0</v>
      </c>
      <c r="CI15" s="191">
        <v>1</v>
      </c>
      <c r="CJ15" s="191">
        <v>1</v>
      </c>
      <c r="CK15" s="196">
        <v>2</v>
      </c>
      <c r="CL15" s="195">
        <v>2</v>
      </c>
      <c r="CM15" s="190">
        <v>0</v>
      </c>
      <c r="CN15" s="191">
        <v>0</v>
      </c>
      <c r="CO15" s="196">
        <v>0</v>
      </c>
      <c r="CP15" s="193">
        <v>0</v>
      </c>
      <c r="CQ15" s="191">
        <v>0</v>
      </c>
      <c r="CR15" s="191">
        <v>1</v>
      </c>
      <c r="CS15" s="191">
        <v>0</v>
      </c>
      <c r="CT15" s="191">
        <v>2</v>
      </c>
      <c r="CU15" s="191">
        <v>0</v>
      </c>
      <c r="CV15" s="196">
        <v>3</v>
      </c>
      <c r="CW15" s="195">
        <v>3</v>
      </c>
    </row>
    <row r="16" spans="2:101" ht="21" customHeight="1" x14ac:dyDescent="0.2">
      <c r="B16" s="106" t="s">
        <v>13</v>
      </c>
      <c r="C16" s="190">
        <v>0</v>
      </c>
      <c r="D16" s="196">
        <v>0</v>
      </c>
      <c r="E16" s="207">
        <v>0</v>
      </c>
      <c r="F16" s="193">
        <v>0</v>
      </c>
      <c r="G16" s="191">
        <v>0</v>
      </c>
      <c r="H16" s="191">
        <v>0</v>
      </c>
      <c r="I16" s="191">
        <v>0</v>
      </c>
      <c r="J16" s="191">
        <v>0</v>
      </c>
      <c r="K16" s="191">
        <v>0</v>
      </c>
      <c r="L16" s="194">
        <v>0</v>
      </c>
      <c r="M16" s="195">
        <v>0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0</v>
      </c>
      <c r="T16" s="191">
        <v>0</v>
      </c>
      <c r="U16" s="191">
        <v>0</v>
      </c>
      <c r="V16" s="191">
        <v>0</v>
      </c>
      <c r="W16" s="196">
        <v>0</v>
      </c>
      <c r="X16" s="195">
        <v>0</v>
      </c>
      <c r="Y16" s="190">
        <v>0</v>
      </c>
      <c r="Z16" s="191">
        <v>0</v>
      </c>
      <c r="AA16" s="196">
        <v>0</v>
      </c>
      <c r="AB16" s="193">
        <v>0</v>
      </c>
      <c r="AC16" s="191">
        <v>21</v>
      </c>
      <c r="AD16" s="191">
        <v>21</v>
      </c>
      <c r="AE16" s="191">
        <v>6</v>
      </c>
      <c r="AF16" s="191">
        <v>1</v>
      </c>
      <c r="AG16" s="191">
        <v>0</v>
      </c>
      <c r="AH16" s="196">
        <v>49</v>
      </c>
      <c r="AI16" s="195">
        <v>49</v>
      </c>
      <c r="AJ16" s="190">
        <v>0</v>
      </c>
      <c r="AK16" s="191">
        <v>0</v>
      </c>
      <c r="AL16" s="196">
        <v>0</v>
      </c>
      <c r="AM16" s="193">
        <v>0</v>
      </c>
      <c r="AN16" s="191">
        <v>0</v>
      </c>
      <c r="AO16" s="191">
        <v>1</v>
      </c>
      <c r="AP16" s="191">
        <v>1</v>
      </c>
      <c r="AQ16" s="191">
        <v>0</v>
      </c>
      <c r="AR16" s="191">
        <v>2</v>
      </c>
      <c r="AS16" s="196">
        <v>4</v>
      </c>
      <c r="AT16" s="195">
        <v>4</v>
      </c>
      <c r="AU16" s="190">
        <v>1</v>
      </c>
      <c r="AV16" s="191">
        <v>0</v>
      </c>
      <c r="AW16" s="196">
        <v>1</v>
      </c>
      <c r="AX16" s="193">
        <v>0</v>
      </c>
      <c r="AY16" s="191">
        <v>0</v>
      </c>
      <c r="AZ16" s="191">
        <v>0</v>
      </c>
      <c r="BA16" s="191">
        <v>0</v>
      </c>
      <c r="BB16" s="191">
        <v>0</v>
      </c>
      <c r="BC16" s="191">
        <v>1</v>
      </c>
      <c r="BD16" s="196">
        <v>1</v>
      </c>
      <c r="BE16" s="195">
        <v>2</v>
      </c>
      <c r="BF16" s="190">
        <v>0</v>
      </c>
      <c r="BG16" s="191">
        <v>0</v>
      </c>
      <c r="BH16" s="196">
        <v>0</v>
      </c>
      <c r="BI16" s="193">
        <v>0</v>
      </c>
      <c r="BJ16" s="191">
        <v>0</v>
      </c>
      <c r="BK16" s="191">
        <v>1</v>
      </c>
      <c r="BL16" s="191">
        <v>2</v>
      </c>
      <c r="BM16" s="191">
        <v>2</v>
      </c>
      <c r="BN16" s="191">
        <v>0</v>
      </c>
      <c r="BO16" s="194">
        <v>5</v>
      </c>
      <c r="BP16" s="195">
        <v>5</v>
      </c>
      <c r="BQ16" s="190">
        <v>0</v>
      </c>
      <c r="BR16" s="191">
        <v>0</v>
      </c>
      <c r="BS16" s="196">
        <v>0</v>
      </c>
      <c r="BT16" s="193">
        <v>0</v>
      </c>
      <c r="BU16" s="191">
        <v>0</v>
      </c>
      <c r="BV16" s="191">
        <v>0</v>
      </c>
      <c r="BW16" s="191">
        <v>0</v>
      </c>
      <c r="BX16" s="191">
        <v>0</v>
      </c>
      <c r="BY16" s="191">
        <v>0</v>
      </c>
      <c r="BZ16" s="196">
        <v>0</v>
      </c>
      <c r="CA16" s="195">
        <v>0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0</v>
      </c>
      <c r="CH16" s="191">
        <v>0</v>
      </c>
      <c r="CI16" s="191">
        <v>0</v>
      </c>
      <c r="CJ16" s="191">
        <v>0</v>
      </c>
      <c r="CK16" s="196">
        <v>0</v>
      </c>
      <c r="CL16" s="195">
        <v>0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</row>
    <row r="17" spans="2:101" ht="21" customHeight="1" x14ac:dyDescent="0.2">
      <c r="B17" s="106" t="s">
        <v>15</v>
      </c>
      <c r="C17" s="190">
        <v>0</v>
      </c>
      <c r="D17" s="196">
        <v>0</v>
      </c>
      <c r="E17" s="207">
        <v>0</v>
      </c>
      <c r="F17" s="193">
        <v>0</v>
      </c>
      <c r="G17" s="191">
        <v>0</v>
      </c>
      <c r="H17" s="191">
        <v>0</v>
      </c>
      <c r="I17" s="191">
        <v>0</v>
      </c>
      <c r="J17" s="191">
        <v>0</v>
      </c>
      <c r="K17" s="191">
        <v>0</v>
      </c>
      <c r="L17" s="194">
        <v>0</v>
      </c>
      <c r="M17" s="195">
        <v>0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0</v>
      </c>
      <c r="V17" s="191">
        <v>0</v>
      </c>
      <c r="W17" s="196">
        <v>0</v>
      </c>
      <c r="X17" s="195">
        <v>0</v>
      </c>
      <c r="Y17" s="190">
        <v>0</v>
      </c>
      <c r="Z17" s="191">
        <v>0</v>
      </c>
      <c r="AA17" s="196">
        <v>0</v>
      </c>
      <c r="AB17" s="193">
        <v>0</v>
      </c>
      <c r="AC17" s="191">
        <v>15</v>
      </c>
      <c r="AD17" s="191">
        <v>14</v>
      </c>
      <c r="AE17" s="191">
        <v>1</v>
      </c>
      <c r="AF17" s="191">
        <v>5</v>
      </c>
      <c r="AG17" s="191">
        <v>0</v>
      </c>
      <c r="AH17" s="196">
        <v>35</v>
      </c>
      <c r="AI17" s="195">
        <v>35</v>
      </c>
      <c r="AJ17" s="190">
        <v>0</v>
      </c>
      <c r="AK17" s="191">
        <v>0</v>
      </c>
      <c r="AL17" s="196">
        <v>0</v>
      </c>
      <c r="AM17" s="193">
        <v>0</v>
      </c>
      <c r="AN17" s="191">
        <v>0</v>
      </c>
      <c r="AO17" s="191">
        <v>0</v>
      </c>
      <c r="AP17" s="191">
        <v>0</v>
      </c>
      <c r="AQ17" s="191">
        <v>1</v>
      </c>
      <c r="AR17" s="191">
        <v>0</v>
      </c>
      <c r="AS17" s="196">
        <v>1</v>
      </c>
      <c r="AT17" s="195">
        <v>1</v>
      </c>
      <c r="AU17" s="190">
        <v>0</v>
      </c>
      <c r="AV17" s="191">
        <v>0</v>
      </c>
      <c r="AW17" s="196">
        <v>0</v>
      </c>
      <c r="AX17" s="193">
        <v>0</v>
      </c>
      <c r="AY17" s="191">
        <v>0</v>
      </c>
      <c r="AZ17" s="191">
        <v>1</v>
      </c>
      <c r="BA17" s="191">
        <v>0</v>
      </c>
      <c r="BB17" s="191">
        <v>0</v>
      </c>
      <c r="BC17" s="191">
        <v>1</v>
      </c>
      <c r="BD17" s="196">
        <v>2</v>
      </c>
      <c r="BE17" s="195">
        <v>2</v>
      </c>
      <c r="BF17" s="190">
        <v>0</v>
      </c>
      <c r="BG17" s="191">
        <v>0</v>
      </c>
      <c r="BH17" s="196">
        <v>0</v>
      </c>
      <c r="BI17" s="193">
        <v>0</v>
      </c>
      <c r="BJ17" s="191">
        <v>2</v>
      </c>
      <c r="BK17" s="191">
        <v>0</v>
      </c>
      <c r="BL17" s="191">
        <v>1</v>
      </c>
      <c r="BM17" s="191">
        <v>0</v>
      </c>
      <c r="BN17" s="191">
        <v>0</v>
      </c>
      <c r="BO17" s="194">
        <v>3</v>
      </c>
      <c r="BP17" s="195">
        <v>3</v>
      </c>
      <c r="BQ17" s="190">
        <v>0</v>
      </c>
      <c r="BR17" s="191">
        <v>0</v>
      </c>
      <c r="BS17" s="196">
        <v>0</v>
      </c>
      <c r="BT17" s="193">
        <v>0</v>
      </c>
      <c r="BU17" s="191">
        <v>0</v>
      </c>
      <c r="BV17" s="191">
        <v>0</v>
      </c>
      <c r="BW17" s="191">
        <v>0</v>
      </c>
      <c r="BX17" s="191">
        <v>0</v>
      </c>
      <c r="BY17" s="191">
        <v>0</v>
      </c>
      <c r="BZ17" s="196">
        <v>0</v>
      </c>
      <c r="CA17" s="195">
        <v>0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0</v>
      </c>
      <c r="CH17" s="191">
        <v>0</v>
      </c>
      <c r="CI17" s="191">
        <v>0</v>
      </c>
      <c r="CJ17" s="191">
        <v>0</v>
      </c>
      <c r="CK17" s="196">
        <v>0</v>
      </c>
      <c r="CL17" s="195">
        <v>0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0</v>
      </c>
      <c r="CS17" s="191">
        <v>2</v>
      </c>
      <c r="CT17" s="191">
        <v>2</v>
      </c>
      <c r="CU17" s="191">
        <v>0</v>
      </c>
      <c r="CV17" s="196">
        <v>4</v>
      </c>
      <c r="CW17" s="195">
        <v>4</v>
      </c>
    </row>
    <row r="18" spans="2:101" ht="21" customHeight="1" x14ac:dyDescent="0.2">
      <c r="B18" s="106" t="s">
        <v>16</v>
      </c>
      <c r="C18" s="190">
        <v>0</v>
      </c>
      <c r="D18" s="196">
        <v>0</v>
      </c>
      <c r="E18" s="207">
        <v>0</v>
      </c>
      <c r="F18" s="193">
        <v>0</v>
      </c>
      <c r="G18" s="191">
        <v>0</v>
      </c>
      <c r="H18" s="191">
        <v>1</v>
      </c>
      <c r="I18" s="191">
        <v>0</v>
      </c>
      <c r="J18" s="191">
        <v>1</v>
      </c>
      <c r="K18" s="191">
        <v>0</v>
      </c>
      <c r="L18" s="194">
        <v>2</v>
      </c>
      <c r="M18" s="195">
        <v>2</v>
      </c>
      <c r="N18" s="190">
        <v>0</v>
      </c>
      <c r="O18" s="191">
        <v>0</v>
      </c>
      <c r="P18" s="196">
        <v>0</v>
      </c>
      <c r="Q18" s="193">
        <v>0</v>
      </c>
      <c r="R18" s="191">
        <v>0</v>
      </c>
      <c r="S18" s="191">
        <v>0</v>
      </c>
      <c r="T18" s="191">
        <v>0</v>
      </c>
      <c r="U18" s="191">
        <v>1</v>
      </c>
      <c r="V18" s="191">
        <v>1</v>
      </c>
      <c r="W18" s="196">
        <v>2</v>
      </c>
      <c r="X18" s="195">
        <v>2</v>
      </c>
      <c r="Y18" s="190">
        <v>0</v>
      </c>
      <c r="Z18" s="191">
        <v>0</v>
      </c>
      <c r="AA18" s="196">
        <v>0</v>
      </c>
      <c r="AB18" s="193">
        <v>0</v>
      </c>
      <c r="AC18" s="191">
        <v>11</v>
      </c>
      <c r="AD18" s="191">
        <v>8</v>
      </c>
      <c r="AE18" s="191">
        <v>5</v>
      </c>
      <c r="AF18" s="191">
        <v>1</v>
      </c>
      <c r="AG18" s="191">
        <v>0</v>
      </c>
      <c r="AH18" s="196">
        <v>25</v>
      </c>
      <c r="AI18" s="195">
        <v>25</v>
      </c>
      <c r="AJ18" s="190">
        <v>0</v>
      </c>
      <c r="AK18" s="191">
        <v>0</v>
      </c>
      <c r="AL18" s="196">
        <v>0</v>
      </c>
      <c r="AM18" s="193">
        <v>0</v>
      </c>
      <c r="AN18" s="191">
        <v>0</v>
      </c>
      <c r="AO18" s="191">
        <v>0</v>
      </c>
      <c r="AP18" s="191">
        <v>1</v>
      </c>
      <c r="AQ18" s="191">
        <v>0</v>
      </c>
      <c r="AR18" s="191">
        <v>0</v>
      </c>
      <c r="AS18" s="196">
        <v>1</v>
      </c>
      <c r="AT18" s="195">
        <v>1</v>
      </c>
      <c r="AU18" s="190">
        <v>0</v>
      </c>
      <c r="AV18" s="191">
        <v>0</v>
      </c>
      <c r="AW18" s="196">
        <v>0</v>
      </c>
      <c r="AX18" s="193">
        <v>0</v>
      </c>
      <c r="AY18" s="191">
        <v>1</v>
      </c>
      <c r="AZ18" s="191">
        <v>0</v>
      </c>
      <c r="BA18" s="191">
        <v>0</v>
      </c>
      <c r="BB18" s="191">
        <v>1</v>
      </c>
      <c r="BC18" s="191">
        <v>0</v>
      </c>
      <c r="BD18" s="196">
        <v>2</v>
      </c>
      <c r="BE18" s="195">
        <v>2</v>
      </c>
      <c r="BF18" s="190">
        <v>0</v>
      </c>
      <c r="BG18" s="191">
        <v>0</v>
      </c>
      <c r="BH18" s="196">
        <v>0</v>
      </c>
      <c r="BI18" s="193">
        <v>0</v>
      </c>
      <c r="BJ18" s="191">
        <v>1</v>
      </c>
      <c r="BK18" s="191">
        <v>3</v>
      </c>
      <c r="BL18" s="191">
        <v>1</v>
      </c>
      <c r="BM18" s="191">
        <v>1</v>
      </c>
      <c r="BN18" s="191">
        <v>1</v>
      </c>
      <c r="BO18" s="194">
        <v>7</v>
      </c>
      <c r="BP18" s="195">
        <v>7</v>
      </c>
      <c r="BQ18" s="190">
        <v>0</v>
      </c>
      <c r="BR18" s="191">
        <v>0</v>
      </c>
      <c r="BS18" s="196">
        <v>0</v>
      </c>
      <c r="BT18" s="193">
        <v>0</v>
      </c>
      <c r="BU18" s="191">
        <v>0</v>
      </c>
      <c r="BV18" s="191">
        <v>0</v>
      </c>
      <c r="BW18" s="191">
        <v>0</v>
      </c>
      <c r="BX18" s="191">
        <v>0</v>
      </c>
      <c r="BY18" s="191">
        <v>0</v>
      </c>
      <c r="BZ18" s="196">
        <v>0</v>
      </c>
      <c r="CA18" s="195">
        <v>0</v>
      </c>
      <c r="CB18" s="190">
        <v>0</v>
      </c>
      <c r="CC18" s="191">
        <v>0</v>
      </c>
      <c r="CD18" s="196">
        <v>0</v>
      </c>
      <c r="CE18" s="193">
        <v>0</v>
      </c>
      <c r="CF18" s="191">
        <v>0</v>
      </c>
      <c r="CG18" s="191">
        <v>0</v>
      </c>
      <c r="CH18" s="191">
        <v>0</v>
      </c>
      <c r="CI18" s="191">
        <v>2</v>
      </c>
      <c r="CJ18" s="191">
        <v>0</v>
      </c>
      <c r="CK18" s="196">
        <v>2</v>
      </c>
      <c r="CL18" s="195">
        <v>2</v>
      </c>
      <c r="CM18" s="190">
        <v>0</v>
      </c>
      <c r="CN18" s="191">
        <v>0</v>
      </c>
      <c r="CO18" s="196">
        <v>0</v>
      </c>
      <c r="CP18" s="193">
        <v>0</v>
      </c>
      <c r="CQ18" s="191">
        <v>0</v>
      </c>
      <c r="CR18" s="191">
        <v>1</v>
      </c>
      <c r="CS18" s="191">
        <v>1</v>
      </c>
      <c r="CT18" s="191">
        <v>0</v>
      </c>
      <c r="CU18" s="191">
        <v>0</v>
      </c>
      <c r="CV18" s="196">
        <v>2</v>
      </c>
      <c r="CW18" s="195">
        <v>2</v>
      </c>
    </row>
    <row r="19" spans="2:101" ht="21" customHeight="1" x14ac:dyDescent="0.2">
      <c r="B19" s="106" t="s">
        <v>17</v>
      </c>
      <c r="C19" s="190">
        <v>0</v>
      </c>
      <c r="D19" s="196">
        <v>0</v>
      </c>
      <c r="E19" s="207">
        <v>0</v>
      </c>
      <c r="F19" s="193">
        <v>0</v>
      </c>
      <c r="G19" s="191">
        <v>0</v>
      </c>
      <c r="H19" s="191">
        <v>0</v>
      </c>
      <c r="I19" s="191">
        <v>0</v>
      </c>
      <c r="J19" s="191">
        <v>0</v>
      </c>
      <c r="K19" s="191">
        <v>0</v>
      </c>
      <c r="L19" s="194">
        <v>0</v>
      </c>
      <c r="M19" s="195">
        <v>0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0</v>
      </c>
      <c r="T19" s="191">
        <v>0</v>
      </c>
      <c r="U19" s="191">
        <v>0</v>
      </c>
      <c r="V19" s="191">
        <v>0</v>
      </c>
      <c r="W19" s="196">
        <v>0</v>
      </c>
      <c r="X19" s="195">
        <v>0</v>
      </c>
      <c r="Y19" s="190">
        <v>0</v>
      </c>
      <c r="Z19" s="191">
        <v>0</v>
      </c>
      <c r="AA19" s="196">
        <v>0</v>
      </c>
      <c r="AB19" s="193">
        <v>0</v>
      </c>
      <c r="AC19" s="191">
        <v>27</v>
      </c>
      <c r="AD19" s="191">
        <v>28</v>
      </c>
      <c r="AE19" s="191">
        <v>6</v>
      </c>
      <c r="AF19" s="191">
        <v>2</v>
      </c>
      <c r="AG19" s="191">
        <v>1</v>
      </c>
      <c r="AH19" s="196">
        <v>64</v>
      </c>
      <c r="AI19" s="195">
        <v>64</v>
      </c>
      <c r="AJ19" s="190">
        <v>0</v>
      </c>
      <c r="AK19" s="191">
        <v>0</v>
      </c>
      <c r="AL19" s="196">
        <v>0</v>
      </c>
      <c r="AM19" s="193">
        <v>0</v>
      </c>
      <c r="AN19" s="191">
        <v>2</v>
      </c>
      <c r="AO19" s="191">
        <v>2</v>
      </c>
      <c r="AP19" s="191">
        <v>0</v>
      </c>
      <c r="AQ19" s="191">
        <v>0</v>
      </c>
      <c r="AR19" s="191">
        <v>0</v>
      </c>
      <c r="AS19" s="196">
        <v>4</v>
      </c>
      <c r="AT19" s="195">
        <v>4</v>
      </c>
      <c r="AU19" s="190">
        <v>0</v>
      </c>
      <c r="AV19" s="191">
        <v>0</v>
      </c>
      <c r="AW19" s="196">
        <v>0</v>
      </c>
      <c r="AX19" s="193">
        <v>0</v>
      </c>
      <c r="AY19" s="191">
        <v>1</v>
      </c>
      <c r="AZ19" s="191">
        <v>4</v>
      </c>
      <c r="BA19" s="191">
        <v>1</v>
      </c>
      <c r="BB19" s="191">
        <v>1</v>
      </c>
      <c r="BC19" s="191">
        <v>1</v>
      </c>
      <c r="BD19" s="196">
        <v>8</v>
      </c>
      <c r="BE19" s="195">
        <v>8</v>
      </c>
      <c r="BF19" s="190">
        <v>0</v>
      </c>
      <c r="BG19" s="191">
        <v>0</v>
      </c>
      <c r="BH19" s="196">
        <v>0</v>
      </c>
      <c r="BI19" s="193">
        <v>0</v>
      </c>
      <c r="BJ19" s="191">
        <v>0</v>
      </c>
      <c r="BK19" s="191">
        <v>2</v>
      </c>
      <c r="BL19" s="191">
        <v>2</v>
      </c>
      <c r="BM19" s="191">
        <v>1</v>
      </c>
      <c r="BN19" s="191">
        <v>0</v>
      </c>
      <c r="BO19" s="194">
        <v>5</v>
      </c>
      <c r="BP19" s="195">
        <v>5</v>
      </c>
      <c r="BQ19" s="190">
        <v>0</v>
      </c>
      <c r="BR19" s="191">
        <v>0</v>
      </c>
      <c r="BS19" s="196">
        <v>0</v>
      </c>
      <c r="BT19" s="193">
        <v>0</v>
      </c>
      <c r="BU19" s="191">
        <v>0</v>
      </c>
      <c r="BV19" s="191">
        <v>0</v>
      </c>
      <c r="BW19" s="191">
        <v>0</v>
      </c>
      <c r="BX19" s="191">
        <v>0</v>
      </c>
      <c r="BY19" s="191">
        <v>0</v>
      </c>
      <c r="BZ19" s="196">
        <v>0</v>
      </c>
      <c r="CA19" s="195">
        <v>0</v>
      </c>
      <c r="CB19" s="190">
        <v>0</v>
      </c>
      <c r="CC19" s="191">
        <v>0</v>
      </c>
      <c r="CD19" s="196">
        <v>0</v>
      </c>
      <c r="CE19" s="193">
        <v>0</v>
      </c>
      <c r="CF19" s="191">
        <v>0</v>
      </c>
      <c r="CG19" s="191">
        <v>0</v>
      </c>
      <c r="CH19" s="191">
        <v>1</v>
      </c>
      <c r="CI19" s="191">
        <v>2</v>
      </c>
      <c r="CJ19" s="191">
        <v>4</v>
      </c>
      <c r="CK19" s="196">
        <v>7</v>
      </c>
      <c r="CL19" s="195">
        <v>7</v>
      </c>
      <c r="CM19" s="190">
        <v>0</v>
      </c>
      <c r="CN19" s="191">
        <v>0</v>
      </c>
      <c r="CO19" s="196">
        <v>0</v>
      </c>
      <c r="CP19" s="193">
        <v>0</v>
      </c>
      <c r="CQ19" s="191">
        <v>1</v>
      </c>
      <c r="CR19" s="191">
        <v>1</v>
      </c>
      <c r="CS19" s="191">
        <v>0</v>
      </c>
      <c r="CT19" s="191">
        <v>0</v>
      </c>
      <c r="CU19" s="191">
        <v>1</v>
      </c>
      <c r="CV19" s="196">
        <v>3</v>
      </c>
      <c r="CW19" s="195">
        <v>3</v>
      </c>
    </row>
    <row r="20" spans="2:101" ht="21" customHeight="1" x14ac:dyDescent="0.2">
      <c r="B20" s="106" t="s">
        <v>18</v>
      </c>
      <c r="C20" s="190">
        <v>0</v>
      </c>
      <c r="D20" s="196">
        <v>0</v>
      </c>
      <c r="E20" s="207">
        <v>0</v>
      </c>
      <c r="F20" s="193">
        <v>0</v>
      </c>
      <c r="G20" s="191">
        <v>2</v>
      </c>
      <c r="H20" s="191">
        <v>2</v>
      </c>
      <c r="I20" s="191">
        <v>1</v>
      </c>
      <c r="J20" s="191">
        <v>0</v>
      </c>
      <c r="K20" s="191">
        <v>1</v>
      </c>
      <c r="L20" s="194">
        <v>6</v>
      </c>
      <c r="M20" s="195">
        <v>6</v>
      </c>
      <c r="N20" s="190">
        <v>0</v>
      </c>
      <c r="O20" s="191">
        <v>0</v>
      </c>
      <c r="P20" s="196">
        <v>0</v>
      </c>
      <c r="Q20" s="193">
        <v>0</v>
      </c>
      <c r="R20" s="191">
        <v>0</v>
      </c>
      <c r="S20" s="191">
        <v>0</v>
      </c>
      <c r="T20" s="191">
        <v>0</v>
      </c>
      <c r="U20" s="191">
        <v>0</v>
      </c>
      <c r="V20" s="191">
        <v>0</v>
      </c>
      <c r="W20" s="196">
        <v>0</v>
      </c>
      <c r="X20" s="195">
        <v>0</v>
      </c>
      <c r="Y20" s="190">
        <v>0</v>
      </c>
      <c r="Z20" s="191">
        <v>0</v>
      </c>
      <c r="AA20" s="196">
        <v>0</v>
      </c>
      <c r="AB20" s="193">
        <v>0</v>
      </c>
      <c r="AC20" s="191">
        <v>24</v>
      </c>
      <c r="AD20" s="191">
        <v>10</v>
      </c>
      <c r="AE20" s="191">
        <v>8</v>
      </c>
      <c r="AF20" s="191">
        <v>1</v>
      </c>
      <c r="AG20" s="191">
        <v>1</v>
      </c>
      <c r="AH20" s="196">
        <v>44</v>
      </c>
      <c r="AI20" s="195">
        <v>44</v>
      </c>
      <c r="AJ20" s="190">
        <v>0</v>
      </c>
      <c r="AK20" s="191">
        <v>0</v>
      </c>
      <c r="AL20" s="196">
        <v>0</v>
      </c>
      <c r="AM20" s="193">
        <v>0</v>
      </c>
      <c r="AN20" s="191">
        <v>1</v>
      </c>
      <c r="AO20" s="191">
        <v>1</v>
      </c>
      <c r="AP20" s="191">
        <v>3</v>
      </c>
      <c r="AQ20" s="191">
        <v>1</v>
      </c>
      <c r="AR20" s="191">
        <v>1</v>
      </c>
      <c r="AS20" s="196">
        <v>7</v>
      </c>
      <c r="AT20" s="195">
        <v>7</v>
      </c>
      <c r="AU20" s="190">
        <v>1</v>
      </c>
      <c r="AV20" s="191">
        <v>0</v>
      </c>
      <c r="AW20" s="196">
        <v>1</v>
      </c>
      <c r="AX20" s="193">
        <v>0</v>
      </c>
      <c r="AY20" s="191">
        <v>3</v>
      </c>
      <c r="AZ20" s="191">
        <v>2</v>
      </c>
      <c r="BA20" s="191">
        <v>4</v>
      </c>
      <c r="BB20" s="191">
        <v>1</v>
      </c>
      <c r="BC20" s="191">
        <v>0</v>
      </c>
      <c r="BD20" s="196">
        <v>10</v>
      </c>
      <c r="BE20" s="195">
        <v>11</v>
      </c>
      <c r="BF20" s="190">
        <v>0</v>
      </c>
      <c r="BG20" s="191">
        <v>0</v>
      </c>
      <c r="BH20" s="196">
        <v>0</v>
      </c>
      <c r="BI20" s="193">
        <v>0</v>
      </c>
      <c r="BJ20" s="191">
        <v>1</v>
      </c>
      <c r="BK20" s="191">
        <v>4</v>
      </c>
      <c r="BL20" s="191">
        <v>5</v>
      </c>
      <c r="BM20" s="191">
        <v>1</v>
      </c>
      <c r="BN20" s="191">
        <v>2</v>
      </c>
      <c r="BO20" s="194">
        <v>13</v>
      </c>
      <c r="BP20" s="195">
        <v>13</v>
      </c>
      <c r="BQ20" s="190">
        <v>0</v>
      </c>
      <c r="BR20" s="191">
        <v>0</v>
      </c>
      <c r="BS20" s="196">
        <v>0</v>
      </c>
      <c r="BT20" s="193">
        <v>0</v>
      </c>
      <c r="BU20" s="191">
        <v>0</v>
      </c>
      <c r="BV20" s="191">
        <v>0</v>
      </c>
      <c r="BW20" s="191">
        <v>0</v>
      </c>
      <c r="BX20" s="191">
        <v>0</v>
      </c>
      <c r="BY20" s="191">
        <v>0</v>
      </c>
      <c r="BZ20" s="196">
        <v>0</v>
      </c>
      <c r="CA20" s="195">
        <v>0</v>
      </c>
      <c r="CB20" s="190">
        <v>0</v>
      </c>
      <c r="CC20" s="191">
        <v>0</v>
      </c>
      <c r="CD20" s="196">
        <v>0</v>
      </c>
      <c r="CE20" s="193">
        <v>0</v>
      </c>
      <c r="CF20" s="191">
        <v>0</v>
      </c>
      <c r="CG20" s="191">
        <v>0</v>
      </c>
      <c r="CH20" s="191">
        <v>1</v>
      </c>
      <c r="CI20" s="191">
        <v>0</v>
      </c>
      <c r="CJ20" s="191">
        <v>1</v>
      </c>
      <c r="CK20" s="196">
        <v>2</v>
      </c>
      <c r="CL20" s="195">
        <v>2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0</v>
      </c>
      <c r="CS20" s="191">
        <v>0</v>
      </c>
      <c r="CT20" s="191">
        <v>2</v>
      </c>
      <c r="CU20" s="191">
        <v>1</v>
      </c>
      <c r="CV20" s="196">
        <v>3</v>
      </c>
      <c r="CW20" s="195">
        <v>3</v>
      </c>
    </row>
    <row r="21" spans="2:101" ht="21" customHeight="1" x14ac:dyDescent="0.2">
      <c r="B21" s="106" t="s">
        <v>19</v>
      </c>
      <c r="C21" s="190">
        <v>0</v>
      </c>
      <c r="D21" s="196">
        <v>0</v>
      </c>
      <c r="E21" s="207">
        <v>0</v>
      </c>
      <c r="F21" s="193">
        <v>0</v>
      </c>
      <c r="G21" s="191">
        <v>0</v>
      </c>
      <c r="H21" s="191">
        <v>0</v>
      </c>
      <c r="I21" s="191">
        <v>0</v>
      </c>
      <c r="J21" s="191">
        <v>0</v>
      </c>
      <c r="K21" s="191">
        <v>0</v>
      </c>
      <c r="L21" s="194">
        <v>0</v>
      </c>
      <c r="M21" s="195">
        <v>0</v>
      </c>
      <c r="N21" s="190">
        <v>0</v>
      </c>
      <c r="O21" s="191">
        <v>0</v>
      </c>
      <c r="P21" s="196">
        <v>0</v>
      </c>
      <c r="Q21" s="193">
        <v>0</v>
      </c>
      <c r="R21" s="191">
        <v>0</v>
      </c>
      <c r="S21" s="191">
        <v>0</v>
      </c>
      <c r="T21" s="191">
        <v>0</v>
      </c>
      <c r="U21" s="191">
        <v>0</v>
      </c>
      <c r="V21" s="191">
        <v>0</v>
      </c>
      <c r="W21" s="196">
        <v>0</v>
      </c>
      <c r="X21" s="195">
        <v>0</v>
      </c>
      <c r="Y21" s="190">
        <v>0</v>
      </c>
      <c r="Z21" s="191">
        <v>0</v>
      </c>
      <c r="AA21" s="196">
        <v>0</v>
      </c>
      <c r="AB21" s="193">
        <v>0</v>
      </c>
      <c r="AC21" s="191">
        <v>7</v>
      </c>
      <c r="AD21" s="191">
        <v>2</v>
      </c>
      <c r="AE21" s="191">
        <v>0</v>
      </c>
      <c r="AF21" s="191">
        <v>0</v>
      </c>
      <c r="AG21" s="191">
        <v>0</v>
      </c>
      <c r="AH21" s="196">
        <v>9</v>
      </c>
      <c r="AI21" s="195">
        <v>9</v>
      </c>
      <c r="AJ21" s="190">
        <v>0</v>
      </c>
      <c r="AK21" s="191">
        <v>0</v>
      </c>
      <c r="AL21" s="196">
        <v>0</v>
      </c>
      <c r="AM21" s="193">
        <v>0</v>
      </c>
      <c r="AN21" s="191">
        <v>2</v>
      </c>
      <c r="AO21" s="191">
        <v>2</v>
      </c>
      <c r="AP21" s="191">
        <v>0</v>
      </c>
      <c r="AQ21" s="191">
        <v>1</v>
      </c>
      <c r="AR21" s="191">
        <v>0</v>
      </c>
      <c r="AS21" s="196">
        <v>5</v>
      </c>
      <c r="AT21" s="195">
        <v>5</v>
      </c>
      <c r="AU21" s="190">
        <v>0</v>
      </c>
      <c r="AV21" s="191">
        <v>0</v>
      </c>
      <c r="AW21" s="196">
        <v>0</v>
      </c>
      <c r="AX21" s="193">
        <v>0</v>
      </c>
      <c r="AY21" s="191">
        <v>3</v>
      </c>
      <c r="AZ21" s="191">
        <v>2</v>
      </c>
      <c r="BA21" s="191">
        <v>4</v>
      </c>
      <c r="BB21" s="191">
        <v>0</v>
      </c>
      <c r="BC21" s="191">
        <v>2</v>
      </c>
      <c r="BD21" s="196">
        <v>11</v>
      </c>
      <c r="BE21" s="195">
        <v>11</v>
      </c>
      <c r="BF21" s="190">
        <v>0</v>
      </c>
      <c r="BG21" s="191">
        <v>0</v>
      </c>
      <c r="BH21" s="196">
        <v>0</v>
      </c>
      <c r="BI21" s="193">
        <v>0</v>
      </c>
      <c r="BJ21" s="191">
        <v>1</v>
      </c>
      <c r="BK21" s="191">
        <v>1</v>
      </c>
      <c r="BL21" s="191">
        <v>0</v>
      </c>
      <c r="BM21" s="191">
        <v>1</v>
      </c>
      <c r="BN21" s="191">
        <v>0</v>
      </c>
      <c r="BO21" s="194">
        <v>3</v>
      </c>
      <c r="BP21" s="195">
        <v>3</v>
      </c>
      <c r="BQ21" s="190">
        <v>0</v>
      </c>
      <c r="BR21" s="191">
        <v>0</v>
      </c>
      <c r="BS21" s="196">
        <v>0</v>
      </c>
      <c r="BT21" s="193">
        <v>0</v>
      </c>
      <c r="BU21" s="191">
        <v>0</v>
      </c>
      <c r="BV21" s="191">
        <v>0</v>
      </c>
      <c r="BW21" s="191">
        <v>0</v>
      </c>
      <c r="BX21" s="191">
        <v>0</v>
      </c>
      <c r="BY21" s="191">
        <v>0</v>
      </c>
      <c r="BZ21" s="196">
        <v>0</v>
      </c>
      <c r="CA21" s="195">
        <v>0</v>
      </c>
      <c r="CB21" s="190">
        <v>0</v>
      </c>
      <c r="CC21" s="191">
        <v>0</v>
      </c>
      <c r="CD21" s="196">
        <v>0</v>
      </c>
      <c r="CE21" s="193">
        <v>0</v>
      </c>
      <c r="CF21" s="191">
        <v>0</v>
      </c>
      <c r="CG21" s="191">
        <v>0</v>
      </c>
      <c r="CH21" s="191">
        <v>0</v>
      </c>
      <c r="CI21" s="191">
        <v>0</v>
      </c>
      <c r="CJ21" s="191">
        <v>0</v>
      </c>
      <c r="CK21" s="196">
        <v>0</v>
      </c>
      <c r="CL21" s="195">
        <v>0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0</v>
      </c>
      <c r="CS21" s="191">
        <v>1</v>
      </c>
      <c r="CT21" s="191">
        <v>0</v>
      </c>
      <c r="CU21" s="191">
        <v>4</v>
      </c>
      <c r="CV21" s="196">
        <v>5</v>
      </c>
      <c r="CW21" s="195">
        <v>5</v>
      </c>
    </row>
    <row r="22" spans="2:101" ht="21" customHeight="1" x14ac:dyDescent="0.2">
      <c r="B22" s="106" t="s">
        <v>20</v>
      </c>
      <c r="C22" s="190">
        <v>0</v>
      </c>
      <c r="D22" s="196">
        <v>0</v>
      </c>
      <c r="E22" s="207">
        <v>0</v>
      </c>
      <c r="F22" s="193">
        <v>0</v>
      </c>
      <c r="G22" s="191">
        <v>0</v>
      </c>
      <c r="H22" s="191">
        <v>0</v>
      </c>
      <c r="I22" s="191">
        <v>0</v>
      </c>
      <c r="J22" s="191">
        <v>0</v>
      </c>
      <c r="K22" s="191">
        <v>0</v>
      </c>
      <c r="L22" s="194">
        <v>0</v>
      </c>
      <c r="M22" s="195">
        <v>0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0</v>
      </c>
      <c r="U22" s="191">
        <v>0</v>
      </c>
      <c r="V22" s="191">
        <v>0</v>
      </c>
      <c r="W22" s="196">
        <v>0</v>
      </c>
      <c r="X22" s="195">
        <v>0</v>
      </c>
      <c r="Y22" s="190">
        <v>0</v>
      </c>
      <c r="Z22" s="191">
        <v>0</v>
      </c>
      <c r="AA22" s="196">
        <v>0</v>
      </c>
      <c r="AB22" s="193">
        <v>0</v>
      </c>
      <c r="AC22" s="191">
        <v>18</v>
      </c>
      <c r="AD22" s="191">
        <v>16</v>
      </c>
      <c r="AE22" s="191">
        <v>4</v>
      </c>
      <c r="AF22" s="191">
        <v>2</v>
      </c>
      <c r="AG22" s="191">
        <v>0</v>
      </c>
      <c r="AH22" s="196">
        <v>40</v>
      </c>
      <c r="AI22" s="195">
        <v>40</v>
      </c>
      <c r="AJ22" s="190">
        <v>0</v>
      </c>
      <c r="AK22" s="191">
        <v>0</v>
      </c>
      <c r="AL22" s="196">
        <v>0</v>
      </c>
      <c r="AM22" s="193">
        <v>0</v>
      </c>
      <c r="AN22" s="191">
        <v>0</v>
      </c>
      <c r="AO22" s="191">
        <v>0</v>
      </c>
      <c r="AP22" s="191">
        <v>0</v>
      </c>
      <c r="AQ22" s="191">
        <v>0</v>
      </c>
      <c r="AR22" s="191">
        <v>1</v>
      </c>
      <c r="AS22" s="196">
        <v>1</v>
      </c>
      <c r="AT22" s="195">
        <v>1</v>
      </c>
      <c r="AU22" s="190">
        <v>0</v>
      </c>
      <c r="AV22" s="191">
        <v>0</v>
      </c>
      <c r="AW22" s="196">
        <v>0</v>
      </c>
      <c r="AX22" s="193">
        <v>0</v>
      </c>
      <c r="AY22" s="191">
        <v>0</v>
      </c>
      <c r="AZ22" s="191">
        <v>1</v>
      </c>
      <c r="BA22" s="191">
        <v>1</v>
      </c>
      <c r="BB22" s="191">
        <v>0</v>
      </c>
      <c r="BC22" s="191">
        <v>0</v>
      </c>
      <c r="BD22" s="196">
        <v>2</v>
      </c>
      <c r="BE22" s="195">
        <v>2</v>
      </c>
      <c r="BF22" s="190">
        <v>0</v>
      </c>
      <c r="BG22" s="191">
        <v>0</v>
      </c>
      <c r="BH22" s="196">
        <v>0</v>
      </c>
      <c r="BI22" s="193">
        <v>0</v>
      </c>
      <c r="BJ22" s="191">
        <v>0</v>
      </c>
      <c r="BK22" s="191">
        <v>1</v>
      </c>
      <c r="BL22" s="191">
        <v>4</v>
      </c>
      <c r="BM22" s="191">
        <v>1</v>
      </c>
      <c r="BN22" s="191">
        <v>0</v>
      </c>
      <c r="BO22" s="194">
        <v>6</v>
      </c>
      <c r="BP22" s="195">
        <v>6</v>
      </c>
      <c r="BQ22" s="190">
        <v>0</v>
      </c>
      <c r="BR22" s="191">
        <v>0</v>
      </c>
      <c r="BS22" s="196">
        <v>0</v>
      </c>
      <c r="BT22" s="193">
        <v>0</v>
      </c>
      <c r="BU22" s="191">
        <v>0</v>
      </c>
      <c r="BV22" s="191">
        <v>0</v>
      </c>
      <c r="BW22" s="191">
        <v>0</v>
      </c>
      <c r="BX22" s="191">
        <v>0</v>
      </c>
      <c r="BY22" s="191">
        <v>0</v>
      </c>
      <c r="BZ22" s="196">
        <v>0</v>
      </c>
      <c r="CA22" s="195">
        <v>0</v>
      </c>
      <c r="CB22" s="190">
        <v>0</v>
      </c>
      <c r="CC22" s="191">
        <v>0</v>
      </c>
      <c r="CD22" s="196">
        <v>0</v>
      </c>
      <c r="CE22" s="193">
        <v>0</v>
      </c>
      <c r="CF22" s="191">
        <v>0</v>
      </c>
      <c r="CG22" s="191">
        <v>0</v>
      </c>
      <c r="CH22" s="191">
        <v>0</v>
      </c>
      <c r="CI22" s="191">
        <v>0</v>
      </c>
      <c r="CJ22" s="191">
        <v>0</v>
      </c>
      <c r="CK22" s="196">
        <v>0</v>
      </c>
      <c r="CL22" s="195">
        <v>0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</row>
    <row r="23" spans="2:101" ht="21" customHeight="1" x14ac:dyDescent="0.2">
      <c r="B23" s="106" t="s">
        <v>21</v>
      </c>
      <c r="C23" s="190">
        <v>0</v>
      </c>
      <c r="D23" s="196">
        <v>0</v>
      </c>
      <c r="E23" s="207">
        <v>0</v>
      </c>
      <c r="F23" s="193">
        <v>0</v>
      </c>
      <c r="G23" s="191">
        <v>1</v>
      </c>
      <c r="H23" s="191">
        <v>0</v>
      </c>
      <c r="I23" s="191">
        <v>0</v>
      </c>
      <c r="J23" s="191">
        <v>0</v>
      </c>
      <c r="K23" s="191">
        <v>0</v>
      </c>
      <c r="L23" s="194">
        <v>1</v>
      </c>
      <c r="M23" s="195">
        <v>1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  <c r="Y23" s="190">
        <v>0</v>
      </c>
      <c r="Z23" s="191">
        <v>0</v>
      </c>
      <c r="AA23" s="196">
        <v>0</v>
      </c>
      <c r="AB23" s="193">
        <v>0</v>
      </c>
      <c r="AC23" s="191">
        <v>11</v>
      </c>
      <c r="AD23" s="191">
        <v>9</v>
      </c>
      <c r="AE23" s="191">
        <v>3</v>
      </c>
      <c r="AF23" s="191">
        <v>1</v>
      </c>
      <c r="AG23" s="191">
        <v>0</v>
      </c>
      <c r="AH23" s="196">
        <v>24</v>
      </c>
      <c r="AI23" s="195">
        <v>24</v>
      </c>
      <c r="AJ23" s="190">
        <v>0</v>
      </c>
      <c r="AK23" s="191">
        <v>0</v>
      </c>
      <c r="AL23" s="196">
        <v>0</v>
      </c>
      <c r="AM23" s="193">
        <v>0</v>
      </c>
      <c r="AN23" s="191">
        <v>0</v>
      </c>
      <c r="AO23" s="191">
        <v>0</v>
      </c>
      <c r="AP23" s="191">
        <v>0</v>
      </c>
      <c r="AQ23" s="191">
        <v>0</v>
      </c>
      <c r="AR23" s="191">
        <v>0</v>
      </c>
      <c r="AS23" s="196">
        <v>0</v>
      </c>
      <c r="AT23" s="195">
        <v>0</v>
      </c>
      <c r="AU23" s="190">
        <v>0</v>
      </c>
      <c r="AV23" s="191">
        <v>0</v>
      </c>
      <c r="AW23" s="196">
        <v>0</v>
      </c>
      <c r="AX23" s="193">
        <v>0</v>
      </c>
      <c r="AY23" s="191">
        <v>0</v>
      </c>
      <c r="AZ23" s="191">
        <v>0</v>
      </c>
      <c r="BA23" s="191">
        <v>1</v>
      </c>
      <c r="BB23" s="191">
        <v>0</v>
      </c>
      <c r="BC23" s="191">
        <v>0</v>
      </c>
      <c r="BD23" s="196">
        <v>1</v>
      </c>
      <c r="BE23" s="195">
        <v>1</v>
      </c>
      <c r="BF23" s="190">
        <v>0</v>
      </c>
      <c r="BG23" s="191">
        <v>0</v>
      </c>
      <c r="BH23" s="196">
        <v>0</v>
      </c>
      <c r="BI23" s="193">
        <v>0</v>
      </c>
      <c r="BJ23" s="191">
        <v>2</v>
      </c>
      <c r="BK23" s="191">
        <v>3</v>
      </c>
      <c r="BL23" s="191">
        <v>1</v>
      </c>
      <c r="BM23" s="191">
        <v>0</v>
      </c>
      <c r="BN23" s="191">
        <v>0</v>
      </c>
      <c r="BO23" s="194">
        <v>6</v>
      </c>
      <c r="BP23" s="195">
        <v>6</v>
      </c>
      <c r="BQ23" s="190">
        <v>0</v>
      </c>
      <c r="BR23" s="191">
        <v>0</v>
      </c>
      <c r="BS23" s="196">
        <v>0</v>
      </c>
      <c r="BT23" s="193">
        <v>0</v>
      </c>
      <c r="BU23" s="191">
        <v>0</v>
      </c>
      <c r="BV23" s="191">
        <v>0</v>
      </c>
      <c r="BW23" s="191">
        <v>0</v>
      </c>
      <c r="BX23" s="191">
        <v>0</v>
      </c>
      <c r="BY23" s="191">
        <v>0</v>
      </c>
      <c r="BZ23" s="196">
        <v>0</v>
      </c>
      <c r="CA23" s="195">
        <v>0</v>
      </c>
      <c r="CB23" s="190">
        <v>0</v>
      </c>
      <c r="CC23" s="191">
        <v>0</v>
      </c>
      <c r="CD23" s="196">
        <v>0</v>
      </c>
      <c r="CE23" s="193">
        <v>0</v>
      </c>
      <c r="CF23" s="191">
        <v>0</v>
      </c>
      <c r="CG23" s="191">
        <v>0</v>
      </c>
      <c r="CH23" s="191">
        <v>0</v>
      </c>
      <c r="CI23" s="191">
        <v>0</v>
      </c>
      <c r="CJ23" s="191">
        <v>0</v>
      </c>
      <c r="CK23" s="196">
        <v>0</v>
      </c>
      <c r="CL23" s="195">
        <v>0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</row>
    <row r="24" spans="2:101" ht="21" customHeight="1" x14ac:dyDescent="0.2">
      <c r="B24" s="106" t="s">
        <v>22</v>
      </c>
      <c r="C24" s="190">
        <v>0</v>
      </c>
      <c r="D24" s="196">
        <v>0</v>
      </c>
      <c r="E24" s="207">
        <v>0</v>
      </c>
      <c r="F24" s="193">
        <v>0</v>
      </c>
      <c r="G24" s="191">
        <v>0</v>
      </c>
      <c r="H24" s="191">
        <v>1</v>
      </c>
      <c r="I24" s="191">
        <v>1</v>
      </c>
      <c r="J24" s="191">
        <v>0</v>
      </c>
      <c r="K24" s="191">
        <v>0</v>
      </c>
      <c r="L24" s="194">
        <v>2</v>
      </c>
      <c r="M24" s="195">
        <v>2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0</v>
      </c>
      <c r="V24" s="191">
        <v>0</v>
      </c>
      <c r="W24" s="196">
        <v>0</v>
      </c>
      <c r="X24" s="195">
        <v>0</v>
      </c>
      <c r="Y24" s="190">
        <v>0</v>
      </c>
      <c r="Z24" s="191">
        <v>0</v>
      </c>
      <c r="AA24" s="196">
        <v>0</v>
      </c>
      <c r="AB24" s="193">
        <v>0</v>
      </c>
      <c r="AC24" s="191">
        <v>9</v>
      </c>
      <c r="AD24" s="191">
        <v>5</v>
      </c>
      <c r="AE24" s="191">
        <v>2</v>
      </c>
      <c r="AF24" s="191">
        <v>0</v>
      </c>
      <c r="AG24" s="191">
        <v>2</v>
      </c>
      <c r="AH24" s="196">
        <v>18</v>
      </c>
      <c r="AI24" s="195">
        <v>18</v>
      </c>
      <c r="AJ24" s="190">
        <v>0</v>
      </c>
      <c r="AK24" s="191">
        <v>0</v>
      </c>
      <c r="AL24" s="196">
        <v>0</v>
      </c>
      <c r="AM24" s="193">
        <v>0</v>
      </c>
      <c r="AN24" s="191">
        <v>0</v>
      </c>
      <c r="AO24" s="191">
        <v>0</v>
      </c>
      <c r="AP24" s="191">
        <v>1</v>
      </c>
      <c r="AQ24" s="191">
        <v>0</v>
      </c>
      <c r="AR24" s="191">
        <v>0</v>
      </c>
      <c r="AS24" s="196">
        <v>1</v>
      </c>
      <c r="AT24" s="195">
        <v>1</v>
      </c>
      <c r="AU24" s="190">
        <v>0</v>
      </c>
      <c r="AV24" s="191">
        <v>0</v>
      </c>
      <c r="AW24" s="196">
        <v>0</v>
      </c>
      <c r="AX24" s="193">
        <v>0</v>
      </c>
      <c r="AY24" s="191">
        <v>0</v>
      </c>
      <c r="AZ24" s="191">
        <v>0</v>
      </c>
      <c r="BA24" s="191">
        <v>2</v>
      </c>
      <c r="BB24" s="191">
        <v>0</v>
      </c>
      <c r="BC24" s="191">
        <v>0</v>
      </c>
      <c r="BD24" s="196">
        <v>2</v>
      </c>
      <c r="BE24" s="195">
        <v>2</v>
      </c>
      <c r="BF24" s="190">
        <v>0</v>
      </c>
      <c r="BG24" s="191">
        <v>0</v>
      </c>
      <c r="BH24" s="196">
        <v>0</v>
      </c>
      <c r="BI24" s="193">
        <v>0</v>
      </c>
      <c r="BJ24" s="191">
        <v>1</v>
      </c>
      <c r="BK24" s="191">
        <v>2</v>
      </c>
      <c r="BL24" s="191">
        <v>2</v>
      </c>
      <c r="BM24" s="191">
        <v>1</v>
      </c>
      <c r="BN24" s="191">
        <v>0</v>
      </c>
      <c r="BO24" s="194">
        <v>6</v>
      </c>
      <c r="BP24" s="195">
        <v>6</v>
      </c>
      <c r="BQ24" s="190">
        <v>0</v>
      </c>
      <c r="BR24" s="191">
        <v>0</v>
      </c>
      <c r="BS24" s="196">
        <v>0</v>
      </c>
      <c r="BT24" s="193">
        <v>0</v>
      </c>
      <c r="BU24" s="191">
        <v>0</v>
      </c>
      <c r="BV24" s="191">
        <v>0</v>
      </c>
      <c r="BW24" s="191">
        <v>0</v>
      </c>
      <c r="BX24" s="191">
        <v>0</v>
      </c>
      <c r="BY24" s="191">
        <v>0</v>
      </c>
      <c r="BZ24" s="196">
        <v>0</v>
      </c>
      <c r="CA24" s="195">
        <v>0</v>
      </c>
      <c r="CB24" s="190">
        <v>0</v>
      </c>
      <c r="CC24" s="191">
        <v>0</v>
      </c>
      <c r="CD24" s="196">
        <v>0</v>
      </c>
      <c r="CE24" s="193">
        <v>0</v>
      </c>
      <c r="CF24" s="191">
        <v>0</v>
      </c>
      <c r="CG24" s="191">
        <v>1</v>
      </c>
      <c r="CH24" s="191">
        <v>0</v>
      </c>
      <c r="CI24" s="191">
        <v>5</v>
      </c>
      <c r="CJ24" s="191">
        <v>0</v>
      </c>
      <c r="CK24" s="196">
        <v>6</v>
      </c>
      <c r="CL24" s="195">
        <v>6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</row>
    <row r="25" spans="2:101" ht="21" customHeight="1" x14ac:dyDescent="0.2">
      <c r="B25" s="106" t="s">
        <v>23</v>
      </c>
      <c r="C25" s="190">
        <v>0</v>
      </c>
      <c r="D25" s="196">
        <v>0</v>
      </c>
      <c r="E25" s="207">
        <v>0</v>
      </c>
      <c r="F25" s="193">
        <v>0</v>
      </c>
      <c r="G25" s="191">
        <v>0</v>
      </c>
      <c r="H25" s="191">
        <v>0</v>
      </c>
      <c r="I25" s="191">
        <v>0</v>
      </c>
      <c r="J25" s="191">
        <v>0</v>
      </c>
      <c r="K25" s="191">
        <v>0</v>
      </c>
      <c r="L25" s="194">
        <v>0</v>
      </c>
      <c r="M25" s="195">
        <v>0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0</v>
      </c>
      <c r="V25" s="191">
        <v>0</v>
      </c>
      <c r="W25" s="196">
        <v>0</v>
      </c>
      <c r="X25" s="195">
        <v>0</v>
      </c>
      <c r="Y25" s="190">
        <v>0</v>
      </c>
      <c r="Z25" s="191">
        <v>0</v>
      </c>
      <c r="AA25" s="196">
        <v>0</v>
      </c>
      <c r="AB25" s="193">
        <v>0</v>
      </c>
      <c r="AC25" s="191">
        <v>3</v>
      </c>
      <c r="AD25" s="191">
        <v>2</v>
      </c>
      <c r="AE25" s="191">
        <v>1</v>
      </c>
      <c r="AF25" s="191">
        <v>1</v>
      </c>
      <c r="AG25" s="191">
        <v>0</v>
      </c>
      <c r="AH25" s="196">
        <v>7</v>
      </c>
      <c r="AI25" s="195">
        <v>7</v>
      </c>
      <c r="AJ25" s="190">
        <v>0</v>
      </c>
      <c r="AK25" s="191">
        <v>0</v>
      </c>
      <c r="AL25" s="196">
        <v>0</v>
      </c>
      <c r="AM25" s="193">
        <v>0</v>
      </c>
      <c r="AN25" s="191">
        <v>0</v>
      </c>
      <c r="AO25" s="191">
        <v>0</v>
      </c>
      <c r="AP25" s="191">
        <v>0</v>
      </c>
      <c r="AQ25" s="191">
        <v>0</v>
      </c>
      <c r="AR25" s="191">
        <v>0</v>
      </c>
      <c r="AS25" s="196">
        <v>0</v>
      </c>
      <c r="AT25" s="195">
        <v>0</v>
      </c>
      <c r="AU25" s="190">
        <v>0</v>
      </c>
      <c r="AV25" s="191">
        <v>0</v>
      </c>
      <c r="AW25" s="196">
        <v>0</v>
      </c>
      <c r="AX25" s="193">
        <v>0</v>
      </c>
      <c r="AY25" s="191">
        <v>0</v>
      </c>
      <c r="AZ25" s="191">
        <v>0</v>
      </c>
      <c r="BA25" s="191">
        <v>0</v>
      </c>
      <c r="BB25" s="191">
        <v>0</v>
      </c>
      <c r="BC25" s="191">
        <v>0</v>
      </c>
      <c r="BD25" s="196">
        <v>0</v>
      </c>
      <c r="BE25" s="195">
        <v>0</v>
      </c>
      <c r="BF25" s="190">
        <v>0</v>
      </c>
      <c r="BG25" s="191">
        <v>0</v>
      </c>
      <c r="BH25" s="196">
        <v>0</v>
      </c>
      <c r="BI25" s="193">
        <v>0</v>
      </c>
      <c r="BJ25" s="191">
        <v>1</v>
      </c>
      <c r="BK25" s="191">
        <v>3</v>
      </c>
      <c r="BL25" s="191">
        <v>3</v>
      </c>
      <c r="BM25" s="191">
        <v>1</v>
      </c>
      <c r="BN25" s="191">
        <v>0</v>
      </c>
      <c r="BO25" s="194">
        <v>8</v>
      </c>
      <c r="BP25" s="195">
        <v>8</v>
      </c>
      <c r="BQ25" s="190">
        <v>0</v>
      </c>
      <c r="BR25" s="191">
        <v>0</v>
      </c>
      <c r="BS25" s="196">
        <v>0</v>
      </c>
      <c r="BT25" s="193">
        <v>0</v>
      </c>
      <c r="BU25" s="191">
        <v>0</v>
      </c>
      <c r="BV25" s="191">
        <v>0</v>
      </c>
      <c r="BW25" s="191">
        <v>0</v>
      </c>
      <c r="BX25" s="191">
        <v>0</v>
      </c>
      <c r="BY25" s="191">
        <v>0</v>
      </c>
      <c r="BZ25" s="196">
        <v>0</v>
      </c>
      <c r="CA25" s="195">
        <v>0</v>
      </c>
      <c r="CB25" s="190">
        <v>0</v>
      </c>
      <c r="CC25" s="191">
        <v>0</v>
      </c>
      <c r="CD25" s="196">
        <v>0</v>
      </c>
      <c r="CE25" s="193">
        <v>0</v>
      </c>
      <c r="CF25" s="191">
        <v>0</v>
      </c>
      <c r="CG25" s="191">
        <v>0</v>
      </c>
      <c r="CH25" s="191">
        <v>0</v>
      </c>
      <c r="CI25" s="191">
        <v>0</v>
      </c>
      <c r="CJ25" s="191">
        <v>0</v>
      </c>
      <c r="CK25" s="196">
        <v>0</v>
      </c>
      <c r="CL25" s="195">
        <v>0</v>
      </c>
      <c r="CM25" s="190">
        <v>0</v>
      </c>
      <c r="CN25" s="191">
        <v>0</v>
      </c>
      <c r="CO25" s="196">
        <v>0</v>
      </c>
      <c r="CP25" s="193">
        <v>0</v>
      </c>
      <c r="CQ25" s="191">
        <v>0</v>
      </c>
      <c r="CR25" s="191">
        <v>1</v>
      </c>
      <c r="CS25" s="191">
        <v>0</v>
      </c>
      <c r="CT25" s="191">
        <v>1</v>
      </c>
      <c r="CU25" s="191">
        <v>0</v>
      </c>
      <c r="CV25" s="196">
        <v>2</v>
      </c>
      <c r="CW25" s="195">
        <v>2</v>
      </c>
    </row>
    <row r="26" spans="2:101" ht="21" customHeight="1" x14ac:dyDescent="0.2">
      <c r="B26" s="106" t="s">
        <v>24</v>
      </c>
      <c r="C26" s="190">
        <v>0</v>
      </c>
      <c r="D26" s="196">
        <v>0</v>
      </c>
      <c r="E26" s="207">
        <v>0</v>
      </c>
      <c r="F26" s="193">
        <v>0</v>
      </c>
      <c r="G26" s="191">
        <v>0</v>
      </c>
      <c r="H26" s="191">
        <v>0</v>
      </c>
      <c r="I26" s="191">
        <v>0</v>
      </c>
      <c r="J26" s="191">
        <v>1</v>
      </c>
      <c r="K26" s="191">
        <v>0</v>
      </c>
      <c r="L26" s="194">
        <v>1</v>
      </c>
      <c r="M26" s="195">
        <v>1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0</v>
      </c>
      <c r="V26" s="191">
        <v>0</v>
      </c>
      <c r="W26" s="196">
        <v>0</v>
      </c>
      <c r="X26" s="195">
        <v>0</v>
      </c>
      <c r="Y26" s="190">
        <v>0</v>
      </c>
      <c r="Z26" s="191">
        <v>0</v>
      </c>
      <c r="AA26" s="196">
        <v>0</v>
      </c>
      <c r="AB26" s="193">
        <v>0</v>
      </c>
      <c r="AC26" s="191">
        <v>6</v>
      </c>
      <c r="AD26" s="191">
        <v>1</v>
      </c>
      <c r="AE26" s="191">
        <v>1</v>
      </c>
      <c r="AF26" s="191">
        <v>0</v>
      </c>
      <c r="AG26" s="191">
        <v>1</v>
      </c>
      <c r="AH26" s="196">
        <v>9</v>
      </c>
      <c r="AI26" s="195">
        <v>9</v>
      </c>
      <c r="AJ26" s="190">
        <v>0</v>
      </c>
      <c r="AK26" s="191">
        <v>0</v>
      </c>
      <c r="AL26" s="196">
        <v>0</v>
      </c>
      <c r="AM26" s="193">
        <v>0</v>
      </c>
      <c r="AN26" s="191">
        <v>0</v>
      </c>
      <c r="AO26" s="191">
        <v>0</v>
      </c>
      <c r="AP26" s="191">
        <v>1</v>
      </c>
      <c r="AQ26" s="191">
        <v>0</v>
      </c>
      <c r="AR26" s="191">
        <v>1</v>
      </c>
      <c r="AS26" s="196">
        <v>2</v>
      </c>
      <c r="AT26" s="195">
        <v>2</v>
      </c>
      <c r="AU26" s="190">
        <v>1</v>
      </c>
      <c r="AV26" s="191">
        <v>0</v>
      </c>
      <c r="AW26" s="196">
        <v>1</v>
      </c>
      <c r="AX26" s="193">
        <v>0</v>
      </c>
      <c r="AY26" s="191">
        <v>0</v>
      </c>
      <c r="AZ26" s="191">
        <v>1</v>
      </c>
      <c r="BA26" s="191">
        <v>0</v>
      </c>
      <c r="BB26" s="191">
        <v>0</v>
      </c>
      <c r="BC26" s="191">
        <v>0</v>
      </c>
      <c r="BD26" s="196">
        <v>1</v>
      </c>
      <c r="BE26" s="195">
        <v>2</v>
      </c>
      <c r="BF26" s="190">
        <v>0</v>
      </c>
      <c r="BG26" s="191">
        <v>0</v>
      </c>
      <c r="BH26" s="196">
        <v>0</v>
      </c>
      <c r="BI26" s="193">
        <v>0</v>
      </c>
      <c r="BJ26" s="191">
        <v>0</v>
      </c>
      <c r="BK26" s="191">
        <v>0</v>
      </c>
      <c r="BL26" s="191">
        <v>2</v>
      </c>
      <c r="BM26" s="191">
        <v>0</v>
      </c>
      <c r="BN26" s="191">
        <v>0</v>
      </c>
      <c r="BO26" s="194">
        <v>2</v>
      </c>
      <c r="BP26" s="195">
        <v>2</v>
      </c>
      <c r="BQ26" s="190">
        <v>0</v>
      </c>
      <c r="BR26" s="191">
        <v>0</v>
      </c>
      <c r="BS26" s="196">
        <v>0</v>
      </c>
      <c r="BT26" s="193">
        <v>0</v>
      </c>
      <c r="BU26" s="191">
        <v>0</v>
      </c>
      <c r="BV26" s="191">
        <v>0</v>
      </c>
      <c r="BW26" s="191">
        <v>0</v>
      </c>
      <c r="BX26" s="191">
        <v>0</v>
      </c>
      <c r="BY26" s="191">
        <v>0</v>
      </c>
      <c r="BZ26" s="196">
        <v>0</v>
      </c>
      <c r="CA26" s="195">
        <v>0</v>
      </c>
      <c r="CB26" s="190">
        <v>0</v>
      </c>
      <c r="CC26" s="191">
        <v>0</v>
      </c>
      <c r="CD26" s="196">
        <v>0</v>
      </c>
      <c r="CE26" s="193">
        <v>0</v>
      </c>
      <c r="CF26" s="191">
        <v>0</v>
      </c>
      <c r="CG26" s="191">
        <v>0</v>
      </c>
      <c r="CH26" s="191">
        <v>0</v>
      </c>
      <c r="CI26" s="191">
        <v>0</v>
      </c>
      <c r="CJ26" s="191">
        <v>0</v>
      </c>
      <c r="CK26" s="196">
        <v>0</v>
      </c>
      <c r="CL26" s="195">
        <v>0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</row>
    <row r="27" spans="2:101" ht="21" customHeight="1" x14ac:dyDescent="0.2">
      <c r="B27" s="106" t="s">
        <v>25</v>
      </c>
      <c r="C27" s="190">
        <v>0</v>
      </c>
      <c r="D27" s="196">
        <v>0</v>
      </c>
      <c r="E27" s="207">
        <v>0</v>
      </c>
      <c r="F27" s="193">
        <v>0</v>
      </c>
      <c r="G27" s="191">
        <v>0</v>
      </c>
      <c r="H27" s="191">
        <v>0</v>
      </c>
      <c r="I27" s="191">
        <v>0</v>
      </c>
      <c r="J27" s="191">
        <v>0</v>
      </c>
      <c r="K27" s="191">
        <v>0</v>
      </c>
      <c r="L27" s="194">
        <v>0</v>
      </c>
      <c r="M27" s="195">
        <v>0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  <c r="Y27" s="190">
        <v>0</v>
      </c>
      <c r="Z27" s="191">
        <v>0</v>
      </c>
      <c r="AA27" s="196">
        <v>0</v>
      </c>
      <c r="AB27" s="193">
        <v>0</v>
      </c>
      <c r="AC27" s="191">
        <v>3</v>
      </c>
      <c r="AD27" s="191">
        <v>3</v>
      </c>
      <c r="AE27" s="191">
        <v>2</v>
      </c>
      <c r="AF27" s="191">
        <v>0</v>
      </c>
      <c r="AG27" s="191">
        <v>0</v>
      </c>
      <c r="AH27" s="196">
        <v>8</v>
      </c>
      <c r="AI27" s="195">
        <v>8</v>
      </c>
      <c r="AJ27" s="190">
        <v>0</v>
      </c>
      <c r="AK27" s="191">
        <v>0</v>
      </c>
      <c r="AL27" s="196">
        <v>0</v>
      </c>
      <c r="AM27" s="193">
        <v>0</v>
      </c>
      <c r="AN27" s="191">
        <v>0</v>
      </c>
      <c r="AO27" s="191">
        <v>0</v>
      </c>
      <c r="AP27" s="191">
        <v>0</v>
      </c>
      <c r="AQ27" s="191">
        <v>0</v>
      </c>
      <c r="AR27" s="191">
        <v>0</v>
      </c>
      <c r="AS27" s="196">
        <v>0</v>
      </c>
      <c r="AT27" s="195">
        <v>0</v>
      </c>
      <c r="AU27" s="190">
        <v>0</v>
      </c>
      <c r="AV27" s="191">
        <v>1</v>
      </c>
      <c r="AW27" s="196">
        <v>1</v>
      </c>
      <c r="AX27" s="193">
        <v>0</v>
      </c>
      <c r="AY27" s="191">
        <v>0</v>
      </c>
      <c r="AZ27" s="191">
        <v>0</v>
      </c>
      <c r="BA27" s="191">
        <v>0</v>
      </c>
      <c r="BB27" s="191">
        <v>0</v>
      </c>
      <c r="BC27" s="191">
        <v>0</v>
      </c>
      <c r="BD27" s="196">
        <v>0</v>
      </c>
      <c r="BE27" s="195">
        <v>1</v>
      </c>
      <c r="BF27" s="190">
        <v>0</v>
      </c>
      <c r="BG27" s="191">
        <v>0</v>
      </c>
      <c r="BH27" s="196">
        <v>0</v>
      </c>
      <c r="BI27" s="193">
        <v>0</v>
      </c>
      <c r="BJ27" s="191">
        <v>0</v>
      </c>
      <c r="BK27" s="191">
        <v>0</v>
      </c>
      <c r="BL27" s="191">
        <v>0</v>
      </c>
      <c r="BM27" s="191">
        <v>0</v>
      </c>
      <c r="BN27" s="191">
        <v>0</v>
      </c>
      <c r="BO27" s="194">
        <v>0</v>
      </c>
      <c r="BP27" s="195">
        <v>0</v>
      </c>
      <c r="BQ27" s="190">
        <v>0</v>
      </c>
      <c r="BR27" s="191">
        <v>0</v>
      </c>
      <c r="BS27" s="196">
        <v>0</v>
      </c>
      <c r="BT27" s="193">
        <v>0</v>
      </c>
      <c r="BU27" s="191">
        <v>0</v>
      </c>
      <c r="BV27" s="191">
        <v>0</v>
      </c>
      <c r="BW27" s="191">
        <v>0</v>
      </c>
      <c r="BX27" s="191">
        <v>0</v>
      </c>
      <c r="BY27" s="191">
        <v>0</v>
      </c>
      <c r="BZ27" s="196">
        <v>0</v>
      </c>
      <c r="CA27" s="195">
        <v>0</v>
      </c>
      <c r="CB27" s="190">
        <v>0</v>
      </c>
      <c r="CC27" s="191">
        <v>0</v>
      </c>
      <c r="CD27" s="196">
        <v>0</v>
      </c>
      <c r="CE27" s="193">
        <v>0</v>
      </c>
      <c r="CF27" s="191">
        <v>0</v>
      </c>
      <c r="CG27" s="191">
        <v>0</v>
      </c>
      <c r="CH27" s="191">
        <v>0</v>
      </c>
      <c r="CI27" s="191">
        <v>0</v>
      </c>
      <c r="CJ27" s="191">
        <v>0</v>
      </c>
      <c r="CK27" s="196">
        <v>0</v>
      </c>
      <c r="CL27" s="195">
        <v>0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</row>
    <row r="28" spans="2:101" ht="21" customHeight="1" x14ac:dyDescent="0.2">
      <c r="B28" s="106" t="s">
        <v>26</v>
      </c>
      <c r="C28" s="190">
        <v>0</v>
      </c>
      <c r="D28" s="196">
        <v>0</v>
      </c>
      <c r="E28" s="207">
        <v>0</v>
      </c>
      <c r="F28" s="193">
        <v>0</v>
      </c>
      <c r="G28" s="191">
        <v>0</v>
      </c>
      <c r="H28" s="191">
        <v>0</v>
      </c>
      <c r="I28" s="191">
        <v>0</v>
      </c>
      <c r="J28" s="191">
        <v>0</v>
      </c>
      <c r="K28" s="191">
        <v>0</v>
      </c>
      <c r="L28" s="194">
        <v>0</v>
      </c>
      <c r="M28" s="195">
        <v>0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  <c r="Y28" s="190">
        <v>0</v>
      </c>
      <c r="Z28" s="191">
        <v>0</v>
      </c>
      <c r="AA28" s="196">
        <v>0</v>
      </c>
      <c r="AB28" s="193">
        <v>0</v>
      </c>
      <c r="AC28" s="191">
        <v>4</v>
      </c>
      <c r="AD28" s="191">
        <v>2</v>
      </c>
      <c r="AE28" s="191">
        <v>2</v>
      </c>
      <c r="AF28" s="191">
        <v>1</v>
      </c>
      <c r="AG28" s="191">
        <v>0</v>
      </c>
      <c r="AH28" s="196">
        <v>9</v>
      </c>
      <c r="AI28" s="195">
        <v>9</v>
      </c>
      <c r="AJ28" s="190">
        <v>0</v>
      </c>
      <c r="AK28" s="191">
        <v>0</v>
      </c>
      <c r="AL28" s="196">
        <v>0</v>
      </c>
      <c r="AM28" s="193">
        <v>0</v>
      </c>
      <c r="AN28" s="191">
        <v>0</v>
      </c>
      <c r="AO28" s="191">
        <v>0</v>
      </c>
      <c r="AP28" s="191">
        <v>0</v>
      </c>
      <c r="AQ28" s="191">
        <v>0</v>
      </c>
      <c r="AR28" s="191">
        <v>0</v>
      </c>
      <c r="AS28" s="196">
        <v>0</v>
      </c>
      <c r="AT28" s="195">
        <v>0</v>
      </c>
      <c r="AU28" s="190">
        <v>0</v>
      </c>
      <c r="AV28" s="191">
        <v>0</v>
      </c>
      <c r="AW28" s="196">
        <v>0</v>
      </c>
      <c r="AX28" s="193">
        <v>0</v>
      </c>
      <c r="AY28" s="191">
        <v>0</v>
      </c>
      <c r="AZ28" s="191">
        <v>0</v>
      </c>
      <c r="BA28" s="191">
        <v>0</v>
      </c>
      <c r="BB28" s="191">
        <v>0</v>
      </c>
      <c r="BC28" s="191">
        <v>1</v>
      </c>
      <c r="BD28" s="196">
        <v>1</v>
      </c>
      <c r="BE28" s="195">
        <v>1</v>
      </c>
      <c r="BF28" s="190">
        <v>0</v>
      </c>
      <c r="BG28" s="191">
        <v>0</v>
      </c>
      <c r="BH28" s="196">
        <v>0</v>
      </c>
      <c r="BI28" s="193">
        <v>0</v>
      </c>
      <c r="BJ28" s="191">
        <v>0</v>
      </c>
      <c r="BK28" s="191">
        <v>0</v>
      </c>
      <c r="BL28" s="191">
        <v>2</v>
      </c>
      <c r="BM28" s="191">
        <v>1</v>
      </c>
      <c r="BN28" s="191">
        <v>0</v>
      </c>
      <c r="BO28" s="194">
        <v>3</v>
      </c>
      <c r="BP28" s="195">
        <v>3</v>
      </c>
      <c r="BQ28" s="190">
        <v>0</v>
      </c>
      <c r="BR28" s="191">
        <v>0</v>
      </c>
      <c r="BS28" s="196">
        <v>0</v>
      </c>
      <c r="BT28" s="193">
        <v>0</v>
      </c>
      <c r="BU28" s="191">
        <v>0</v>
      </c>
      <c r="BV28" s="191">
        <v>0</v>
      </c>
      <c r="BW28" s="191">
        <v>0</v>
      </c>
      <c r="BX28" s="191">
        <v>0</v>
      </c>
      <c r="BY28" s="191">
        <v>0</v>
      </c>
      <c r="BZ28" s="196">
        <v>0</v>
      </c>
      <c r="CA28" s="195">
        <v>0</v>
      </c>
      <c r="CB28" s="190">
        <v>0</v>
      </c>
      <c r="CC28" s="191">
        <v>0</v>
      </c>
      <c r="CD28" s="196">
        <v>0</v>
      </c>
      <c r="CE28" s="193">
        <v>0</v>
      </c>
      <c r="CF28" s="191">
        <v>0</v>
      </c>
      <c r="CG28" s="191">
        <v>0</v>
      </c>
      <c r="CH28" s="191">
        <v>0</v>
      </c>
      <c r="CI28" s="191">
        <v>0</v>
      </c>
      <c r="CJ28" s="191">
        <v>0</v>
      </c>
      <c r="CK28" s="196">
        <v>0</v>
      </c>
      <c r="CL28" s="195">
        <v>0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</row>
    <row r="29" spans="2:101" ht="21" customHeight="1" x14ac:dyDescent="0.2">
      <c r="B29" s="106" t="s">
        <v>27</v>
      </c>
      <c r="C29" s="190">
        <v>0</v>
      </c>
      <c r="D29" s="196">
        <v>0</v>
      </c>
      <c r="E29" s="207">
        <v>0</v>
      </c>
      <c r="F29" s="193">
        <v>0</v>
      </c>
      <c r="G29" s="191">
        <v>0</v>
      </c>
      <c r="H29" s="191">
        <v>0</v>
      </c>
      <c r="I29" s="191">
        <v>1</v>
      </c>
      <c r="J29" s="191">
        <v>0</v>
      </c>
      <c r="K29" s="191">
        <v>0</v>
      </c>
      <c r="L29" s="194">
        <v>1</v>
      </c>
      <c r="M29" s="195">
        <v>1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0</v>
      </c>
      <c r="U29" s="191">
        <v>0</v>
      </c>
      <c r="V29" s="191">
        <v>0</v>
      </c>
      <c r="W29" s="196">
        <v>0</v>
      </c>
      <c r="X29" s="195">
        <v>0</v>
      </c>
      <c r="Y29" s="190">
        <v>0</v>
      </c>
      <c r="Z29" s="191">
        <v>0</v>
      </c>
      <c r="AA29" s="196">
        <v>0</v>
      </c>
      <c r="AB29" s="193">
        <v>0</v>
      </c>
      <c r="AC29" s="191">
        <v>0</v>
      </c>
      <c r="AD29" s="191">
        <v>1</v>
      </c>
      <c r="AE29" s="191">
        <v>0</v>
      </c>
      <c r="AF29" s="191">
        <v>0</v>
      </c>
      <c r="AG29" s="191">
        <v>0</v>
      </c>
      <c r="AH29" s="196">
        <v>1</v>
      </c>
      <c r="AI29" s="195">
        <v>1</v>
      </c>
      <c r="AJ29" s="190">
        <v>0</v>
      </c>
      <c r="AK29" s="191">
        <v>0</v>
      </c>
      <c r="AL29" s="196">
        <v>0</v>
      </c>
      <c r="AM29" s="193">
        <v>0</v>
      </c>
      <c r="AN29" s="191">
        <v>0</v>
      </c>
      <c r="AO29" s="191">
        <v>1</v>
      </c>
      <c r="AP29" s="191">
        <v>1</v>
      </c>
      <c r="AQ29" s="191">
        <v>1</v>
      </c>
      <c r="AR29" s="191">
        <v>0</v>
      </c>
      <c r="AS29" s="196">
        <v>3</v>
      </c>
      <c r="AT29" s="195">
        <v>3</v>
      </c>
      <c r="AU29" s="190">
        <v>0</v>
      </c>
      <c r="AV29" s="191">
        <v>0</v>
      </c>
      <c r="AW29" s="196">
        <v>0</v>
      </c>
      <c r="AX29" s="193">
        <v>0</v>
      </c>
      <c r="AY29" s="191">
        <v>1</v>
      </c>
      <c r="AZ29" s="191">
        <v>1</v>
      </c>
      <c r="BA29" s="191">
        <v>0</v>
      </c>
      <c r="BB29" s="191">
        <v>0</v>
      </c>
      <c r="BC29" s="191">
        <v>0</v>
      </c>
      <c r="BD29" s="196">
        <v>2</v>
      </c>
      <c r="BE29" s="195">
        <v>2</v>
      </c>
      <c r="BF29" s="190">
        <v>0</v>
      </c>
      <c r="BG29" s="191">
        <v>0</v>
      </c>
      <c r="BH29" s="196">
        <v>0</v>
      </c>
      <c r="BI29" s="193">
        <v>0</v>
      </c>
      <c r="BJ29" s="191">
        <v>1</v>
      </c>
      <c r="BK29" s="191">
        <v>0</v>
      </c>
      <c r="BL29" s="191">
        <v>0</v>
      </c>
      <c r="BM29" s="191">
        <v>0</v>
      </c>
      <c r="BN29" s="191">
        <v>1</v>
      </c>
      <c r="BO29" s="194">
        <v>2</v>
      </c>
      <c r="BP29" s="195">
        <v>2</v>
      </c>
      <c r="BQ29" s="190">
        <v>0</v>
      </c>
      <c r="BR29" s="191">
        <v>0</v>
      </c>
      <c r="BS29" s="196">
        <v>0</v>
      </c>
      <c r="BT29" s="193">
        <v>0</v>
      </c>
      <c r="BU29" s="191">
        <v>0</v>
      </c>
      <c r="BV29" s="191">
        <v>0</v>
      </c>
      <c r="BW29" s="191">
        <v>0</v>
      </c>
      <c r="BX29" s="191">
        <v>0</v>
      </c>
      <c r="BY29" s="191">
        <v>0</v>
      </c>
      <c r="BZ29" s="196">
        <v>0</v>
      </c>
      <c r="CA29" s="195">
        <v>0</v>
      </c>
      <c r="CB29" s="190">
        <v>0</v>
      </c>
      <c r="CC29" s="191">
        <v>0</v>
      </c>
      <c r="CD29" s="196">
        <v>0</v>
      </c>
      <c r="CE29" s="193">
        <v>0</v>
      </c>
      <c r="CF29" s="191">
        <v>0</v>
      </c>
      <c r="CG29" s="191">
        <v>0</v>
      </c>
      <c r="CH29" s="191">
        <v>0</v>
      </c>
      <c r="CI29" s="191">
        <v>2</v>
      </c>
      <c r="CJ29" s="191">
        <v>0</v>
      </c>
      <c r="CK29" s="196">
        <v>2</v>
      </c>
      <c r="CL29" s="195">
        <v>2</v>
      </c>
      <c r="CM29" s="190">
        <v>0</v>
      </c>
      <c r="CN29" s="191">
        <v>0</v>
      </c>
      <c r="CO29" s="196">
        <v>0</v>
      </c>
      <c r="CP29" s="193">
        <v>0</v>
      </c>
      <c r="CQ29" s="191">
        <v>0</v>
      </c>
      <c r="CR29" s="191">
        <v>0</v>
      </c>
      <c r="CS29" s="191">
        <v>0</v>
      </c>
      <c r="CT29" s="191">
        <v>1</v>
      </c>
      <c r="CU29" s="191">
        <v>0</v>
      </c>
      <c r="CV29" s="196">
        <v>1</v>
      </c>
      <c r="CW29" s="195">
        <v>1</v>
      </c>
    </row>
    <row r="30" spans="2:101" ht="21" customHeight="1" x14ac:dyDescent="0.2">
      <c r="B30" s="106" t="s">
        <v>28</v>
      </c>
      <c r="C30" s="190">
        <v>0</v>
      </c>
      <c r="D30" s="196">
        <v>0</v>
      </c>
      <c r="E30" s="207">
        <v>0</v>
      </c>
      <c r="F30" s="193">
        <v>0</v>
      </c>
      <c r="G30" s="191">
        <v>0</v>
      </c>
      <c r="H30" s="191">
        <v>0</v>
      </c>
      <c r="I30" s="191">
        <v>0</v>
      </c>
      <c r="J30" s="191">
        <v>0</v>
      </c>
      <c r="K30" s="191">
        <v>0</v>
      </c>
      <c r="L30" s="194">
        <v>0</v>
      </c>
      <c r="M30" s="195">
        <v>0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  <c r="Y30" s="190">
        <v>0</v>
      </c>
      <c r="Z30" s="191">
        <v>0</v>
      </c>
      <c r="AA30" s="196">
        <v>0</v>
      </c>
      <c r="AB30" s="193">
        <v>0</v>
      </c>
      <c r="AC30" s="191">
        <v>5</v>
      </c>
      <c r="AD30" s="191">
        <v>2</v>
      </c>
      <c r="AE30" s="191">
        <v>0</v>
      </c>
      <c r="AF30" s="191">
        <v>0</v>
      </c>
      <c r="AG30" s="191">
        <v>0</v>
      </c>
      <c r="AH30" s="196">
        <v>7</v>
      </c>
      <c r="AI30" s="195">
        <v>7</v>
      </c>
      <c r="AJ30" s="190">
        <v>0</v>
      </c>
      <c r="AK30" s="191">
        <v>0</v>
      </c>
      <c r="AL30" s="196">
        <v>0</v>
      </c>
      <c r="AM30" s="193">
        <v>0</v>
      </c>
      <c r="AN30" s="191">
        <v>0</v>
      </c>
      <c r="AO30" s="191">
        <v>0</v>
      </c>
      <c r="AP30" s="191">
        <v>0</v>
      </c>
      <c r="AQ30" s="191">
        <v>0</v>
      </c>
      <c r="AR30" s="191">
        <v>0</v>
      </c>
      <c r="AS30" s="196">
        <v>0</v>
      </c>
      <c r="AT30" s="195">
        <v>0</v>
      </c>
      <c r="AU30" s="190">
        <v>0</v>
      </c>
      <c r="AV30" s="191">
        <v>0</v>
      </c>
      <c r="AW30" s="196">
        <v>0</v>
      </c>
      <c r="AX30" s="193">
        <v>0</v>
      </c>
      <c r="AY30" s="191">
        <v>0</v>
      </c>
      <c r="AZ30" s="191">
        <v>0</v>
      </c>
      <c r="BA30" s="191">
        <v>0</v>
      </c>
      <c r="BB30" s="191">
        <v>0</v>
      </c>
      <c r="BC30" s="191">
        <v>0</v>
      </c>
      <c r="BD30" s="196">
        <v>0</v>
      </c>
      <c r="BE30" s="195">
        <v>0</v>
      </c>
      <c r="BF30" s="190">
        <v>0</v>
      </c>
      <c r="BG30" s="191">
        <v>0</v>
      </c>
      <c r="BH30" s="196">
        <v>0</v>
      </c>
      <c r="BI30" s="193">
        <v>0</v>
      </c>
      <c r="BJ30" s="191">
        <v>0</v>
      </c>
      <c r="BK30" s="191">
        <v>1</v>
      </c>
      <c r="BL30" s="191">
        <v>0</v>
      </c>
      <c r="BM30" s="191">
        <v>0</v>
      </c>
      <c r="BN30" s="191">
        <v>1</v>
      </c>
      <c r="BO30" s="194">
        <v>2</v>
      </c>
      <c r="BP30" s="195">
        <v>2</v>
      </c>
      <c r="BQ30" s="190">
        <v>0</v>
      </c>
      <c r="BR30" s="191">
        <v>0</v>
      </c>
      <c r="BS30" s="196">
        <v>0</v>
      </c>
      <c r="BT30" s="193">
        <v>0</v>
      </c>
      <c r="BU30" s="191">
        <v>0</v>
      </c>
      <c r="BV30" s="191">
        <v>0</v>
      </c>
      <c r="BW30" s="191">
        <v>0</v>
      </c>
      <c r="BX30" s="191">
        <v>0</v>
      </c>
      <c r="BY30" s="191">
        <v>0</v>
      </c>
      <c r="BZ30" s="196">
        <v>0</v>
      </c>
      <c r="CA30" s="195">
        <v>0</v>
      </c>
      <c r="CB30" s="190">
        <v>0</v>
      </c>
      <c r="CC30" s="191">
        <v>0</v>
      </c>
      <c r="CD30" s="196">
        <v>0</v>
      </c>
      <c r="CE30" s="193">
        <v>0</v>
      </c>
      <c r="CF30" s="191">
        <v>0</v>
      </c>
      <c r="CG30" s="191">
        <v>0</v>
      </c>
      <c r="CH30" s="191">
        <v>0</v>
      </c>
      <c r="CI30" s="191">
        <v>0</v>
      </c>
      <c r="CJ30" s="191">
        <v>0</v>
      </c>
      <c r="CK30" s="196">
        <v>0</v>
      </c>
      <c r="CL30" s="195">
        <v>0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</row>
    <row r="31" spans="2:101" ht="21" customHeight="1" x14ac:dyDescent="0.2">
      <c r="B31" s="106" t="s">
        <v>29</v>
      </c>
      <c r="C31" s="190">
        <v>0</v>
      </c>
      <c r="D31" s="196">
        <v>0</v>
      </c>
      <c r="E31" s="207">
        <v>0</v>
      </c>
      <c r="F31" s="193">
        <v>0</v>
      </c>
      <c r="G31" s="191">
        <v>0</v>
      </c>
      <c r="H31" s="191">
        <v>0</v>
      </c>
      <c r="I31" s="191">
        <v>1</v>
      </c>
      <c r="J31" s="191">
        <v>0</v>
      </c>
      <c r="K31" s="191">
        <v>0</v>
      </c>
      <c r="L31" s="194">
        <v>1</v>
      </c>
      <c r="M31" s="195">
        <v>1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  <c r="Y31" s="190">
        <v>0</v>
      </c>
      <c r="Z31" s="191">
        <v>0</v>
      </c>
      <c r="AA31" s="196">
        <v>0</v>
      </c>
      <c r="AB31" s="193">
        <v>0</v>
      </c>
      <c r="AC31" s="191">
        <v>0</v>
      </c>
      <c r="AD31" s="191">
        <v>1</v>
      </c>
      <c r="AE31" s="191">
        <v>2</v>
      </c>
      <c r="AF31" s="191">
        <v>0</v>
      </c>
      <c r="AG31" s="191">
        <v>0</v>
      </c>
      <c r="AH31" s="196">
        <v>3</v>
      </c>
      <c r="AI31" s="195">
        <v>3</v>
      </c>
      <c r="AJ31" s="190">
        <v>0</v>
      </c>
      <c r="AK31" s="191">
        <v>0</v>
      </c>
      <c r="AL31" s="196">
        <v>0</v>
      </c>
      <c r="AM31" s="193">
        <v>0</v>
      </c>
      <c r="AN31" s="191">
        <v>0</v>
      </c>
      <c r="AO31" s="191">
        <v>1</v>
      </c>
      <c r="AP31" s="191">
        <v>0</v>
      </c>
      <c r="AQ31" s="191">
        <v>0</v>
      </c>
      <c r="AR31" s="191">
        <v>0</v>
      </c>
      <c r="AS31" s="196">
        <v>1</v>
      </c>
      <c r="AT31" s="195">
        <v>1</v>
      </c>
      <c r="AU31" s="190">
        <v>0</v>
      </c>
      <c r="AV31" s="191">
        <v>0</v>
      </c>
      <c r="AW31" s="196">
        <v>0</v>
      </c>
      <c r="AX31" s="193">
        <v>0</v>
      </c>
      <c r="AY31" s="191">
        <v>0</v>
      </c>
      <c r="AZ31" s="191">
        <v>0</v>
      </c>
      <c r="BA31" s="191">
        <v>0</v>
      </c>
      <c r="BB31" s="191">
        <v>0</v>
      </c>
      <c r="BC31" s="191">
        <v>0</v>
      </c>
      <c r="BD31" s="196">
        <v>0</v>
      </c>
      <c r="BE31" s="195">
        <v>0</v>
      </c>
      <c r="BF31" s="190">
        <v>0</v>
      </c>
      <c r="BG31" s="191">
        <v>0</v>
      </c>
      <c r="BH31" s="196">
        <v>0</v>
      </c>
      <c r="BI31" s="193">
        <v>0</v>
      </c>
      <c r="BJ31" s="191">
        <v>0</v>
      </c>
      <c r="BK31" s="191">
        <v>0</v>
      </c>
      <c r="BL31" s="191">
        <v>0</v>
      </c>
      <c r="BM31" s="191">
        <v>0</v>
      </c>
      <c r="BN31" s="191">
        <v>0</v>
      </c>
      <c r="BO31" s="194">
        <v>0</v>
      </c>
      <c r="BP31" s="195">
        <v>0</v>
      </c>
      <c r="BQ31" s="190">
        <v>0</v>
      </c>
      <c r="BR31" s="191">
        <v>0</v>
      </c>
      <c r="BS31" s="196">
        <v>0</v>
      </c>
      <c r="BT31" s="193">
        <v>0</v>
      </c>
      <c r="BU31" s="191">
        <v>0</v>
      </c>
      <c r="BV31" s="191">
        <v>0</v>
      </c>
      <c r="BW31" s="191">
        <v>0</v>
      </c>
      <c r="BX31" s="191">
        <v>0</v>
      </c>
      <c r="BY31" s="191">
        <v>0</v>
      </c>
      <c r="BZ31" s="196">
        <v>0</v>
      </c>
      <c r="CA31" s="195">
        <v>0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0</v>
      </c>
      <c r="CH31" s="191">
        <v>0</v>
      </c>
      <c r="CI31" s="191">
        <v>0</v>
      </c>
      <c r="CJ31" s="191">
        <v>0</v>
      </c>
      <c r="CK31" s="196">
        <v>0</v>
      </c>
      <c r="CL31" s="195">
        <v>0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</row>
    <row r="32" spans="2:101" ht="21" customHeight="1" x14ac:dyDescent="0.2">
      <c r="B32" s="106" t="s">
        <v>30</v>
      </c>
      <c r="C32" s="190">
        <v>0</v>
      </c>
      <c r="D32" s="196">
        <v>0</v>
      </c>
      <c r="E32" s="207">
        <v>0</v>
      </c>
      <c r="F32" s="193">
        <v>0</v>
      </c>
      <c r="G32" s="191">
        <v>0</v>
      </c>
      <c r="H32" s="191">
        <v>0</v>
      </c>
      <c r="I32" s="191">
        <v>0</v>
      </c>
      <c r="J32" s="191">
        <v>0</v>
      </c>
      <c r="K32" s="191">
        <v>0</v>
      </c>
      <c r="L32" s="194">
        <v>0</v>
      </c>
      <c r="M32" s="195">
        <v>0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0</v>
      </c>
      <c r="V32" s="191">
        <v>0</v>
      </c>
      <c r="W32" s="196">
        <v>0</v>
      </c>
      <c r="X32" s="195">
        <v>0</v>
      </c>
      <c r="Y32" s="190">
        <v>0</v>
      </c>
      <c r="Z32" s="191">
        <v>0</v>
      </c>
      <c r="AA32" s="196">
        <v>0</v>
      </c>
      <c r="AB32" s="193">
        <v>0</v>
      </c>
      <c r="AC32" s="191">
        <v>0</v>
      </c>
      <c r="AD32" s="191">
        <v>0</v>
      </c>
      <c r="AE32" s="191">
        <v>1</v>
      </c>
      <c r="AF32" s="191">
        <v>0</v>
      </c>
      <c r="AG32" s="191">
        <v>0</v>
      </c>
      <c r="AH32" s="196">
        <v>1</v>
      </c>
      <c r="AI32" s="195">
        <v>1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0</v>
      </c>
      <c r="AP32" s="191">
        <v>0</v>
      </c>
      <c r="AQ32" s="191">
        <v>0</v>
      </c>
      <c r="AR32" s="191">
        <v>0</v>
      </c>
      <c r="AS32" s="196">
        <v>0</v>
      </c>
      <c r="AT32" s="195">
        <v>0</v>
      </c>
      <c r="AU32" s="190">
        <v>0</v>
      </c>
      <c r="AV32" s="191">
        <v>0</v>
      </c>
      <c r="AW32" s="196">
        <v>0</v>
      </c>
      <c r="AX32" s="193">
        <v>0</v>
      </c>
      <c r="AY32" s="191">
        <v>0</v>
      </c>
      <c r="AZ32" s="191">
        <v>0</v>
      </c>
      <c r="BA32" s="191">
        <v>0</v>
      </c>
      <c r="BB32" s="191">
        <v>0</v>
      </c>
      <c r="BC32" s="191">
        <v>0</v>
      </c>
      <c r="BD32" s="196">
        <v>0</v>
      </c>
      <c r="BE32" s="195">
        <v>0</v>
      </c>
      <c r="BF32" s="190">
        <v>0</v>
      </c>
      <c r="BG32" s="191">
        <v>0</v>
      </c>
      <c r="BH32" s="196">
        <v>0</v>
      </c>
      <c r="BI32" s="193">
        <v>0</v>
      </c>
      <c r="BJ32" s="191">
        <v>0</v>
      </c>
      <c r="BK32" s="191">
        <v>0</v>
      </c>
      <c r="BL32" s="191">
        <v>1</v>
      </c>
      <c r="BM32" s="191">
        <v>0</v>
      </c>
      <c r="BN32" s="191">
        <v>0</v>
      </c>
      <c r="BO32" s="194">
        <v>1</v>
      </c>
      <c r="BP32" s="195">
        <v>1</v>
      </c>
      <c r="BQ32" s="190">
        <v>0</v>
      </c>
      <c r="BR32" s="191">
        <v>0</v>
      </c>
      <c r="BS32" s="196">
        <v>0</v>
      </c>
      <c r="BT32" s="193">
        <v>0</v>
      </c>
      <c r="BU32" s="191">
        <v>0</v>
      </c>
      <c r="BV32" s="191">
        <v>0</v>
      </c>
      <c r="BW32" s="191">
        <v>0</v>
      </c>
      <c r="BX32" s="191">
        <v>0</v>
      </c>
      <c r="BY32" s="191">
        <v>0</v>
      </c>
      <c r="BZ32" s="196">
        <v>0</v>
      </c>
      <c r="CA32" s="195">
        <v>0</v>
      </c>
      <c r="CB32" s="190">
        <v>0</v>
      </c>
      <c r="CC32" s="191">
        <v>0</v>
      </c>
      <c r="CD32" s="196">
        <v>0</v>
      </c>
      <c r="CE32" s="193">
        <v>0</v>
      </c>
      <c r="CF32" s="191">
        <v>0</v>
      </c>
      <c r="CG32" s="191">
        <v>0</v>
      </c>
      <c r="CH32" s="191">
        <v>0</v>
      </c>
      <c r="CI32" s="191">
        <v>0</v>
      </c>
      <c r="CJ32" s="191">
        <v>0</v>
      </c>
      <c r="CK32" s="196">
        <v>0</v>
      </c>
      <c r="CL32" s="195">
        <v>0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</row>
    <row r="33" spans="2:101" ht="21" customHeight="1" x14ac:dyDescent="0.2">
      <c r="B33" s="106" t="s">
        <v>31</v>
      </c>
      <c r="C33" s="190">
        <v>0</v>
      </c>
      <c r="D33" s="196">
        <v>0</v>
      </c>
      <c r="E33" s="207">
        <v>0</v>
      </c>
      <c r="F33" s="193">
        <v>0</v>
      </c>
      <c r="G33" s="191">
        <v>0</v>
      </c>
      <c r="H33" s="191">
        <v>0</v>
      </c>
      <c r="I33" s="191">
        <v>0</v>
      </c>
      <c r="J33" s="191">
        <v>0</v>
      </c>
      <c r="K33" s="191">
        <v>0</v>
      </c>
      <c r="L33" s="194">
        <v>0</v>
      </c>
      <c r="M33" s="195">
        <v>0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0</v>
      </c>
      <c r="V33" s="191">
        <v>0</v>
      </c>
      <c r="W33" s="196">
        <v>0</v>
      </c>
      <c r="X33" s="195">
        <v>0</v>
      </c>
      <c r="Y33" s="190">
        <v>0</v>
      </c>
      <c r="Z33" s="191">
        <v>0</v>
      </c>
      <c r="AA33" s="196">
        <v>0</v>
      </c>
      <c r="AB33" s="193">
        <v>0</v>
      </c>
      <c r="AC33" s="191">
        <v>0</v>
      </c>
      <c r="AD33" s="191">
        <v>1</v>
      </c>
      <c r="AE33" s="191">
        <v>0</v>
      </c>
      <c r="AF33" s="191">
        <v>0</v>
      </c>
      <c r="AG33" s="191">
        <v>0</v>
      </c>
      <c r="AH33" s="196">
        <v>1</v>
      </c>
      <c r="AI33" s="195">
        <v>1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0</v>
      </c>
      <c r="AQ33" s="191">
        <v>1</v>
      </c>
      <c r="AR33" s="191">
        <v>0</v>
      </c>
      <c r="AS33" s="196">
        <v>1</v>
      </c>
      <c r="AT33" s="195">
        <v>1</v>
      </c>
      <c r="AU33" s="190">
        <v>0</v>
      </c>
      <c r="AV33" s="191">
        <v>0</v>
      </c>
      <c r="AW33" s="196">
        <v>0</v>
      </c>
      <c r="AX33" s="193">
        <v>0</v>
      </c>
      <c r="AY33" s="191">
        <v>2</v>
      </c>
      <c r="AZ33" s="191">
        <v>1</v>
      </c>
      <c r="BA33" s="191">
        <v>0</v>
      </c>
      <c r="BB33" s="191">
        <v>0</v>
      </c>
      <c r="BC33" s="191">
        <v>0</v>
      </c>
      <c r="BD33" s="196">
        <v>3</v>
      </c>
      <c r="BE33" s="195">
        <v>3</v>
      </c>
      <c r="BF33" s="190">
        <v>0</v>
      </c>
      <c r="BG33" s="191">
        <v>0</v>
      </c>
      <c r="BH33" s="196">
        <v>0</v>
      </c>
      <c r="BI33" s="193">
        <v>0</v>
      </c>
      <c r="BJ33" s="191">
        <v>0</v>
      </c>
      <c r="BK33" s="191">
        <v>2</v>
      </c>
      <c r="BL33" s="191">
        <v>0</v>
      </c>
      <c r="BM33" s="191">
        <v>0</v>
      </c>
      <c r="BN33" s="191">
        <v>1</v>
      </c>
      <c r="BO33" s="194">
        <v>3</v>
      </c>
      <c r="BP33" s="195">
        <v>3</v>
      </c>
      <c r="BQ33" s="190">
        <v>0</v>
      </c>
      <c r="BR33" s="191">
        <v>0</v>
      </c>
      <c r="BS33" s="196">
        <v>0</v>
      </c>
      <c r="BT33" s="193">
        <v>0</v>
      </c>
      <c r="BU33" s="191">
        <v>0</v>
      </c>
      <c r="BV33" s="191">
        <v>0</v>
      </c>
      <c r="BW33" s="191">
        <v>0</v>
      </c>
      <c r="BX33" s="191">
        <v>0</v>
      </c>
      <c r="BY33" s="191">
        <v>0</v>
      </c>
      <c r="BZ33" s="196">
        <v>0</v>
      </c>
      <c r="CA33" s="195">
        <v>0</v>
      </c>
      <c r="CB33" s="190">
        <v>0</v>
      </c>
      <c r="CC33" s="191">
        <v>0</v>
      </c>
      <c r="CD33" s="196">
        <v>0</v>
      </c>
      <c r="CE33" s="193">
        <v>0</v>
      </c>
      <c r="CF33" s="191">
        <v>0</v>
      </c>
      <c r="CG33" s="191">
        <v>0</v>
      </c>
      <c r="CH33" s="191">
        <v>0</v>
      </c>
      <c r="CI33" s="191">
        <v>0</v>
      </c>
      <c r="CJ33" s="191">
        <v>0</v>
      </c>
      <c r="CK33" s="196">
        <v>0</v>
      </c>
      <c r="CL33" s="195">
        <v>0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</row>
    <row r="34" spans="2:101" ht="21" customHeight="1" x14ac:dyDescent="0.2">
      <c r="B34" s="106" t="s">
        <v>32</v>
      </c>
      <c r="C34" s="190">
        <v>0</v>
      </c>
      <c r="D34" s="196">
        <v>0</v>
      </c>
      <c r="E34" s="207">
        <v>0</v>
      </c>
      <c r="F34" s="193">
        <v>0</v>
      </c>
      <c r="G34" s="191">
        <v>0</v>
      </c>
      <c r="H34" s="191">
        <v>0</v>
      </c>
      <c r="I34" s="191">
        <v>0</v>
      </c>
      <c r="J34" s="191">
        <v>0</v>
      </c>
      <c r="K34" s="191">
        <v>0</v>
      </c>
      <c r="L34" s="194">
        <v>0</v>
      </c>
      <c r="M34" s="195">
        <v>0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0</v>
      </c>
      <c r="U34" s="191">
        <v>0</v>
      </c>
      <c r="V34" s="191">
        <v>0</v>
      </c>
      <c r="W34" s="196">
        <v>0</v>
      </c>
      <c r="X34" s="195">
        <v>0</v>
      </c>
      <c r="Y34" s="190">
        <v>0</v>
      </c>
      <c r="Z34" s="191">
        <v>0</v>
      </c>
      <c r="AA34" s="196">
        <v>0</v>
      </c>
      <c r="AB34" s="193">
        <v>0</v>
      </c>
      <c r="AC34" s="191">
        <v>2</v>
      </c>
      <c r="AD34" s="191">
        <v>2</v>
      </c>
      <c r="AE34" s="191">
        <v>0</v>
      </c>
      <c r="AF34" s="191">
        <v>0</v>
      </c>
      <c r="AG34" s="191">
        <v>0</v>
      </c>
      <c r="AH34" s="196">
        <v>4</v>
      </c>
      <c r="AI34" s="195">
        <v>4</v>
      </c>
      <c r="AJ34" s="190">
        <v>0</v>
      </c>
      <c r="AK34" s="191">
        <v>0</v>
      </c>
      <c r="AL34" s="196">
        <v>0</v>
      </c>
      <c r="AM34" s="193">
        <v>0</v>
      </c>
      <c r="AN34" s="191">
        <v>0</v>
      </c>
      <c r="AO34" s="191">
        <v>0</v>
      </c>
      <c r="AP34" s="191">
        <v>0</v>
      </c>
      <c r="AQ34" s="191">
        <v>0</v>
      </c>
      <c r="AR34" s="191">
        <v>0</v>
      </c>
      <c r="AS34" s="196">
        <v>0</v>
      </c>
      <c r="AT34" s="195">
        <v>0</v>
      </c>
      <c r="AU34" s="190">
        <v>0</v>
      </c>
      <c r="AV34" s="191">
        <v>0</v>
      </c>
      <c r="AW34" s="196">
        <v>0</v>
      </c>
      <c r="AX34" s="193">
        <v>0</v>
      </c>
      <c r="AY34" s="191">
        <v>0</v>
      </c>
      <c r="AZ34" s="191">
        <v>0</v>
      </c>
      <c r="BA34" s="191">
        <v>0</v>
      </c>
      <c r="BB34" s="191">
        <v>0</v>
      </c>
      <c r="BC34" s="191">
        <v>0</v>
      </c>
      <c r="BD34" s="196">
        <v>0</v>
      </c>
      <c r="BE34" s="195">
        <v>0</v>
      </c>
      <c r="BF34" s="190">
        <v>0</v>
      </c>
      <c r="BG34" s="191">
        <v>0</v>
      </c>
      <c r="BH34" s="196">
        <v>0</v>
      </c>
      <c r="BI34" s="193">
        <v>0</v>
      </c>
      <c r="BJ34" s="191">
        <v>0</v>
      </c>
      <c r="BK34" s="191">
        <v>0</v>
      </c>
      <c r="BL34" s="191">
        <v>0</v>
      </c>
      <c r="BM34" s="191">
        <v>0</v>
      </c>
      <c r="BN34" s="191">
        <v>0</v>
      </c>
      <c r="BO34" s="194">
        <v>0</v>
      </c>
      <c r="BP34" s="195">
        <v>0</v>
      </c>
      <c r="BQ34" s="190">
        <v>0</v>
      </c>
      <c r="BR34" s="191">
        <v>0</v>
      </c>
      <c r="BS34" s="196">
        <v>0</v>
      </c>
      <c r="BT34" s="193">
        <v>0</v>
      </c>
      <c r="BU34" s="191">
        <v>0</v>
      </c>
      <c r="BV34" s="191">
        <v>0</v>
      </c>
      <c r="BW34" s="191">
        <v>0</v>
      </c>
      <c r="BX34" s="191">
        <v>0</v>
      </c>
      <c r="BY34" s="191">
        <v>0</v>
      </c>
      <c r="BZ34" s="196">
        <v>0</v>
      </c>
      <c r="CA34" s="195">
        <v>0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0</v>
      </c>
      <c r="CH34" s="191">
        <v>2</v>
      </c>
      <c r="CI34" s="191">
        <v>0</v>
      </c>
      <c r="CJ34" s="191">
        <v>0</v>
      </c>
      <c r="CK34" s="196">
        <v>2</v>
      </c>
      <c r="CL34" s="195">
        <v>2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</row>
    <row r="35" spans="2:101" ht="21" customHeight="1" x14ac:dyDescent="0.2">
      <c r="B35" s="106" t="s">
        <v>33</v>
      </c>
      <c r="C35" s="190">
        <v>0</v>
      </c>
      <c r="D35" s="196">
        <v>0</v>
      </c>
      <c r="E35" s="207">
        <v>0</v>
      </c>
      <c r="F35" s="193">
        <v>0</v>
      </c>
      <c r="G35" s="191">
        <v>0</v>
      </c>
      <c r="H35" s="191">
        <v>0</v>
      </c>
      <c r="I35" s="191">
        <v>0</v>
      </c>
      <c r="J35" s="191">
        <v>0</v>
      </c>
      <c r="K35" s="191">
        <v>0</v>
      </c>
      <c r="L35" s="194">
        <v>0</v>
      </c>
      <c r="M35" s="195">
        <v>0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0</v>
      </c>
      <c r="AA35" s="196">
        <v>0</v>
      </c>
      <c r="AB35" s="193">
        <v>0</v>
      </c>
      <c r="AC35" s="191">
        <v>2</v>
      </c>
      <c r="AD35" s="191">
        <v>0</v>
      </c>
      <c r="AE35" s="191">
        <v>0</v>
      </c>
      <c r="AF35" s="191">
        <v>0</v>
      </c>
      <c r="AG35" s="191">
        <v>0</v>
      </c>
      <c r="AH35" s="196">
        <v>2</v>
      </c>
      <c r="AI35" s="195">
        <v>2</v>
      </c>
      <c r="AJ35" s="190">
        <v>0</v>
      </c>
      <c r="AK35" s="191">
        <v>0</v>
      </c>
      <c r="AL35" s="196">
        <v>0</v>
      </c>
      <c r="AM35" s="193">
        <v>0</v>
      </c>
      <c r="AN35" s="191">
        <v>0</v>
      </c>
      <c r="AO35" s="191">
        <v>0</v>
      </c>
      <c r="AP35" s="191">
        <v>0</v>
      </c>
      <c r="AQ35" s="191">
        <v>0</v>
      </c>
      <c r="AR35" s="191">
        <v>0</v>
      </c>
      <c r="AS35" s="196">
        <v>0</v>
      </c>
      <c r="AT35" s="195">
        <v>0</v>
      </c>
      <c r="AU35" s="190">
        <v>0</v>
      </c>
      <c r="AV35" s="191">
        <v>0</v>
      </c>
      <c r="AW35" s="196">
        <v>0</v>
      </c>
      <c r="AX35" s="193">
        <v>0</v>
      </c>
      <c r="AY35" s="191">
        <v>0</v>
      </c>
      <c r="AZ35" s="191">
        <v>0</v>
      </c>
      <c r="BA35" s="191">
        <v>0</v>
      </c>
      <c r="BB35" s="191">
        <v>0</v>
      </c>
      <c r="BC35" s="191">
        <v>0</v>
      </c>
      <c r="BD35" s="196">
        <v>0</v>
      </c>
      <c r="BE35" s="195">
        <v>0</v>
      </c>
      <c r="BF35" s="190">
        <v>0</v>
      </c>
      <c r="BG35" s="191">
        <v>0</v>
      </c>
      <c r="BH35" s="196">
        <v>0</v>
      </c>
      <c r="BI35" s="193">
        <v>0</v>
      </c>
      <c r="BJ35" s="191">
        <v>0</v>
      </c>
      <c r="BK35" s="191">
        <v>0</v>
      </c>
      <c r="BL35" s="191">
        <v>0</v>
      </c>
      <c r="BM35" s="191">
        <v>0</v>
      </c>
      <c r="BN35" s="191">
        <v>0</v>
      </c>
      <c r="BO35" s="194">
        <v>0</v>
      </c>
      <c r="BP35" s="195">
        <v>0</v>
      </c>
      <c r="BQ35" s="190">
        <v>0</v>
      </c>
      <c r="BR35" s="191">
        <v>0</v>
      </c>
      <c r="BS35" s="196">
        <v>0</v>
      </c>
      <c r="BT35" s="193">
        <v>0</v>
      </c>
      <c r="BU35" s="191">
        <v>0</v>
      </c>
      <c r="BV35" s="191">
        <v>0</v>
      </c>
      <c r="BW35" s="191">
        <v>0</v>
      </c>
      <c r="BX35" s="191">
        <v>0</v>
      </c>
      <c r="BY35" s="191">
        <v>0</v>
      </c>
      <c r="BZ35" s="196">
        <v>0</v>
      </c>
      <c r="CA35" s="195">
        <v>0</v>
      </c>
      <c r="CB35" s="190">
        <v>0</v>
      </c>
      <c r="CC35" s="191">
        <v>0</v>
      </c>
      <c r="CD35" s="196">
        <v>0</v>
      </c>
      <c r="CE35" s="193">
        <v>0</v>
      </c>
      <c r="CF35" s="191">
        <v>0</v>
      </c>
      <c r="CG35" s="191">
        <v>0</v>
      </c>
      <c r="CH35" s="191">
        <v>0</v>
      </c>
      <c r="CI35" s="191">
        <v>0</v>
      </c>
      <c r="CJ35" s="191">
        <v>0</v>
      </c>
      <c r="CK35" s="196">
        <v>0</v>
      </c>
      <c r="CL35" s="195">
        <v>0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</row>
    <row r="36" spans="2:101" ht="21" customHeight="1" x14ac:dyDescent="0.2">
      <c r="B36" s="106" t="s">
        <v>34</v>
      </c>
      <c r="C36" s="190">
        <v>0</v>
      </c>
      <c r="D36" s="196">
        <v>0</v>
      </c>
      <c r="E36" s="207">
        <v>0</v>
      </c>
      <c r="F36" s="193">
        <v>0</v>
      </c>
      <c r="G36" s="191">
        <v>0</v>
      </c>
      <c r="H36" s="191">
        <v>0</v>
      </c>
      <c r="I36" s="191">
        <v>0</v>
      </c>
      <c r="J36" s="191">
        <v>0</v>
      </c>
      <c r="K36" s="191">
        <v>0</v>
      </c>
      <c r="L36" s="194">
        <v>0</v>
      </c>
      <c r="M36" s="195">
        <v>0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0</v>
      </c>
      <c r="Z36" s="191">
        <v>0</v>
      </c>
      <c r="AA36" s="196">
        <v>0</v>
      </c>
      <c r="AB36" s="193">
        <v>0</v>
      </c>
      <c r="AC36" s="191">
        <v>2</v>
      </c>
      <c r="AD36" s="191">
        <v>2</v>
      </c>
      <c r="AE36" s="191">
        <v>0</v>
      </c>
      <c r="AF36" s="191">
        <v>0</v>
      </c>
      <c r="AG36" s="191">
        <v>0</v>
      </c>
      <c r="AH36" s="196">
        <v>4</v>
      </c>
      <c r="AI36" s="195">
        <v>4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0</v>
      </c>
      <c r="AP36" s="191">
        <v>0</v>
      </c>
      <c r="AQ36" s="191">
        <v>0</v>
      </c>
      <c r="AR36" s="191">
        <v>0</v>
      </c>
      <c r="AS36" s="196">
        <v>0</v>
      </c>
      <c r="AT36" s="195">
        <v>0</v>
      </c>
      <c r="AU36" s="190">
        <v>0</v>
      </c>
      <c r="AV36" s="191">
        <v>0</v>
      </c>
      <c r="AW36" s="196">
        <v>0</v>
      </c>
      <c r="AX36" s="193">
        <v>0</v>
      </c>
      <c r="AY36" s="191">
        <v>2</v>
      </c>
      <c r="AZ36" s="191">
        <v>1</v>
      </c>
      <c r="BA36" s="191">
        <v>0</v>
      </c>
      <c r="BB36" s="191">
        <v>0</v>
      </c>
      <c r="BC36" s="191">
        <v>0</v>
      </c>
      <c r="BD36" s="196">
        <v>3</v>
      </c>
      <c r="BE36" s="195">
        <v>3</v>
      </c>
      <c r="BF36" s="190">
        <v>0</v>
      </c>
      <c r="BG36" s="191">
        <v>0</v>
      </c>
      <c r="BH36" s="196">
        <v>0</v>
      </c>
      <c r="BI36" s="193">
        <v>0</v>
      </c>
      <c r="BJ36" s="191">
        <v>1</v>
      </c>
      <c r="BK36" s="191">
        <v>0</v>
      </c>
      <c r="BL36" s="191">
        <v>1</v>
      </c>
      <c r="BM36" s="191">
        <v>0</v>
      </c>
      <c r="BN36" s="191">
        <v>0</v>
      </c>
      <c r="BO36" s="194">
        <v>2</v>
      </c>
      <c r="BP36" s="195">
        <v>2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0</v>
      </c>
      <c r="BW36" s="191">
        <v>0</v>
      </c>
      <c r="BX36" s="191">
        <v>0</v>
      </c>
      <c r="BY36" s="191">
        <v>0</v>
      </c>
      <c r="BZ36" s="196">
        <v>0</v>
      </c>
      <c r="CA36" s="195">
        <v>0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0</v>
      </c>
      <c r="CH36" s="191">
        <v>0</v>
      </c>
      <c r="CI36" s="191">
        <v>0</v>
      </c>
      <c r="CJ36" s="191">
        <v>0</v>
      </c>
      <c r="CK36" s="196">
        <v>0</v>
      </c>
      <c r="CL36" s="195">
        <v>0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</row>
    <row r="37" spans="2:101" ht="21" customHeight="1" x14ac:dyDescent="0.2">
      <c r="B37" s="106" t="s">
        <v>35</v>
      </c>
      <c r="C37" s="190">
        <v>0</v>
      </c>
      <c r="D37" s="196">
        <v>0</v>
      </c>
      <c r="E37" s="207">
        <v>0</v>
      </c>
      <c r="F37" s="193">
        <v>0</v>
      </c>
      <c r="G37" s="191">
        <v>0</v>
      </c>
      <c r="H37" s="191">
        <v>0</v>
      </c>
      <c r="I37" s="191">
        <v>1</v>
      </c>
      <c r="J37" s="191">
        <v>0</v>
      </c>
      <c r="K37" s="191">
        <v>0</v>
      </c>
      <c r="L37" s="194">
        <v>1</v>
      </c>
      <c r="M37" s="195">
        <v>1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  <c r="Y37" s="190">
        <v>0</v>
      </c>
      <c r="Z37" s="191">
        <v>0</v>
      </c>
      <c r="AA37" s="196">
        <v>0</v>
      </c>
      <c r="AB37" s="193">
        <v>0</v>
      </c>
      <c r="AC37" s="191">
        <v>0</v>
      </c>
      <c r="AD37" s="191">
        <v>0</v>
      </c>
      <c r="AE37" s="191">
        <v>0</v>
      </c>
      <c r="AF37" s="191">
        <v>0</v>
      </c>
      <c r="AG37" s="191">
        <v>0</v>
      </c>
      <c r="AH37" s="196">
        <v>0</v>
      </c>
      <c r="AI37" s="195">
        <v>0</v>
      </c>
      <c r="AJ37" s="190">
        <v>0</v>
      </c>
      <c r="AK37" s="191">
        <v>0</v>
      </c>
      <c r="AL37" s="196">
        <v>0</v>
      </c>
      <c r="AM37" s="193">
        <v>0</v>
      </c>
      <c r="AN37" s="191">
        <v>0</v>
      </c>
      <c r="AO37" s="191">
        <v>0</v>
      </c>
      <c r="AP37" s="191">
        <v>0</v>
      </c>
      <c r="AQ37" s="191">
        <v>0</v>
      </c>
      <c r="AR37" s="191">
        <v>0</v>
      </c>
      <c r="AS37" s="196">
        <v>0</v>
      </c>
      <c r="AT37" s="195">
        <v>0</v>
      </c>
      <c r="AU37" s="190">
        <v>0</v>
      </c>
      <c r="AV37" s="191">
        <v>0</v>
      </c>
      <c r="AW37" s="196">
        <v>0</v>
      </c>
      <c r="AX37" s="193">
        <v>0</v>
      </c>
      <c r="AY37" s="191">
        <v>0</v>
      </c>
      <c r="AZ37" s="191">
        <v>0</v>
      </c>
      <c r="BA37" s="191">
        <v>0</v>
      </c>
      <c r="BB37" s="191">
        <v>0</v>
      </c>
      <c r="BC37" s="191">
        <v>0</v>
      </c>
      <c r="BD37" s="196">
        <v>0</v>
      </c>
      <c r="BE37" s="195">
        <v>0</v>
      </c>
      <c r="BF37" s="190">
        <v>0</v>
      </c>
      <c r="BG37" s="191">
        <v>0</v>
      </c>
      <c r="BH37" s="196">
        <v>0</v>
      </c>
      <c r="BI37" s="193">
        <v>0</v>
      </c>
      <c r="BJ37" s="191">
        <v>0</v>
      </c>
      <c r="BK37" s="191">
        <v>2</v>
      </c>
      <c r="BL37" s="191">
        <v>0</v>
      </c>
      <c r="BM37" s="191">
        <v>0</v>
      </c>
      <c r="BN37" s="191">
        <v>0</v>
      </c>
      <c r="BO37" s="194">
        <v>2</v>
      </c>
      <c r="BP37" s="195">
        <v>2</v>
      </c>
      <c r="BQ37" s="190">
        <v>0</v>
      </c>
      <c r="BR37" s="191">
        <v>0</v>
      </c>
      <c r="BS37" s="196">
        <v>0</v>
      </c>
      <c r="BT37" s="193">
        <v>0</v>
      </c>
      <c r="BU37" s="191">
        <v>0</v>
      </c>
      <c r="BV37" s="191">
        <v>0</v>
      </c>
      <c r="BW37" s="191">
        <v>0</v>
      </c>
      <c r="BX37" s="191">
        <v>0</v>
      </c>
      <c r="BY37" s="191">
        <v>0</v>
      </c>
      <c r="BZ37" s="196">
        <v>0</v>
      </c>
      <c r="CA37" s="195">
        <v>0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0</v>
      </c>
      <c r="CH37" s="191">
        <v>0</v>
      </c>
      <c r="CI37" s="191">
        <v>0</v>
      </c>
      <c r="CJ37" s="191">
        <v>0</v>
      </c>
      <c r="CK37" s="196">
        <v>0</v>
      </c>
      <c r="CL37" s="195">
        <v>0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</row>
    <row r="38" spans="2:101" ht="21" customHeight="1" x14ac:dyDescent="0.2">
      <c r="B38" s="106" t="s">
        <v>36</v>
      </c>
      <c r="C38" s="190">
        <v>0</v>
      </c>
      <c r="D38" s="196">
        <v>0</v>
      </c>
      <c r="E38" s="207">
        <v>0</v>
      </c>
      <c r="F38" s="193">
        <v>0</v>
      </c>
      <c r="G38" s="191">
        <v>0</v>
      </c>
      <c r="H38" s="191">
        <v>0</v>
      </c>
      <c r="I38" s="191">
        <v>0</v>
      </c>
      <c r="J38" s="191">
        <v>0</v>
      </c>
      <c r="K38" s="191">
        <v>0</v>
      </c>
      <c r="L38" s="194">
        <v>0</v>
      </c>
      <c r="M38" s="195">
        <v>0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  <c r="Y38" s="190">
        <v>0</v>
      </c>
      <c r="Z38" s="191">
        <v>0</v>
      </c>
      <c r="AA38" s="196">
        <v>0</v>
      </c>
      <c r="AB38" s="193">
        <v>0</v>
      </c>
      <c r="AC38" s="191">
        <v>3</v>
      </c>
      <c r="AD38" s="191">
        <v>1</v>
      </c>
      <c r="AE38" s="191">
        <v>0</v>
      </c>
      <c r="AF38" s="191">
        <v>0</v>
      </c>
      <c r="AG38" s="191">
        <v>0</v>
      </c>
      <c r="AH38" s="196">
        <v>4</v>
      </c>
      <c r="AI38" s="195">
        <v>4</v>
      </c>
      <c r="AJ38" s="190">
        <v>0</v>
      </c>
      <c r="AK38" s="191">
        <v>0</v>
      </c>
      <c r="AL38" s="196">
        <v>0</v>
      </c>
      <c r="AM38" s="193">
        <v>0</v>
      </c>
      <c r="AN38" s="191">
        <v>0</v>
      </c>
      <c r="AO38" s="191">
        <v>0</v>
      </c>
      <c r="AP38" s="191">
        <v>0</v>
      </c>
      <c r="AQ38" s="191">
        <v>0</v>
      </c>
      <c r="AR38" s="191">
        <v>0</v>
      </c>
      <c r="AS38" s="196">
        <v>0</v>
      </c>
      <c r="AT38" s="195">
        <v>0</v>
      </c>
      <c r="AU38" s="190">
        <v>0</v>
      </c>
      <c r="AV38" s="191">
        <v>0</v>
      </c>
      <c r="AW38" s="196">
        <v>0</v>
      </c>
      <c r="AX38" s="193">
        <v>0</v>
      </c>
      <c r="AY38" s="191">
        <v>0</v>
      </c>
      <c r="AZ38" s="191">
        <v>0</v>
      </c>
      <c r="BA38" s="191">
        <v>0</v>
      </c>
      <c r="BB38" s="191">
        <v>0</v>
      </c>
      <c r="BC38" s="191">
        <v>0</v>
      </c>
      <c r="BD38" s="196">
        <v>0</v>
      </c>
      <c r="BE38" s="195">
        <v>0</v>
      </c>
      <c r="BF38" s="190">
        <v>0</v>
      </c>
      <c r="BG38" s="191">
        <v>0</v>
      </c>
      <c r="BH38" s="196">
        <v>0</v>
      </c>
      <c r="BI38" s="193">
        <v>0</v>
      </c>
      <c r="BJ38" s="191">
        <v>0</v>
      </c>
      <c r="BK38" s="191">
        <v>0</v>
      </c>
      <c r="BL38" s="191">
        <v>0</v>
      </c>
      <c r="BM38" s="191">
        <v>0</v>
      </c>
      <c r="BN38" s="191">
        <v>0</v>
      </c>
      <c r="BO38" s="194">
        <v>0</v>
      </c>
      <c r="BP38" s="195">
        <v>0</v>
      </c>
      <c r="BQ38" s="190">
        <v>0</v>
      </c>
      <c r="BR38" s="191">
        <v>0</v>
      </c>
      <c r="BS38" s="196">
        <v>0</v>
      </c>
      <c r="BT38" s="193">
        <v>0</v>
      </c>
      <c r="BU38" s="191">
        <v>0</v>
      </c>
      <c r="BV38" s="191">
        <v>0</v>
      </c>
      <c r="BW38" s="191">
        <v>0</v>
      </c>
      <c r="BX38" s="191">
        <v>0</v>
      </c>
      <c r="BY38" s="191">
        <v>0</v>
      </c>
      <c r="BZ38" s="196">
        <v>0</v>
      </c>
      <c r="CA38" s="195">
        <v>0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0</v>
      </c>
      <c r="CH38" s="191">
        <v>0</v>
      </c>
      <c r="CI38" s="191">
        <v>0</v>
      </c>
      <c r="CJ38" s="191">
        <v>0</v>
      </c>
      <c r="CK38" s="196">
        <v>0</v>
      </c>
      <c r="CL38" s="195">
        <v>0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</row>
    <row r="39" spans="2:101" ht="21" customHeight="1" thickBot="1" x14ac:dyDescent="0.25">
      <c r="B39" s="108" t="s">
        <v>37</v>
      </c>
      <c r="C39" s="197">
        <v>0</v>
      </c>
      <c r="D39" s="203">
        <v>0</v>
      </c>
      <c r="E39" s="208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1">
        <v>0</v>
      </c>
      <c r="M39" s="202">
        <v>0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0</v>
      </c>
      <c r="AD39" s="198">
        <v>0</v>
      </c>
      <c r="AE39" s="198">
        <v>0</v>
      </c>
      <c r="AF39" s="198">
        <v>0</v>
      </c>
      <c r="AG39" s="198">
        <v>0</v>
      </c>
      <c r="AH39" s="203">
        <v>0</v>
      </c>
      <c r="AI39" s="202">
        <v>0</v>
      </c>
      <c r="AJ39" s="197">
        <v>0</v>
      </c>
      <c r="AK39" s="198">
        <v>0</v>
      </c>
      <c r="AL39" s="203">
        <v>0</v>
      </c>
      <c r="AM39" s="200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203">
        <v>0</v>
      </c>
      <c r="AT39" s="202">
        <v>0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0</v>
      </c>
      <c r="BA39" s="198">
        <v>0</v>
      </c>
      <c r="BB39" s="198">
        <v>0</v>
      </c>
      <c r="BC39" s="198">
        <v>0</v>
      </c>
      <c r="BD39" s="203">
        <v>0</v>
      </c>
      <c r="BE39" s="202">
        <v>0</v>
      </c>
      <c r="BF39" s="197">
        <v>0</v>
      </c>
      <c r="BG39" s="198">
        <v>0</v>
      </c>
      <c r="BH39" s="203">
        <v>0</v>
      </c>
      <c r="BI39" s="200">
        <v>0</v>
      </c>
      <c r="BJ39" s="198">
        <v>0</v>
      </c>
      <c r="BK39" s="198">
        <v>0</v>
      </c>
      <c r="BL39" s="198">
        <v>0</v>
      </c>
      <c r="BM39" s="198">
        <v>0</v>
      </c>
      <c r="BN39" s="198">
        <v>0</v>
      </c>
      <c r="BO39" s="201">
        <v>0</v>
      </c>
      <c r="BP39" s="202">
        <v>0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0</v>
      </c>
      <c r="BW39" s="198">
        <v>0</v>
      </c>
      <c r="BX39" s="198">
        <v>0</v>
      </c>
      <c r="BY39" s="198">
        <v>0</v>
      </c>
      <c r="BZ39" s="203">
        <v>0</v>
      </c>
      <c r="CA39" s="202">
        <v>0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</row>
  </sheetData>
  <mergeCells count="39">
    <mergeCell ref="Y3:AI3"/>
    <mergeCell ref="Y4:AA4"/>
    <mergeCell ref="AB4:AH4"/>
    <mergeCell ref="AI4:AI5"/>
    <mergeCell ref="AJ3:AT3"/>
    <mergeCell ref="AM4:AS4"/>
    <mergeCell ref="AT4:AT5"/>
    <mergeCell ref="I1:J1"/>
    <mergeCell ref="L1:M1"/>
    <mergeCell ref="B3:B5"/>
    <mergeCell ref="C3:M3"/>
    <mergeCell ref="N3:X3"/>
    <mergeCell ref="X4:X5"/>
    <mergeCell ref="C4:E4"/>
    <mergeCell ref="F4:L4"/>
    <mergeCell ref="M4:M5"/>
    <mergeCell ref="N4:P4"/>
    <mergeCell ref="Q4:W4"/>
    <mergeCell ref="AU4:AW4"/>
    <mergeCell ref="AJ4:AL4"/>
    <mergeCell ref="AX4:BD4"/>
    <mergeCell ref="CB4:CD4"/>
    <mergeCell ref="AU3:BE3"/>
    <mergeCell ref="BE4:BE5"/>
    <mergeCell ref="BF3:BP3"/>
    <mergeCell ref="BP4:BP5"/>
    <mergeCell ref="BQ3:CA3"/>
    <mergeCell ref="CA4:CA5"/>
    <mergeCell ref="CM3:CW3"/>
    <mergeCell ref="CM4:CO4"/>
    <mergeCell ref="CP4:CV4"/>
    <mergeCell ref="CE4:CK4"/>
    <mergeCell ref="BF4:BH4"/>
    <mergeCell ref="BI4:BO4"/>
    <mergeCell ref="BQ4:BS4"/>
    <mergeCell ref="BT4:BZ4"/>
    <mergeCell ref="CB3:CL3"/>
    <mergeCell ref="CL4:CL5"/>
    <mergeCell ref="CW4:CW5"/>
  </mergeCells>
  <phoneticPr fontId="4"/>
  <pageMargins left="0.70866141732283472" right="0.70866141732283472" top="0.74803149606299213" bottom="0.74803149606299213" header="0.31496062992125984" footer="0.31496062992125984"/>
  <pageSetup paperSize="9" scale="60" orientation="landscape" r:id="rId1"/>
  <headerFooter>
    <oddFooter>&amp;L&amp;20&amp;A&amp;C&amp;P/&amp;N</oddFooter>
  </headerFooter>
  <colBreaks count="3" manualBreakCount="3">
    <brk id="24" max="1048575" man="1"/>
    <brk id="46" max="1048575" man="1"/>
    <brk id="68" max="1048575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CW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.33203125" style="175" customWidth="1"/>
    <col min="6" max="6" width="7.6640625" style="175" customWidth="1"/>
    <col min="7" max="7" width="8.44140625" style="175" customWidth="1"/>
    <col min="8" max="8" width="8.77734375" style="175" customWidth="1"/>
    <col min="9" max="16" width="9" style="175"/>
    <col min="17" max="17" width="7.21875" style="175" customWidth="1"/>
    <col min="18" max="27" width="9" style="175"/>
    <col min="28" max="28" width="7.6640625" style="175" customWidth="1"/>
    <col min="29" max="38" width="9" style="175"/>
    <col min="39" max="39" width="7.6640625" style="175" customWidth="1"/>
    <col min="40" max="49" width="9" style="175"/>
    <col min="50" max="50" width="7.6640625" style="175" customWidth="1"/>
    <col min="51" max="60" width="9" style="175"/>
    <col min="61" max="61" width="7.21875" style="175" customWidth="1"/>
    <col min="62" max="71" width="9" style="175"/>
    <col min="72" max="72" width="7.21875" style="175" customWidth="1"/>
    <col min="73" max="82" width="9" style="175"/>
    <col min="83" max="83" width="7.33203125" style="175" customWidth="1"/>
    <col min="84" max="93" width="9" style="175"/>
    <col min="94" max="94" width="7.44140625" style="175" customWidth="1"/>
    <col min="95" max="16384" width="9" style="175"/>
  </cols>
  <sheetData>
    <row r="1" spans="2:101" ht="24" customHeight="1" x14ac:dyDescent="0.2">
      <c r="B1" s="142" t="s">
        <v>122</v>
      </c>
      <c r="I1" s="442">
        <f>第１表!F2</f>
        <v>7</v>
      </c>
      <c r="J1" s="442"/>
      <c r="K1" s="18">
        <f>第１表!G2</f>
        <v>3</v>
      </c>
      <c r="L1" s="447">
        <f>IF(K1&lt;3,K1+12-2,K1-2)</f>
        <v>1</v>
      </c>
      <c r="M1" s="447"/>
    </row>
    <row r="2" spans="2:101" s="71" customFormat="1" ht="24" customHeight="1" thickBot="1" x14ac:dyDescent="0.25">
      <c r="B2" s="142" t="s">
        <v>151</v>
      </c>
    </row>
    <row r="3" spans="2:101" ht="21" customHeight="1" thickBot="1" x14ac:dyDescent="0.25">
      <c r="B3" s="478"/>
      <c r="C3" s="472" t="s">
        <v>94</v>
      </c>
      <c r="D3" s="473"/>
      <c r="E3" s="473"/>
      <c r="F3" s="473"/>
      <c r="G3" s="473"/>
      <c r="H3" s="473"/>
      <c r="I3" s="473"/>
      <c r="J3" s="473"/>
      <c r="K3" s="473"/>
      <c r="L3" s="473"/>
      <c r="M3" s="474"/>
      <c r="N3" s="472" t="s">
        <v>88</v>
      </c>
      <c r="O3" s="473"/>
      <c r="P3" s="473"/>
      <c r="Q3" s="473"/>
      <c r="R3" s="473"/>
      <c r="S3" s="473"/>
      <c r="T3" s="473"/>
      <c r="U3" s="473"/>
      <c r="V3" s="473"/>
      <c r="W3" s="473"/>
      <c r="X3" s="474"/>
      <c r="Y3" s="472" t="s">
        <v>138</v>
      </c>
      <c r="Z3" s="473"/>
      <c r="AA3" s="473"/>
      <c r="AB3" s="473"/>
      <c r="AC3" s="473"/>
      <c r="AD3" s="473"/>
      <c r="AE3" s="473"/>
      <c r="AF3" s="473"/>
      <c r="AG3" s="473"/>
      <c r="AH3" s="473"/>
      <c r="AI3" s="474"/>
      <c r="AJ3" s="472" t="s">
        <v>90</v>
      </c>
      <c r="AK3" s="473"/>
      <c r="AL3" s="473"/>
      <c r="AM3" s="473"/>
      <c r="AN3" s="473"/>
      <c r="AO3" s="473"/>
      <c r="AP3" s="473"/>
      <c r="AQ3" s="473"/>
      <c r="AR3" s="473"/>
      <c r="AS3" s="473"/>
      <c r="AT3" s="474"/>
      <c r="AU3" s="481" t="s">
        <v>89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91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92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93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2" t="s">
        <v>137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</row>
    <row r="4" spans="2:101" ht="21" customHeight="1" x14ac:dyDescent="0.2">
      <c r="B4" s="479"/>
      <c r="C4" s="465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65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67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93" t="s">
        <v>61</v>
      </c>
      <c r="AV4" s="491"/>
      <c r="AW4" s="492"/>
      <c r="AX4" s="490" t="s">
        <v>62</v>
      </c>
      <c r="AY4" s="491"/>
      <c r="AZ4" s="491"/>
      <c r="BA4" s="491"/>
      <c r="BB4" s="491"/>
      <c r="BC4" s="491"/>
      <c r="BD4" s="492"/>
      <c r="BE4" s="494" t="s">
        <v>52</v>
      </c>
      <c r="BF4" s="493" t="s">
        <v>61</v>
      </c>
      <c r="BG4" s="491"/>
      <c r="BH4" s="492"/>
      <c r="BI4" s="490" t="s">
        <v>62</v>
      </c>
      <c r="BJ4" s="491"/>
      <c r="BK4" s="491"/>
      <c r="BL4" s="491"/>
      <c r="BM4" s="491"/>
      <c r="BN4" s="491"/>
      <c r="BO4" s="492"/>
      <c r="BP4" s="494" t="s">
        <v>52</v>
      </c>
      <c r="BQ4" s="493" t="s">
        <v>61</v>
      </c>
      <c r="BR4" s="491"/>
      <c r="BS4" s="492"/>
      <c r="BT4" s="490" t="s">
        <v>62</v>
      </c>
      <c r="BU4" s="491"/>
      <c r="BV4" s="491"/>
      <c r="BW4" s="491"/>
      <c r="BX4" s="491"/>
      <c r="BY4" s="491"/>
      <c r="BZ4" s="492"/>
      <c r="CA4" s="494" t="s">
        <v>52</v>
      </c>
      <c r="CB4" s="493" t="s">
        <v>61</v>
      </c>
      <c r="CC4" s="491"/>
      <c r="CD4" s="492"/>
      <c r="CE4" s="490" t="s">
        <v>62</v>
      </c>
      <c r="CF4" s="491"/>
      <c r="CG4" s="491"/>
      <c r="CH4" s="491"/>
      <c r="CI4" s="491"/>
      <c r="CJ4" s="491"/>
      <c r="CK4" s="492"/>
      <c r="CL4" s="494" t="s">
        <v>52</v>
      </c>
      <c r="CM4" s="493" t="s">
        <v>61</v>
      </c>
      <c r="CN4" s="491"/>
      <c r="CO4" s="492"/>
      <c r="CP4" s="490" t="s">
        <v>62</v>
      </c>
      <c r="CQ4" s="491"/>
      <c r="CR4" s="491"/>
      <c r="CS4" s="491"/>
      <c r="CT4" s="491"/>
      <c r="CU4" s="491"/>
      <c r="CV4" s="492"/>
      <c r="CW4" s="494" t="s">
        <v>52</v>
      </c>
    </row>
    <row r="5" spans="2:101" ht="30" customHeight="1" thickBot="1" x14ac:dyDescent="0.25">
      <c r="B5" s="480"/>
      <c r="C5" s="177" t="s">
        <v>43</v>
      </c>
      <c r="D5" s="182" t="s">
        <v>44</v>
      </c>
      <c r="E5" s="205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177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2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2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2" t="s">
        <v>45</v>
      </c>
      <c r="BE5" s="495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95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95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95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95"/>
    </row>
    <row r="6" spans="2:101" ht="21" customHeight="1" x14ac:dyDescent="0.2">
      <c r="B6" s="84" t="s">
        <v>4</v>
      </c>
      <c r="C6" s="183">
        <v>0</v>
      </c>
      <c r="D6" s="189">
        <v>0</v>
      </c>
      <c r="E6" s="206">
        <v>0</v>
      </c>
      <c r="F6" s="186">
        <v>0</v>
      </c>
      <c r="G6" s="184">
        <v>17</v>
      </c>
      <c r="H6" s="184">
        <v>38</v>
      </c>
      <c r="I6" s="184">
        <v>23</v>
      </c>
      <c r="J6" s="184">
        <v>26</v>
      </c>
      <c r="K6" s="184">
        <v>20</v>
      </c>
      <c r="L6" s="187">
        <v>124</v>
      </c>
      <c r="M6" s="188">
        <v>124</v>
      </c>
      <c r="N6" s="183">
        <v>0</v>
      </c>
      <c r="O6" s="184">
        <v>0</v>
      </c>
      <c r="P6" s="189">
        <v>0</v>
      </c>
      <c r="Q6" s="186">
        <v>0</v>
      </c>
      <c r="R6" s="184">
        <v>14</v>
      </c>
      <c r="S6" s="184">
        <v>38</v>
      </c>
      <c r="T6" s="184">
        <v>22</v>
      </c>
      <c r="U6" s="184">
        <v>28</v>
      </c>
      <c r="V6" s="184">
        <v>30</v>
      </c>
      <c r="W6" s="189">
        <v>132</v>
      </c>
      <c r="X6" s="188">
        <v>132</v>
      </c>
      <c r="Y6" s="183">
        <v>0</v>
      </c>
      <c r="Z6" s="184">
        <v>0</v>
      </c>
      <c r="AA6" s="189">
        <v>0</v>
      </c>
      <c r="AB6" s="186">
        <v>0</v>
      </c>
      <c r="AC6" s="184">
        <v>930</v>
      </c>
      <c r="AD6" s="184">
        <v>789</v>
      </c>
      <c r="AE6" s="184">
        <v>340</v>
      </c>
      <c r="AF6" s="184">
        <v>162</v>
      </c>
      <c r="AG6" s="184">
        <v>51</v>
      </c>
      <c r="AH6" s="189">
        <v>2272</v>
      </c>
      <c r="AI6" s="188">
        <v>2272</v>
      </c>
      <c r="AJ6" s="183">
        <v>1</v>
      </c>
      <c r="AK6" s="184">
        <v>0</v>
      </c>
      <c r="AL6" s="189">
        <v>1</v>
      </c>
      <c r="AM6" s="186">
        <v>0</v>
      </c>
      <c r="AN6" s="184">
        <v>46</v>
      </c>
      <c r="AO6" s="184">
        <v>65</v>
      </c>
      <c r="AP6" s="184">
        <v>58</v>
      </c>
      <c r="AQ6" s="184">
        <v>26</v>
      </c>
      <c r="AR6" s="184">
        <v>31</v>
      </c>
      <c r="AS6" s="189">
        <v>226</v>
      </c>
      <c r="AT6" s="188">
        <v>227</v>
      </c>
      <c r="AU6" s="183">
        <v>7</v>
      </c>
      <c r="AV6" s="184">
        <v>20</v>
      </c>
      <c r="AW6" s="189">
        <v>27</v>
      </c>
      <c r="AX6" s="186">
        <v>0</v>
      </c>
      <c r="AY6" s="184">
        <v>68</v>
      </c>
      <c r="AZ6" s="184">
        <v>58</v>
      </c>
      <c r="BA6" s="184">
        <v>70</v>
      </c>
      <c r="BB6" s="184">
        <v>35</v>
      </c>
      <c r="BC6" s="184">
        <v>22</v>
      </c>
      <c r="BD6" s="189">
        <v>253</v>
      </c>
      <c r="BE6" s="188">
        <v>280</v>
      </c>
      <c r="BF6" s="183">
        <v>0</v>
      </c>
      <c r="BG6" s="184">
        <v>0</v>
      </c>
      <c r="BH6" s="189">
        <v>0</v>
      </c>
      <c r="BI6" s="186">
        <v>0</v>
      </c>
      <c r="BJ6" s="184">
        <v>78</v>
      </c>
      <c r="BK6" s="184">
        <v>118</v>
      </c>
      <c r="BL6" s="184">
        <v>143</v>
      </c>
      <c r="BM6" s="184">
        <v>79</v>
      </c>
      <c r="BN6" s="184">
        <v>76</v>
      </c>
      <c r="BO6" s="187">
        <v>494</v>
      </c>
      <c r="BP6" s="188">
        <v>494</v>
      </c>
      <c r="BQ6" s="183">
        <v>0</v>
      </c>
      <c r="BR6" s="184">
        <v>0</v>
      </c>
      <c r="BS6" s="189">
        <v>0</v>
      </c>
      <c r="BT6" s="186">
        <v>0</v>
      </c>
      <c r="BU6" s="184">
        <v>1</v>
      </c>
      <c r="BV6" s="184">
        <v>3</v>
      </c>
      <c r="BW6" s="184">
        <v>9</v>
      </c>
      <c r="BX6" s="184">
        <v>4</v>
      </c>
      <c r="BY6" s="184">
        <v>7</v>
      </c>
      <c r="BZ6" s="189">
        <v>24</v>
      </c>
      <c r="CA6" s="188">
        <v>24</v>
      </c>
      <c r="CB6" s="183">
        <v>0</v>
      </c>
      <c r="CC6" s="184">
        <v>0</v>
      </c>
      <c r="CD6" s="189">
        <v>0</v>
      </c>
      <c r="CE6" s="186">
        <v>0</v>
      </c>
      <c r="CF6" s="184">
        <v>0</v>
      </c>
      <c r="CG6" s="184">
        <v>1</v>
      </c>
      <c r="CH6" s="184">
        <v>10</v>
      </c>
      <c r="CI6" s="184">
        <v>23</v>
      </c>
      <c r="CJ6" s="184">
        <v>3</v>
      </c>
      <c r="CK6" s="189">
        <v>37</v>
      </c>
      <c r="CL6" s="188">
        <v>37</v>
      </c>
      <c r="CM6" s="183">
        <v>0</v>
      </c>
      <c r="CN6" s="184">
        <v>0</v>
      </c>
      <c r="CO6" s="189">
        <v>0</v>
      </c>
      <c r="CP6" s="186">
        <v>0</v>
      </c>
      <c r="CQ6" s="184">
        <v>15</v>
      </c>
      <c r="CR6" s="184">
        <v>18</v>
      </c>
      <c r="CS6" s="184">
        <v>16</v>
      </c>
      <c r="CT6" s="184">
        <v>29</v>
      </c>
      <c r="CU6" s="184">
        <v>29</v>
      </c>
      <c r="CV6" s="189">
        <v>107</v>
      </c>
      <c r="CW6" s="188">
        <v>107</v>
      </c>
    </row>
    <row r="7" spans="2:101" ht="21" customHeight="1" x14ac:dyDescent="0.2">
      <c r="B7" s="95" t="s">
        <v>5</v>
      </c>
      <c r="C7" s="190">
        <v>0</v>
      </c>
      <c r="D7" s="196">
        <v>0</v>
      </c>
      <c r="E7" s="207">
        <v>0</v>
      </c>
      <c r="F7" s="193">
        <v>0</v>
      </c>
      <c r="G7" s="191">
        <v>7</v>
      </c>
      <c r="H7" s="191">
        <v>14</v>
      </c>
      <c r="I7" s="191">
        <v>13</v>
      </c>
      <c r="J7" s="191">
        <v>13</v>
      </c>
      <c r="K7" s="191">
        <v>10</v>
      </c>
      <c r="L7" s="194">
        <v>57</v>
      </c>
      <c r="M7" s="195">
        <v>57</v>
      </c>
      <c r="N7" s="190">
        <v>0</v>
      </c>
      <c r="O7" s="191">
        <v>0</v>
      </c>
      <c r="P7" s="196">
        <v>0</v>
      </c>
      <c r="Q7" s="193">
        <v>0</v>
      </c>
      <c r="R7" s="191">
        <v>8</v>
      </c>
      <c r="S7" s="191">
        <v>27</v>
      </c>
      <c r="T7" s="191">
        <v>17</v>
      </c>
      <c r="U7" s="191">
        <v>23</v>
      </c>
      <c r="V7" s="191">
        <v>22</v>
      </c>
      <c r="W7" s="196">
        <v>97</v>
      </c>
      <c r="X7" s="195">
        <v>97</v>
      </c>
      <c r="Y7" s="190">
        <v>0</v>
      </c>
      <c r="Z7" s="191">
        <v>0</v>
      </c>
      <c r="AA7" s="196">
        <v>0</v>
      </c>
      <c r="AB7" s="193">
        <v>0</v>
      </c>
      <c r="AC7" s="191">
        <v>387</v>
      </c>
      <c r="AD7" s="191">
        <v>418</v>
      </c>
      <c r="AE7" s="191">
        <v>181</v>
      </c>
      <c r="AF7" s="191">
        <v>78</v>
      </c>
      <c r="AG7" s="191">
        <v>19</v>
      </c>
      <c r="AH7" s="196">
        <v>1083</v>
      </c>
      <c r="AI7" s="195">
        <v>1083</v>
      </c>
      <c r="AJ7" s="190">
        <v>0</v>
      </c>
      <c r="AK7" s="191">
        <v>0</v>
      </c>
      <c r="AL7" s="196">
        <v>0</v>
      </c>
      <c r="AM7" s="193">
        <v>0</v>
      </c>
      <c r="AN7" s="191">
        <v>21</v>
      </c>
      <c r="AO7" s="191">
        <v>32</v>
      </c>
      <c r="AP7" s="191">
        <v>28</v>
      </c>
      <c r="AQ7" s="191">
        <v>12</v>
      </c>
      <c r="AR7" s="191">
        <v>21</v>
      </c>
      <c r="AS7" s="196">
        <v>114</v>
      </c>
      <c r="AT7" s="195">
        <v>114</v>
      </c>
      <c r="AU7" s="190">
        <v>2</v>
      </c>
      <c r="AV7" s="191">
        <v>10</v>
      </c>
      <c r="AW7" s="196">
        <v>12</v>
      </c>
      <c r="AX7" s="193">
        <v>0</v>
      </c>
      <c r="AY7" s="191">
        <v>29</v>
      </c>
      <c r="AZ7" s="191">
        <v>24</v>
      </c>
      <c r="BA7" s="191">
        <v>38</v>
      </c>
      <c r="BB7" s="191">
        <v>22</v>
      </c>
      <c r="BC7" s="191">
        <v>10</v>
      </c>
      <c r="BD7" s="196">
        <v>123</v>
      </c>
      <c r="BE7" s="195">
        <v>135</v>
      </c>
      <c r="BF7" s="190">
        <v>0</v>
      </c>
      <c r="BG7" s="191">
        <v>0</v>
      </c>
      <c r="BH7" s="196">
        <v>0</v>
      </c>
      <c r="BI7" s="193">
        <v>0</v>
      </c>
      <c r="BJ7" s="191">
        <v>33</v>
      </c>
      <c r="BK7" s="191">
        <v>49</v>
      </c>
      <c r="BL7" s="191">
        <v>53</v>
      </c>
      <c r="BM7" s="191">
        <v>31</v>
      </c>
      <c r="BN7" s="191">
        <v>34</v>
      </c>
      <c r="BO7" s="194">
        <v>200</v>
      </c>
      <c r="BP7" s="195">
        <v>200</v>
      </c>
      <c r="BQ7" s="190">
        <v>0</v>
      </c>
      <c r="BR7" s="191">
        <v>0</v>
      </c>
      <c r="BS7" s="196">
        <v>0</v>
      </c>
      <c r="BT7" s="193">
        <v>0</v>
      </c>
      <c r="BU7" s="191">
        <v>0</v>
      </c>
      <c r="BV7" s="191">
        <v>0</v>
      </c>
      <c r="BW7" s="191">
        <v>0</v>
      </c>
      <c r="BX7" s="191">
        <v>0</v>
      </c>
      <c r="BY7" s="191">
        <v>0</v>
      </c>
      <c r="BZ7" s="196">
        <v>0</v>
      </c>
      <c r="CA7" s="195">
        <v>0</v>
      </c>
      <c r="CB7" s="190">
        <v>0</v>
      </c>
      <c r="CC7" s="191">
        <v>0</v>
      </c>
      <c r="CD7" s="196">
        <v>0</v>
      </c>
      <c r="CE7" s="193">
        <v>0</v>
      </c>
      <c r="CF7" s="191">
        <v>0</v>
      </c>
      <c r="CG7" s="191">
        <v>0</v>
      </c>
      <c r="CH7" s="191">
        <v>0</v>
      </c>
      <c r="CI7" s="191">
        <v>1</v>
      </c>
      <c r="CJ7" s="191">
        <v>0</v>
      </c>
      <c r="CK7" s="196">
        <v>1</v>
      </c>
      <c r="CL7" s="195">
        <v>1</v>
      </c>
      <c r="CM7" s="190">
        <v>0</v>
      </c>
      <c r="CN7" s="191">
        <v>0</v>
      </c>
      <c r="CO7" s="196">
        <v>0</v>
      </c>
      <c r="CP7" s="193">
        <v>0</v>
      </c>
      <c r="CQ7" s="191">
        <v>2</v>
      </c>
      <c r="CR7" s="191">
        <v>4</v>
      </c>
      <c r="CS7" s="191">
        <v>2</v>
      </c>
      <c r="CT7" s="191">
        <v>7</v>
      </c>
      <c r="CU7" s="191">
        <v>12</v>
      </c>
      <c r="CV7" s="196">
        <v>27</v>
      </c>
      <c r="CW7" s="195">
        <v>27</v>
      </c>
    </row>
    <row r="8" spans="2:101" ht="21" customHeight="1" x14ac:dyDescent="0.2">
      <c r="B8" s="106" t="s">
        <v>6</v>
      </c>
      <c r="C8" s="190">
        <v>0</v>
      </c>
      <c r="D8" s="196">
        <v>0</v>
      </c>
      <c r="E8" s="207">
        <v>0</v>
      </c>
      <c r="F8" s="193">
        <v>0</v>
      </c>
      <c r="G8" s="191">
        <v>7</v>
      </c>
      <c r="H8" s="191">
        <v>11</v>
      </c>
      <c r="I8" s="191">
        <v>5</v>
      </c>
      <c r="J8" s="191">
        <v>8</v>
      </c>
      <c r="K8" s="191">
        <v>6</v>
      </c>
      <c r="L8" s="194">
        <v>37</v>
      </c>
      <c r="M8" s="195">
        <v>37</v>
      </c>
      <c r="N8" s="190">
        <v>0</v>
      </c>
      <c r="O8" s="191">
        <v>0</v>
      </c>
      <c r="P8" s="196">
        <v>0</v>
      </c>
      <c r="Q8" s="193">
        <v>0</v>
      </c>
      <c r="R8" s="191">
        <v>5</v>
      </c>
      <c r="S8" s="191">
        <v>9</v>
      </c>
      <c r="T8" s="191">
        <v>5</v>
      </c>
      <c r="U8" s="191">
        <v>3</v>
      </c>
      <c r="V8" s="191">
        <v>8</v>
      </c>
      <c r="W8" s="196">
        <v>30</v>
      </c>
      <c r="X8" s="195">
        <v>30</v>
      </c>
      <c r="Y8" s="190">
        <v>0</v>
      </c>
      <c r="Z8" s="191">
        <v>0</v>
      </c>
      <c r="AA8" s="196">
        <v>0</v>
      </c>
      <c r="AB8" s="193">
        <v>0</v>
      </c>
      <c r="AC8" s="191">
        <v>142</v>
      </c>
      <c r="AD8" s="191">
        <v>97</v>
      </c>
      <c r="AE8" s="191">
        <v>45</v>
      </c>
      <c r="AF8" s="191">
        <v>37</v>
      </c>
      <c r="AG8" s="191">
        <v>9</v>
      </c>
      <c r="AH8" s="196">
        <v>330</v>
      </c>
      <c r="AI8" s="195">
        <v>330</v>
      </c>
      <c r="AJ8" s="190">
        <v>0</v>
      </c>
      <c r="AK8" s="191">
        <v>0</v>
      </c>
      <c r="AL8" s="196">
        <v>0</v>
      </c>
      <c r="AM8" s="193">
        <v>0</v>
      </c>
      <c r="AN8" s="191">
        <v>9</v>
      </c>
      <c r="AO8" s="191">
        <v>16</v>
      </c>
      <c r="AP8" s="191">
        <v>17</v>
      </c>
      <c r="AQ8" s="191">
        <v>9</v>
      </c>
      <c r="AR8" s="191">
        <v>8</v>
      </c>
      <c r="AS8" s="196">
        <v>59</v>
      </c>
      <c r="AT8" s="195">
        <v>59</v>
      </c>
      <c r="AU8" s="190">
        <v>0</v>
      </c>
      <c r="AV8" s="191">
        <v>4</v>
      </c>
      <c r="AW8" s="196">
        <v>4</v>
      </c>
      <c r="AX8" s="193">
        <v>0</v>
      </c>
      <c r="AY8" s="191">
        <v>10</v>
      </c>
      <c r="AZ8" s="191">
        <v>8</v>
      </c>
      <c r="BA8" s="191">
        <v>8</v>
      </c>
      <c r="BB8" s="191">
        <v>4</v>
      </c>
      <c r="BC8" s="191">
        <v>2</v>
      </c>
      <c r="BD8" s="196">
        <v>32</v>
      </c>
      <c r="BE8" s="195">
        <v>36</v>
      </c>
      <c r="BF8" s="190">
        <v>0</v>
      </c>
      <c r="BG8" s="191">
        <v>0</v>
      </c>
      <c r="BH8" s="196">
        <v>0</v>
      </c>
      <c r="BI8" s="193">
        <v>0</v>
      </c>
      <c r="BJ8" s="191">
        <v>14</v>
      </c>
      <c r="BK8" s="191">
        <v>25</v>
      </c>
      <c r="BL8" s="191">
        <v>29</v>
      </c>
      <c r="BM8" s="191">
        <v>18</v>
      </c>
      <c r="BN8" s="191">
        <v>14</v>
      </c>
      <c r="BO8" s="194">
        <v>100</v>
      </c>
      <c r="BP8" s="195">
        <v>100</v>
      </c>
      <c r="BQ8" s="190">
        <v>0</v>
      </c>
      <c r="BR8" s="191">
        <v>0</v>
      </c>
      <c r="BS8" s="196">
        <v>0</v>
      </c>
      <c r="BT8" s="193">
        <v>0</v>
      </c>
      <c r="BU8" s="191">
        <v>0</v>
      </c>
      <c r="BV8" s="191">
        <v>0</v>
      </c>
      <c r="BW8" s="191">
        <v>0</v>
      </c>
      <c r="BX8" s="191">
        <v>0</v>
      </c>
      <c r="BY8" s="191">
        <v>0</v>
      </c>
      <c r="BZ8" s="196">
        <v>0</v>
      </c>
      <c r="CA8" s="195">
        <v>0</v>
      </c>
      <c r="CB8" s="190">
        <v>0</v>
      </c>
      <c r="CC8" s="191">
        <v>0</v>
      </c>
      <c r="CD8" s="196">
        <v>0</v>
      </c>
      <c r="CE8" s="193">
        <v>0</v>
      </c>
      <c r="CF8" s="191">
        <v>0</v>
      </c>
      <c r="CG8" s="191">
        <v>1</v>
      </c>
      <c r="CH8" s="191">
        <v>5</v>
      </c>
      <c r="CI8" s="191">
        <v>8</v>
      </c>
      <c r="CJ8" s="191">
        <v>2</v>
      </c>
      <c r="CK8" s="196">
        <v>16</v>
      </c>
      <c r="CL8" s="195">
        <v>16</v>
      </c>
      <c r="CM8" s="190">
        <v>0</v>
      </c>
      <c r="CN8" s="191">
        <v>0</v>
      </c>
      <c r="CO8" s="196">
        <v>0</v>
      </c>
      <c r="CP8" s="193">
        <v>0</v>
      </c>
      <c r="CQ8" s="191">
        <v>5</v>
      </c>
      <c r="CR8" s="191">
        <v>6</v>
      </c>
      <c r="CS8" s="191">
        <v>8</v>
      </c>
      <c r="CT8" s="191">
        <v>9</v>
      </c>
      <c r="CU8" s="191">
        <v>12</v>
      </c>
      <c r="CV8" s="196">
        <v>40</v>
      </c>
      <c r="CW8" s="195">
        <v>40</v>
      </c>
    </row>
    <row r="9" spans="2:101" ht="21" customHeight="1" x14ac:dyDescent="0.2">
      <c r="B9" s="106" t="s">
        <v>14</v>
      </c>
      <c r="C9" s="190">
        <v>0</v>
      </c>
      <c r="D9" s="196">
        <v>0</v>
      </c>
      <c r="E9" s="207">
        <v>0</v>
      </c>
      <c r="F9" s="193">
        <v>0</v>
      </c>
      <c r="G9" s="191">
        <v>0</v>
      </c>
      <c r="H9" s="191">
        <v>3</v>
      </c>
      <c r="I9" s="191">
        <v>1</v>
      </c>
      <c r="J9" s="191">
        <v>0</v>
      </c>
      <c r="K9" s="191">
        <v>1</v>
      </c>
      <c r="L9" s="194">
        <v>5</v>
      </c>
      <c r="M9" s="195">
        <v>5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0</v>
      </c>
      <c r="T9" s="191">
        <v>0</v>
      </c>
      <c r="U9" s="191">
        <v>0</v>
      </c>
      <c r="V9" s="191">
        <v>0</v>
      </c>
      <c r="W9" s="196">
        <v>0</v>
      </c>
      <c r="X9" s="195">
        <v>0</v>
      </c>
      <c r="Y9" s="190">
        <v>0</v>
      </c>
      <c r="Z9" s="191">
        <v>0</v>
      </c>
      <c r="AA9" s="196">
        <v>0</v>
      </c>
      <c r="AB9" s="193">
        <v>0</v>
      </c>
      <c r="AC9" s="191">
        <v>57</v>
      </c>
      <c r="AD9" s="191">
        <v>61</v>
      </c>
      <c r="AE9" s="191">
        <v>25</v>
      </c>
      <c r="AF9" s="191">
        <v>7</v>
      </c>
      <c r="AG9" s="191">
        <v>8</v>
      </c>
      <c r="AH9" s="196">
        <v>158</v>
      </c>
      <c r="AI9" s="195">
        <v>158</v>
      </c>
      <c r="AJ9" s="190">
        <v>0</v>
      </c>
      <c r="AK9" s="191">
        <v>0</v>
      </c>
      <c r="AL9" s="196">
        <v>0</v>
      </c>
      <c r="AM9" s="193">
        <v>0</v>
      </c>
      <c r="AN9" s="191">
        <v>0</v>
      </c>
      <c r="AO9" s="191">
        <v>2</v>
      </c>
      <c r="AP9" s="191">
        <v>0</v>
      </c>
      <c r="AQ9" s="191">
        <v>1</v>
      </c>
      <c r="AR9" s="191">
        <v>0</v>
      </c>
      <c r="AS9" s="196">
        <v>3</v>
      </c>
      <c r="AT9" s="195">
        <v>3</v>
      </c>
      <c r="AU9" s="190">
        <v>2</v>
      </c>
      <c r="AV9" s="191">
        <v>1</v>
      </c>
      <c r="AW9" s="196">
        <v>3</v>
      </c>
      <c r="AX9" s="193">
        <v>0</v>
      </c>
      <c r="AY9" s="191">
        <v>2</v>
      </c>
      <c r="AZ9" s="191">
        <v>6</v>
      </c>
      <c r="BA9" s="191">
        <v>6</v>
      </c>
      <c r="BB9" s="191">
        <v>0</v>
      </c>
      <c r="BC9" s="191">
        <v>1</v>
      </c>
      <c r="BD9" s="196">
        <v>15</v>
      </c>
      <c r="BE9" s="195">
        <v>18</v>
      </c>
      <c r="BF9" s="190">
        <v>0</v>
      </c>
      <c r="BG9" s="191">
        <v>0</v>
      </c>
      <c r="BH9" s="196">
        <v>0</v>
      </c>
      <c r="BI9" s="193">
        <v>0</v>
      </c>
      <c r="BJ9" s="191">
        <v>7</v>
      </c>
      <c r="BK9" s="191">
        <v>7</v>
      </c>
      <c r="BL9" s="191">
        <v>12</v>
      </c>
      <c r="BM9" s="191">
        <v>6</v>
      </c>
      <c r="BN9" s="191">
        <v>6</v>
      </c>
      <c r="BO9" s="194">
        <v>38</v>
      </c>
      <c r="BP9" s="195">
        <v>38</v>
      </c>
      <c r="BQ9" s="190">
        <v>0</v>
      </c>
      <c r="BR9" s="191">
        <v>0</v>
      </c>
      <c r="BS9" s="196">
        <v>0</v>
      </c>
      <c r="BT9" s="193">
        <v>0</v>
      </c>
      <c r="BU9" s="191">
        <v>0</v>
      </c>
      <c r="BV9" s="191">
        <v>0</v>
      </c>
      <c r="BW9" s="191">
        <v>0</v>
      </c>
      <c r="BX9" s="191">
        <v>0</v>
      </c>
      <c r="BY9" s="191">
        <v>0</v>
      </c>
      <c r="BZ9" s="196">
        <v>0</v>
      </c>
      <c r="CA9" s="195">
        <v>0</v>
      </c>
      <c r="CB9" s="190">
        <v>0</v>
      </c>
      <c r="CC9" s="191">
        <v>0</v>
      </c>
      <c r="CD9" s="196">
        <v>0</v>
      </c>
      <c r="CE9" s="193">
        <v>0</v>
      </c>
      <c r="CF9" s="191">
        <v>0</v>
      </c>
      <c r="CG9" s="191">
        <v>0</v>
      </c>
      <c r="CH9" s="191">
        <v>0</v>
      </c>
      <c r="CI9" s="191">
        <v>4</v>
      </c>
      <c r="CJ9" s="191">
        <v>0</v>
      </c>
      <c r="CK9" s="196">
        <v>4</v>
      </c>
      <c r="CL9" s="195">
        <v>4</v>
      </c>
      <c r="CM9" s="190">
        <v>0</v>
      </c>
      <c r="CN9" s="191">
        <v>0</v>
      </c>
      <c r="CO9" s="196">
        <v>0</v>
      </c>
      <c r="CP9" s="193">
        <v>0</v>
      </c>
      <c r="CQ9" s="191">
        <v>2</v>
      </c>
      <c r="CR9" s="191">
        <v>2</v>
      </c>
      <c r="CS9" s="191">
        <v>1</v>
      </c>
      <c r="CT9" s="191">
        <v>4</v>
      </c>
      <c r="CU9" s="191">
        <v>1</v>
      </c>
      <c r="CV9" s="196">
        <v>10</v>
      </c>
      <c r="CW9" s="195">
        <v>10</v>
      </c>
    </row>
    <row r="10" spans="2:101" ht="21" customHeight="1" x14ac:dyDescent="0.2">
      <c r="B10" s="106" t="s">
        <v>7</v>
      </c>
      <c r="C10" s="190">
        <v>0</v>
      </c>
      <c r="D10" s="196">
        <v>0</v>
      </c>
      <c r="E10" s="207">
        <v>0</v>
      </c>
      <c r="F10" s="193">
        <v>0</v>
      </c>
      <c r="G10" s="191">
        <v>0</v>
      </c>
      <c r="H10" s="191">
        <v>1</v>
      </c>
      <c r="I10" s="191">
        <v>0</v>
      </c>
      <c r="J10" s="191">
        <v>0</v>
      </c>
      <c r="K10" s="191">
        <v>0</v>
      </c>
      <c r="L10" s="194">
        <v>1</v>
      </c>
      <c r="M10" s="195">
        <v>1</v>
      </c>
      <c r="N10" s="190">
        <v>0</v>
      </c>
      <c r="O10" s="191">
        <v>0</v>
      </c>
      <c r="P10" s="196">
        <v>0</v>
      </c>
      <c r="Q10" s="193">
        <v>0</v>
      </c>
      <c r="R10" s="191">
        <v>0</v>
      </c>
      <c r="S10" s="191">
        <v>0</v>
      </c>
      <c r="T10" s="191">
        <v>0</v>
      </c>
      <c r="U10" s="191">
        <v>0</v>
      </c>
      <c r="V10" s="191">
        <v>0</v>
      </c>
      <c r="W10" s="196">
        <v>0</v>
      </c>
      <c r="X10" s="195">
        <v>0</v>
      </c>
      <c r="Y10" s="190">
        <v>0</v>
      </c>
      <c r="Z10" s="191">
        <v>0</v>
      </c>
      <c r="AA10" s="196">
        <v>0</v>
      </c>
      <c r="AB10" s="193">
        <v>0</v>
      </c>
      <c r="AC10" s="191">
        <v>48</v>
      </c>
      <c r="AD10" s="191">
        <v>21</v>
      </c>
      <c r="AE10" s="191">
        <v>10</v>
      </c>
      <c r="AF10" s="191">
        <v>3</v>
      </c>
      <c r="AG10" s="191">
        <v>0</v>
      </c>
      <c r="AH10" s="196">
        <v>82</v>
      </c>
      <c r="AI10" s="195">
        <v>82</v>
      </c>
      <c r="AJ10" s="190">
        <v>0</v>
      </c>
      <c r="AK10" s="191">
        <v>0</v>
      </c>
      <c r="AL10" s="196">
        <v>0</v>
      </c>
      <c r="AM10" s="193">
        <v>0</v>
      </c>
      <c r="AN10" s="191">
        <v>3</v>
      </c>
      <c r="AO10" s="191">
        <v>3</v>
      </c>
      <c r="AP10" s="191">
        <v>5</v>
      </c>
      <c r="AQ10" s="191">
        <v>1</v>
      </c>
      <c r="AR10" s="191">
        <v>0</v>
      </c>
      <c r="AS10" s="196">
        <v>12</v>
      </c>
      <c r="AT10" s="195">
        <v>12</v>
      </c>
      <c r="AU10" s="190">
        <v>0</v>
      </c>
      <c r="AV10" s="191">
        <v>0</v>
      </c>
      <c r="AW10" s="196">
        <v>0</v>
      </c>
      <c r="AX10" s="193">
        <v>0</v>
      </c>
      <c r="AY10" s="191">
        <v>2</v>
      </c>
      <c r="AZ10" s="191">
        <v>1</v>
      </c>
      <c r="BA10" s="191">
        <v>1</v>
      </c>
      <c r="BB10" s="191">
        <v>0</v>
      </c>
      <c r="BC10" s="191">
        <v>0</v>
      </c>
      <c r="BD10" s="196">
        <v>4</v>
      </c>
      <c r="BE10" s="195">
        <v>4</v>
      </c>
      <c r="BF10" s="190">
        <v>0</v>
      </c>
      <c r="BG10" s="191">
        <v>0</v>
      </c>
      <c r="BH10" s="196">
        <v>0</v>
      </c>
      <c r="BI10" s="193">
        <v>0</v>
      </c>
      <c r="BJ10" s="191">
        <v>3</v>
      </c>
      <c r="BK10" s="191">
        <v>5</v>
      </c>
      <c r="BL10" s="191">
        <v>4</v>
      </c>
      <c r="BM10" s="191">
        <v>3</v>
      </c>
      <c r="BN10" s="191">
        <v>3</v>
      </c>
      <c r="BO10" s="194">
        <v>18</v>
      </c>
      <c r="BP10" s="195">
        <v>18</v>
      </c>
      <c r="BQ10" s="190">
        <v>0</v>
      </c>
      <c r="BR10" s="191">
        <v>0</v>
      </c>
      <c r="BS10" s="196">
        <v>0</v>
      </c>
      <c r="BT10" s="193">
        <v>0</v>
      </c>
      <c r="BU10" s="191">
        <v>0</v>
      </c>
      <c r="BV10" s="191">
        <v>0</v>
      </c>
      <c r="BW10" s="191">
        <v>0</v>
      </c>
      <c r="BX10" s="191">
        <v>0</v>
      </c>
      <c r="BY10" s="191">
        <v>0</v>
      </c>
      <c r="BZ10" s="196">
        <v>0</v>
      </c>
      <c r="CA10" s="195">
        <v>0</v>
      </c>
      <c r="CB10" s="190">
        <v>0</v>
      </c>
      <c r="CC10" s="191">
        <v>0</v>
      </c>
      <c r="CD10" s="196">
        <v>0</v>
      </c>
      <c r="CE10" s="193">
        <v>0</v>
      </c>
      <c r="CF10" s="191">
        <v>0</v>
      </c>
      <c r="CG10" s="191">
        <v>0</v>
      </c>
      <c r="CH10" s="191">
        <v>0</v>
      </c>
      <c r="CI10" s="191">
        <v>0</v>
      </c>
      <c r="CJ10" s="191">
        <v>0</v>
      </c>
      <c r="CK10" s="196">
        <v>0</v>
      </c>
      <c r="CL10" s="195">
        <v>0</v>
      </c>
      <c r="CM10" s="190">
        <v>0</v>
      </c>
      <c r="CN10" s="191">
        <v>0</v>
      </c>
      <c r="CO10" s="196">
        <v>0</v>
      </c>
      <c r="CP10" s="193">
        <v>0</v>
      </c>
      <c r="CQ10" s="191">
        <v>1</v>
      </c>
      <c r="CR10" s="191">
        <v>1</v>
      </c>
      <c r="CS10" s="191">
        <v>0</v>
      </c>
      <c r="CT10" s="191">
        <v>0</v>
      </c>
      <c r="CU10" s="191">
        <v>0</v>
      </c>
      <c r="CV10" s="196">
        <v>2</v>
      </c>
      <c r="CW10" s="195">
        <v>2</v>
      </c>
    </row>
    <row r="11" spans="2:101" ht="21" customHeight="1" x14ac:dyDescent="0.2">
      <c r="B11" s="106" t="s">
        <v>8</v>
      </c>
      <c r="C11" s="190">
        <v>0</v>
      </c>
      <c r="D11" s="196">
        <v>0</v>
      </c>
      <c r="E11" s="207">
        <v>0</v>
      </c>
      <c r="F11" s="193">
        <v>0</v>
      </c>
      <c r="G11" s="191">
        <v>0</v>
      </c>
      <c r="H11" s="191">
        <v>0</v>
      </c>
      <c r="I11" s="191">
        <v>0</v>
      </c>
      <c r="J11" s="191">
        <v>0</v>
      </c>
      <c r="K11" s="191">
        <v>0</v>
      </c>
      <c r="L11" s="194">
        <v>0</v>
      </c>
      <c r="M11" s="195">
        <v>0</v>
      </c>
      <c r="N11" s="190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0</v>
      </c>
      <c r="T11" s="191">
        <v>0</v>
      </c>
      <c r="U11" s="191">
        <v>0</v>
      </c>
      <c r="V11" s="191">
        <v>0</v>
      </c>
      <c r="W11" s="196">
        <v>0</v>
      </c>
      <c r="X11" s="195">
        <v>0</v>
      </c>
      <c r="Y11" s="190">
        <v>0</v>
      </c>
      <c r="Z11" s="191">
        <v>0</v>
      </c>
      <c r="AA11" s="196">
        <v>0</v>
      </c>
      <c r="AB11" s="193">
        <v>0</v>
      </c>
      <c r="AC11" s="191">
        <v>35</v>
      </c>
      <c r="AD11" s="191">
        <v>28</v>
      </c>
      <c r="AE11" s="191">
        <v>10</v>
      </c>
      <c r="AF11" s="191">
        <v>4</v>
      </c>
      <c r="AG11" s="191">
        <v>0</v>
      </c>
      <c r="AH11" s="196">
        <v>77</v>
      </c>
      <c r="AI11" s="195">
        <v>77</v>
      </c>
      <c r="AJ11" s="190">
        <v>0</v>
      </c>
      <c r="AK11" s="191">
        <v>0</v>
      </c>
      <c r="AL11" s="196">
        <v>0</v>
      </c>
      <c r="AM11" s="193">
        <v>0</v>
      </c>
      <c r="AN11" s="191">
        <v>0</v>
      </c>
      <c r="AO11" s="191">
        <v>0</v>
      </c>
      <c r="AP11" s="191">
        <v>0</v>
      </c>
      <c r="AQ11" s="191">
        <v>0</v>
      </c>
      <c r="AR11" s="191">
        <v>1</v>
      </c>
      <c r="AS11" s="196">
        <v>1</v>
      </c>
      <c r="AT11" s="195">
        <v>1</v>
      </c>
      <c r="AU11" s="190">
        <v>1</v>
      </c>
      <c r="AV11" s="191">
        <v>0</v>
      </c>
      <c r="AW11" s="196">
        <v>1</v>
      </c>
      <c r="AX11" s="193">
        <v>0</v>
      </c>
      <c r="AY11" s="191">
        <v>1</v>
      </c>
      <c r="AZ11" s="191">
        <v>1</v>
      </c>
      <c r="BA11" s="191">
        <v>0</v>
      </c>
      <c r="BB11" s="191">
        <v>0</v>
      </c>
      <c r="BC11" s="191">
        <v>1</v>
      </c>
      <c r="BD11" s="196">
        <v>3</v>
      </c>
      <c r="BE11" s="195">
        <v>4</v>
      </c>
      <c r="BF11" s="190">
        <v>0</v>
      </c>
      <c r="BG11" s="191">
        <v>0</v>
      </c>
      <c r="BH11" s="196">
        <v>0</v>
      </c>
      <c r="BI11" s="193">
        <v>0</v>
      </c>
      <c r="BJ11" s="191">
        <v>3</v>
      </c>
      <c r="BK11" s="191">
        <v>2</v>
      </c>
      <c r="BL11" s="191">
        <v>4</v>
      </c>
      <c r="BM11" s="191">
        <v>2</v>
      </c>
      <c r="BN11" s="191">
        <v>0</v>
      </c>
      <c r="BO11" s="194">
        <v>11</v>
      </c>
      <c r="BP11" s="195">
        <v>11</v>
      </c>
      <c r="BQ11" s="190">
        <v>0</v>
      </c>
      <c r="BR11" s="191">
        <v>0</v>
      </c>
      <c r="BS11" s="196">
        <v>0</v>
      </c>
      <c r="BT11" s="193">
        <v>0</v>
      </c>
      <c r="BU11" s="191">
        <v>0</v>
      </c>
      <c r="BV11" s="191">
        <v>0</v>
      </c>
      <c r="BW11" s="191">
        <v>1</v>
      </c>
      <c r="BX11" s="191">
        <v>1</v>
      </c>
      <c r="BY11" s="191">
        <v>1</v>
      </c>
      <c r="BZ11" s="196">
        <v>3</v>
      </c>
      <c r="CA11" s="195">
        <v>3</v>
      </c>
      <c r="CB11" s="190">
        <v>0</v>
      </c>
      <c r="CC11" s="191">
        <v>0</v>
      </c>
      <c r="CD11" s="196">
        <v>0</v>
      </c>
      <c r="CE11" s="193">
        <v>0</v>
      </c>
      <c r="CF11" s="191">
        <v>0</v>
      </c>
      <c r="CG11" s="191">
        <v>0</v>
      </c>
      <c r="CH11" s="191">
        <v>0</v>
      </c>
      <c r="CI11" s="191">
        <v>1</v>
      </c>
      <c r="CJ11" s="191">
        <v>0</v>
      </c>
      <c r="CK11" s="196">
        <v>1</v>
      </c>
      <c r="CL11" s="195">
        <v>1</v>
      </c>
      <c r="CM11" s="190">
        <v>0</v>
      </c>
      <c r="CN11" s="191">
        <v>0</v>
      </c>
      <c r="CO11" s="196">
        <v>0</v>
      </c>
      <c r="CP11" s="193">
        <v>0</v>
      </c>
      <c r="CQ11" s="191">
        <v>0</v>
      </c>
      <c r="CR11" s="191">
        <v>0</v>
      </c>
      <c r="CS11" s="191">
        <v>0</v>
      </c>
      <c r="CT11" s="191">
        <v>0</v>
      </c>
      <c r="CU11" s="191">
        <v>0</v>
      </c>
      <c r="CV11" s="196">
        <v>0</v>
      </c>
      <c r="CW11" s="195">
        <v>0</v>
      </c>
    </row>
    <row r="12" spans="2:101" ht="21" customHeight="1" x14ac:dyDescent="0.2">
      <c r="B12" s="106" t="s">
        <v>9</v>
      </c>
      <c r="C12" s="190">
        <v>0</v>
      </c>
      <c r="D12" s="196">
        <v>0</v>
      </c>
      <c r="E12" s="207">
        <v>0</v>
      </c>
      <c r="F12" s="193">
        <v>0</v>
      </c>
      <c r="G12" s="191">
        <v>0</v>
      </c>
      <c r="H12" s="191">
        <v>0</v>
      </c>
      <c r="I12" s="191">
        <v>1</v>
      </c>
      <c r="J12" s="191">
        <v>0</v>
      </c>
      <c r="K12" s="191">
        <v>0</v>
      </c>
      <c r="L12" s="194">
        <v>1</v>
      </c>
      <c r="M12" s="195">
        <v>1</v>
      </c>
      <c r="N12" s="190">
        <v>0</v>
      </c>
      <c r="O12" s="191">
        <v>0</v>
      </c>
      <c r="P12" s="196">
        <v>0</v>
      </c>
      <c r="Q12" s="193">
        <v>0</v>
      </c>
      <c r="R12" s="191">
        <v>0</v>
      </c>
      <c r="S12" s="191">
        <v>0</v>
      </c>
      <c r="T12" s="191">
        <v>0</v>
      </c>
      <c r="U12" s="191">
        <v>0</v>
      </c>
      <c r="V12" s="191">
        <v>0</v>
      </c>
      <c r="W12" s="196">
        <v>0</v>
      </c>
      <c r="X12" s="195">
        <v>0</v>
      </c>
      <c r="Y12" s="190">
        <v>0</v>
      </c>
      <c r="Z12" s="191">
        <v>0</v>
      </c>
      <c r="AA12" s="196">
        <v>0</v>
      </c>
      <c r="AB12" s="193">
        <v>0</v>
      </c>
      <c r="AC12" s="191">
        <v>46</v>
      </c>
      <c r="AD12" s="191">
        <v>32</v>
      </c>
      <c r="AE12" s="191">
        <v>14</v>
      </c>
      <c r="AF12" s="191">
        <v>9</v>
      </c>
      <c r="AG12" s="191">
        <v>2</v>
      </c>
      <c r="AH12" s="196">
        <v>103</v>
      </c>
      <c r="AI12" s="195">
        <v>103</v>
      </c>
      <c r="AJ12" s="190">
        <v>0</v>
      </c>
      <c r="AK12" s="191">
        <v>0</v>
      </c>
      <c r="AL12" s="196">
        <v>0</v>
      </c>
      <c r="AM12" s="193">
        <v>0</v>
      </c>
      <c r="AN12" s="191">
        <v>1</v>
      </c>
      <c r="AO12" s="191">
        <v>0</v>
      </c>
      <c r="AP12" s="191">
        <v>1</v>
      </c>
      <c r="AQ12" s="191">
        <v>0</v>
      </c>
      <c r="AR12" s="191">
        <v>0</v>
      </c>
      <c r="AS12" s="196">
        <v>2</v>
      </c>
      <c r="AT12" s="195">
        <v>2</v>
      </c>
      <c r="AU12" s="190">
        <v>0</v>
      </c>
      <c r="AV12" s="191">
        <v>1</v>
      </c>
      <c r="AW12" s="196">
        <v>1</v>
      </c>
      <c r="AX12" s="193">
        <v>0</v>
      </c>
      <c r="AY12" s="191">
        <v>6</v>
      </c>
      <c r="AZ12" s="191">
        <v>0</v>
      </c>
      <c r="BA12" s="191">
        <v>2</v>
      </c>
      <c r="BB12" s="191">
        <v>1</v>
      </c>
      <c r="BC12" s="191">
        <v>1</v>
      </c>
      <c r="BD12" s="196">
        <v>10</v>
      </c>
      <c r="BE12" s="195">
        <v>11</v>
      </c>
      <c r="BF12" s="190">
        <v>0</v>
      </c>
      <c r="BG12" s="191">
        <v>0</v>
      </c>
      <c r="BH12" s="196">
        <v>0</v>
      </c>
      <c r="BI12" s="193">
        <v>0</v>
      </c>
      <c r="BJ12" s="191">
        <v>0</v>
      </c>
      <c r="BK12" s="191">
        <v>3</v>
      </c>
      <c r="BL12" s="191">
        <v>4</v>
      </c>
      <c r="BM12" s="191">
        <v>6</v>
      </c>
      <c r="BN12" s="191">
        <v>0</v>
      </c>
      <c r="BO12" s="194">
        <v>13</v>
      </c>
      <c r="BP12" s="195">
        <v>13</v>
      </c>
      <c r="BQ12" s="190">
        <v>0</v>
      </c>
      <c r="BR12" s="191">
        <v>0</v>
      </c>
      <c r="BS12" s="196">
        <v>0</v>
      </c>
      <c r="BT12" s="193">
        <v>0</v>
      </c>
      <c r="BU12" s="191">
        <v>0</v>
      </c>
      <c r="BV12" s="191">
        <v>1</v>
      </c>
      <c r="BW12" s="191">
        <v>1</v>
      </c>
      <c r="BX12" s="191">
        <v>0</v>
      </c>
      <c r="BY12" s="191">
        <v>0</v>
      </c>
      <c r="BZ12" s="196">
        <v>2</v>
      </c>
      <c r="CA12" s="195">
        <v>2</v>
      </c>
      <c r="CB12" s="190">
        <v>0</v>
      </c>
      <c r="CC12" s="191">
        <v>0</v>
      </c>
      <c r="CD12" s="196">
        <v>0</v>
      </c>
      <c r="CE12" s="193">
        <v>0</v>
      </c>
      <c r="CF12" s="191">
        <v>0</v>
      </c>
      <c r="CG12" s="191">
        <v>0</v>
      </c>
      <c r="CH12" s="191">
        <v>0</v>
      </c>
      <c r="CI12" s="191">
        <v>0</v>
      </c>
      <c r="CJ12" s="191">
        <v>0</v>
      </c>
      <c r="CK12" s="196">
        <v>0</v>
      </c>
      <c r="CL12" s="195">
        <v>0</v>
      </c>
      <c r="CM12" s="190">
        <v>0</v>
      </c>
      <c r="CN12" s="191">
        <v>0</v>
      </c>
      <c r="CO12" s="196">
        <v>0</v>
      </c>
      <c r="CP12" s="193">
        <v>0</v>
      </c>
      <c r="CQ12" s="191">
        <v>1</v>
      </c>
      <c r="CR12" s="191">
        <v>2</v>
      </c>
      <c r="CS12" s="191">
        <v>0</v>
      </c>
      <c r="CT12" s="191">
        <v>0</v>
      </c>
      <c r="CU12" s="191">
        <v>2</v>
      </c>
      <c r="CV12" s="196">
        <v>5</v>
      </c>
      <c r="CW12" s="195">
        <v>5</v>
      </c>
    </row>
    <row r="13" spans="2:101" ht="21" customHeight="1" x14ac:dyDescent="0.2">
      <c r="B13" s="106" t="s">
        <v>10</v>
      </c>
      <c r="C13" s="190">
        <v>0</v>
      </c>
      <c r="D13" s="196">
        <v>0</v>
      </c>
      <c r="E13" s="207">
        <v>0</v>
      </c>
      <c r="F13" s="193">
        <v>0</v>
      </c>
      <c r="G13" s="191">
        <v>0</v>
      </c>
      <c r="H13" s="191">
        <v>1</v>
      </c>
      <c r="I13" s="191">
        <v>1</v>
      </c>
      <c r="J13" s="191">
        <v>0</v>
      </c>
      <c r="K13" s="191">
        <v>0</v>
      </c>
      <c r="L13" s="194">
        <v>2</v>
      </c>
      <c r="M13" s="195">
        <v>2</v>
      </c>
      <c r="N13" s="190">
        <v>0</v>
      </c>
      <c r="O13" s="191">
        <v>0</v>
      </c>
      <c r="P13" s="196">
        <v>0</v>
      </c>
      <c r="Q13" s="193">
        <v>0</v>
      </c>
      <c r="R13" s="191">
        <v>1</v>
      </c>
      <c r="S13" s="191">
        <v>0</v>
      </c>
      <c r="T13" s="191">
        <v>0</v>
      </c>
      <c r="U13" s="191">
        <v>0</v>
      </c>
      <c r="V13" s="191">
        <v>0</v>
      </c>
      <c r="W13" s="196">
        <v>1</v>
      </c>
      <c r="X13" s="195">
        <v>1</v>
      </c>
      <c r="Y13" s="190">
        <v>0</v>
      </c>
      <c r="Z13" s="191">
        <v>0</v>
      </c>
      <c r="AA13" s="196">
        <v>0</v>
      </c>
      <c r="AB13" s="193">
        <v>0</v>
      </c>
      <c r="AC13" s="191">
        <v>35</v>
      </c>
      <c r="AD13" s="191">
        <v>15</v>
      </c>
      <c r="AE13" s="191">
        <v>6</v>
      </c>
      <c r="AF13" s="191">
        <v>4</v>
      </c>
      <c r="AG13" s="191">
        <v>0</v>
      </c>
      <c r="AH13" s="196">
        <v>60</v>
      </c>
      <c r="AI13" s="195">
        <v>60</v>
      </c>
      <c r="AJ13" s="190">
        <v>0</v>
      </c>
      <c r="AK13" s="191">
        <v>0</v>
      </c>
      <c r="AL13" s="196">
        <v>0</v>
      </c>
      <c r="AM13" s="193">
        <v>0</v>
      </c>
      <c r="AN13" s="191">
        <v>0</v>
      </c>
      <c r="AO13" s="191">
        <v>2</v>
      </c>
      <c r="AP13" s="191">
        <v>1</v>
      </c>
      <c r="AQ13" s="191">
        <v>3</v>
      </c>
      <c r="AR13" s="191">
        <v>0</v>
      </c>
      <c r="AS13" s="196">
        <v>6</v>
      </c>
      <c r="AT13" s="195">
        <v>6</v>
      </c>
      <c r="AU13" s="190">
        <v>2</v>
      </c>
      <c r="AV13" s="191">
        <v>1</v>
      </c>
      <c r="AW13" s="196">
        <v>3</v>
      </c>
      <c r="AX13" s="193">
        <v>0</v>
      </c>
      <c r="AY13" s="191">
        <v>4</v>
      </c>
      <c r="AZ13" s="191">
        <v>2</v>
      </c>
      <c r="BA13" s="191">
        <v>5</v>
      </c>
      <c r="BB13" s="191">
        <v>2</v>
      </c>
      <c r="BC13" s="191">
        <v>0</v>
      </c>
      <c r="BD13" s="196">
        <v>13</v>
      </c>
      <c r="BE13" s="195">
        <v>16</v>
      </c>
      <c r="BF13" s="190">
        <v>0</v>
      </c>
      <c r="BG13" s="191">
        <v>0</v>
      </c>
      <c r="BH13" s="196">
        <v>0</v>
      </c>
      <c r="BI13" s="193">
        <v>0</v>
      </c>
      <c r="BJ13" s="191">
        <v>4</v>
      </c>
      <c r="BK13" s="191">
        <v>6</v>
      </c>
      <c r="BL13" s="191">
        <v>7</v>
      </c>
      <c r="BM13" s="191">
        <v>5</v>
      </c>
      <c r="BN13" s="191">
        <v>9</v>
      </c>
      <c r="BO13" s="194">
        <v>31</v>
      </c>
      <c r="BP13" s="195">
        <v>31</v>
      </c>
      <c r="BQ13" s="190">
        <v>0</v>
      </c>
      <c r="BR13" s="191">
        <v>0</v>
      </c>
      <c r="BS13" s="196">
        <v>0</v>
      </c>
      <c r="BT13" s="193">
        <v>0</v>
      </c>
      <c r="BU13" s="191">
        <v>1</v>
      </c>
      <c r="BV13" s="191">
        <v>2</v>
      </c>
      <c r="BW13" s="191">
        <v>5</v>
      </c>
      <c r="BX13" s="191">
        <v>1</v>
      </c>
      <c r="BY13" s="191">
        <v>6</v>
      </c>
      <c r="BZ13" s="196">
        <v>15</v>
      </c>
      <c r="CA13" s="195">
        <v>15</v>
      </c>
      <c r="CB13" s="190">
        <v>0</v>
      </c>
      <c r="CC13" s="191">
        <v>0</v>
      </c>
      <c r="CD13" s="196">
        <v>0</v>
      </c>
      <c r="CE13" s="193">
        <v>0</v>
      </c>
      <c r="CF13" s="191">
        <v>0</v>
      </c>
      <c r="CG13" s="191">
        <v>0</v>
      </c>
      <c r="CH13" s="191">
        <v>2</v>
      </c>
      <c r="CI13" s="191">
        <v>3</v>
      </c>
      <c r="CJ13" s="191">
        <v>0</v>
      </c>
      <c r="CK13" s="196">
        <v>5</v>
      </c>
      <c r="CL13" s="195">
        <v>5</v>
      </c>
      <c r="CM13" s="190">
        <v>0</v>
      </c>
      <c r="CN13" s="191">
        <v>0</v>
      </c>
      <c r="CO13" s="196">
        <v>0</v>
      </c>
      <c r="CP13" s="193">
        <v>0</v>
      </c>
      <c r="CQ13" s="191">
        <v>2</v>
      </c>
      <c r="CR13" s="191">
        <v>1</v>
      </c>
      <c r="CS13" s="191">
        <v>0</v>
      </c>
      <c r="CT13" s="191">
        <v>3</v>
      </c>
      <c r="CU13" s="191">
        <v>0</v>
      </c>
      <c r="CV13" s="196">
        <v>6</v>
      </c>
      <c r="CW13" s="195">
        <v>6</v>
      </c>
    </row>
    <row r="14" spans="2:101" ht="21" customHeight="1" x14ac:dyDescent="0.2">
      <c r="B14" s="106" t="s">
        <v>11</v>
      </c>
      <c r="C14" s="190">
        <v>0</v>
      </c>
      <c r="D14" s="196">
        <v>0</v>
      </c>
      <c r="E14" s="207">
        <v>0</v>
      </c>
      <c r="F14" s="193">
        <v>0</v>
      </c>
      <c r="G14" s="191">
        <v>0</v>
      </c>
      <c r="H14" s="191">
        <v>3</v>
      </c>
      <c r="I14" s="191">
        <v>0</v>
      </c>
      <c r="J14" s="191">
        <v>0</v>
      </c>
      <c r="K14" s="191">
        <v>0</v>
      </c>
      <c r="L14" s="194">
        <v>3</v>
      </c>
      <c r="M14" s="195">
        <v>3</v>
      </c>
      <c r="N14" s="190">
        <v>0</v>
      </c>
      <c r="O14" s="191">
        <v>0</v>
      </c>
      <c r="P14" s="196">
        <v>0</v>
      </c>
      <c r="Q14" s="193">
        <v>0</v>
      </c>
      <c r="R14" s="191">
        <v>0</v>
      </c>
      <c r="S14" s="191">
        <v>0</v>
      </c>
      <c r="T14" s="191">
        <v>0</v>
      </c>
      <c r="U14" s="191">
        <v>1</v>
      </c>
      <c r="V14" s="191">
        <v>0</v>
      </c>
      <c r="W14" s="196">
        <v>1</v>
      </c>
      <c r="X14" s="195">
        <v>1</v>
      </c>
      <c r="Y14" s="190">
        <v>0</v>
      </c>
      <c r="Z14" s="191">
        <v>0</v>
      </c>
      <c r="AA14" s="196">
        <v>0</v>
      </c>
      <c r="AB14" s="193">
        <v>0</v>
      </c>
      <c r="AC14" s="191">
        <v>27</v>
      </c>
      <c r="AD14" s="191">
        <v>10</v>
      </c>
      <c r="AE14" s="191">
        <v>6</v>
      </c>
      <c r="AF14" s="191">
        <v>3</v>
      </c>
      <c r="AG14" s="191">
        <v>1</v>
      </c>
      <c r="AH14" s="196">
        <v>47</v>
      </c>
      <c r="AI14" s="195">
        <v>47</v>
      </c>
      <c r="AJ14" s="190">
        <v>0</v>
      </c>
      <c r="AK14" s="191">
        <v>0</v>
      </c>
      <c r="AL14" s="196">
        <v>0</v>
      </c>
      <c r="AM14" s="193">
        <v>0</v>
      </c>
      <c r="AN14" s="191">
        <v>3</v>
      </c>
      <c r="AO14" s="191">
        <v>4</v>
      </c>
      <c r="AP14" s="191">
        <v>0</v>
      </c>
      <c r="AQ14" s="191">
        <v>0</v>
      </c>
      <c r="AR14" s="191">
        <v>0</v>
      </c>
      <c r="AS14" s="196">
        <v>7</v>
      </c>
      <c r="AT14" s="195">
        <v>7</v>
      </c>
      <c r="AU14" s="190">
        <v>0</v>
      </c>
      <c r="AV14" s="191">
        <v>2</v>
      </c>
      <c r="AW14" s="196">
        <v>2</v>
      </c>
      <c r="AX14" s="193">
        <v>0</v>
      </c>
      <c r="AY14" s="191">
        <v>0</v>
      </c>
      <c r="AZ14" s="191">
        <v>4</v>
      </c>
      <c r="BA14" s="191">
        <v>3</v>
      </c>
      <c r="BB14" s="191">
        <v>2</v>
      </c>
      <c r="BC14" s="191">
        <v>0</v>
      </c>
      <c r="BD14" s="196">
        <v>9</v>
      </c>
      <c r="BE14" s="195">
        <v>11</v>
      </c>
      <c r="BF14" s="190">
        <v>0</v>
      </c>
      <c r="BG14" s="191">
        <v>0</v>
      </c>
      <c r="BH14" s="196">
        <v>0</v>
      </c>
      <c r="BI14" s="193">
        <v>0</v>
      </c>
      <c r="BJ14" s="191">
        <v>0</v>
      </c>
      <c r="BK14" s="191">
        <v>3</v>
      </c>
      <c r="BL14" s="191">
        <v>3</v>
      </c>
      <c r="BM14" s="191">
        <v>1</v>
      </c>
      <c r="BN14" s="191">
        <v>0</v>
      </c>
      <c r="BO14" s="194">
        <v>7</v>
      </c>
      <c r="BP14" s="195">
        <v>7</v>
      </c>
      <c r="BQ14" s="190">
        <v>0</v>
      </c>
      <c r="BR14" s="191">
        <v>0</v>
      </c>
      <c r="BS14" s="196">
        <v>0</v>
      </c>
      <c r="BT14" s="193">
        <v>0</v>
      </c>
      <c r="BU14" s="191">
        <v>0</v>
      </c>
      <c r="BV14" s="191">
        <v>0</v>
      </c>
      <c r="BW14" s="191">
        <v>0</v>
      </c>
      <c r="BX14" s="191">
        <v>0</v>
      </c>
      <c r="BY14" s="191">
        <v>0</v>
      </c>
      <c r="BZ14" s="196">
        <v>0</v>
      </c>
      <c r="CA14" s="195">
        <v>0</v>
      </c>
      <c r="CB14" s="190">
        <v>0</v>
      </c>
      <c r="CC14" s="191">
        <v>0</v>
      </c>
      <c r="CD14" s="196">
        <v>0</v>
      </c>
      <c r="CE14" s="193">
        <v>0</v>
      </c>
      <c r="CF14" s="191">
        <v>0</v>
      </c>
      <c r="CG14" s="191">
        <v>0</v>
      </c>
      <c r="CH14" s="191">
        <v>0</v>
      </c>
      <c r="CI14" s="191">
        <v>0</v>
      </c>
      <c r="CJ14" s="191">
        <v>0</v>
      </c>
      <c r="CK14" s="196">
        <v>0</v>
      </c>
      <c r="CL14" s="195">
        <v>0</v>
      </c>
      <c r="CM14" s="190">
        <v>0</v>
      </c>
      <c r="CN14" s="191">
        <v>0</v>
      </c>
      <c r="CO14" s="196">
        <v>0</v>
      </c>
      <c r="CP14" s="193">
        <v>0</v>
      </c>
      <c r="CQ14" s="191">
        <v>0</v>
      </c>
      <c r="CR14" s="191">
        <v>1</v>
      </c>
      <c r="CS14" s="191">
        <v>0</v>
      </c>
      <c r="CT14" s="191">
        <v>1</v>
      </c>
      <c r="CU14" s="191">
        <v>0</v>
      </c>
      <c r="CV14" s="196">
        <v>2</v>
      </c>
      <c r="CW14" s="195">
        <v>2</v>
      </c>
    </row>
    <row r="15" spans="2:101" ht="21" customHeight="1" x14ac:dyDescent="0.2">
      <c r="B15" s="106" t="s">
        <v>12</v>
      </c>
      <c r="C15" s="190">
        <v>0</v>
      </c>
      <c r="D15" s="196">
        <v>0</v>
      </c>
      <c r="E15" s="207">
        <v>0</v>
      </c>
      <c r="F15" s="193">
        <v>0</v>
      </c>
      <c r="G15" s="191">
        <v>0</v>
      </c>
      <c r="H15" s="191">
        <v>0</v>
      </c>
      <c r="I15" s="191">
        <v>0</v>
      </c>
      <c r="J15" s="191">
        <v>0</v>
      </c>
      <c r="K15" s="191">
        <v>0</v>
      </c>
      <c r="L15" s="194">
        <v>0</v>
      </c>
      <c r="M15" s="195">
        <v>0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0</v>
      </c>
      <c r="T15" s="191">
        <v>0</v>
      </c>
      <c r="U15" s="191">
        <v>0</v>
      </c>
      <c r="V15" s="191">
        <v>0</v>
      </c>
      <c r="W15" s="196">
        <v>0</v>
      </c>
      <c r="X15" s="195">
        <v>0</v>
      </c>
      <c r="Y15" s="190">
        <v>0</v>
      </c>
      <c r="Z15" s="191">
        <v>0</v>
      </c>
      <c r="AA15" s="196">
        <v>0</v>
      </c>
      <c r="AB15" s="193">
        <v>0</v>
      </c>
      <c r="AC15" s="191">
        <v>13</v>
      </c>
      <c r="AD15" s="191">
        <v>12</v>
      </c>
      <c r="AE15" s="191">
        <v>6</v>
      </c>
      <c r="AF15" s="191">
        <v>4</v>
      </c>
      <c r="AG15" s="191">
        <v>3</v>
      </c>
      <c r="AH15" s="196">
        <v>38</v>
      </c>
      <c r="AI15" s="195">
        <v>38</v>
      </c>
      <c r="AJ15" s="190">
        <v>0</v>
      </c>
      <c r="AK15" s="191">
        <v>0</v>
      </c>
      <c r="AL15" s="196">
        <v>0</v>
      </c>
      <c r="AM15" s="193">
        <v>0</v>
      </c>
      <c r="AN15" s="191">
        <v>0</v>
      </c>
      <c r="AO15" s="191">
        <v>0</v>
      </c>
      <c r="AP15" s="191">
        <v>0</v>
      </c>
      <c r="AQ15" s="191">
        <v>0</v>
      </c>
      <c r="AR15" s="191">
        <v>0</v>
      </c>
      <c r="AS15" s="196">
        <v>0</v>
      </c>
      <c r="AT15" s="195">
        <v>0</v>
      </c>
      <c r="AU15" s="190">
        <v>0</v>
      </c>
      <c r="AV15" s="191">
        <v>0</v>
      </c>
      <c r="AW15" s="196">
        <v>0</v>
      </c>
      <c r="AX15" s="193">
        <v>0</v>
      </c>
      <c r="AY15" s="191">
        <v>0</v>
      </c>
      <c r="AZ15" s="191">
        <v>1</v>
      </c>
      <c r="BA15" s="191">
        <v>0</v>
      </c>
      <c r="BB15" s="191">
        <v>2</v>
      </c>
      <c r="BC15" s="191">
        <v>1</v>
      </c>
      <c r="BD15" s="196">
        <v>4</v>
      </c>
      <c r="BE15" s="195">
        <v>4</v>
      </c>
      <c r="BF15" s="190">
        <v>0</v>
      </c>
      <c r="BG15" s="191">
        <v>0</v>
      </c>
      <c r="BH15" s="196">
        <v>0</v>
      </c>
      <c r="BI15" s="193">
        <v>0</v>
      </c>
      <c r="BJ15" s="191">
        <v>1</v>
      </c>
      <c r="BK15" s="191">
        <v>3</v>
      </c>
      <c r="BL15" s="191">
        <v>3</v>
      </c>
      <c r="BM15" s="191">
        <v>2</v>
      </c>
      <c r="BN15" s="191">
        <v>2</v>
      </c>
      <c r="BO15" s="194">
        <v>11</v>
      </c>
      <c r="BP15" s="195">
        <v>11</v>
      </c>
      <c r="BQ15" s="190">
        <v>0</v>
      </c>
      <c r="BR15" s="191">
        <v>0</v>
      </c>
      <c r="BS15" s="196">
        <v>0</v>
      </c>
      <c r="BT15" s="193">
        <v>0</v>
      </c>
      <c r="BU15" s="191">
        <v>0</v>
      </c>
      <c r="BV15" s="191">
        <v>0</v>
      </c>
      <c r="BW15" s="191">
        <v>1</v>
      </c>
      <c r="BX15" s="191">
        <v>2</v>
      </c>
      <c r="BY15" s="191">
        <v>0</v>
      </c>
      <c r="BZ15" s="196">
        <v>3</v>
      </c>
      <c r="CA15" s="195">
        <v>3</v>
      </c>
      <c r="CB15" s="190">
        <v>0</v>
      </c>
      <c r="CC15" s="191">
        <v>0</v>
      </c>
      <c r="CD15" s="196">
        <v>0</v>
      </c>
      <c r="CE15" s="193">
        <v>0</v>
      </c>
      <c r="CF15" s="191">
        <v>0</v>
      </c>
      <c r="CG15" s="191">
        <v>0</v>
      </c>
      <c r="CH15" s="191">
        <v>2</v>
      </c>
      <c r="CI15" s="191">
        <v>0</v>
      </c>
      <c r="CJ15" s="191">
        <v>0</v>
      </c>
      <c r="CK15" s="196">
        <v>2</v>
      </c>
      <c r="CL15" s="195">
        <v>2</v>
      </c>
      <c r="CM15" s="190">
        <v>0</v>
      </c>
      <c r="CN15" s="191">
        <v>0</v>
      </c>
      <c r="CO15" s="196">
        <v>0</v>
      </c>
      <c r="CP15" s="193">
        <v>0</v>
      </c>
      <c r="CQ15" s="191">
        <v>0</v>
      </c>
      <c r="CR15" s="191">
        <v>1</v>
      </c>
      <c r="CS15" s="191">
        <v>2</v>
      </c>
      <c r="CT15" s="191">
        <v>1</v>
      </c>
      <c r="CU15" s="191">
        <v>0</v>
      </c>
      <c r="CV15" s="196">
        <v>4</v>
      </c>
      <c r="CW15" s="195">
        <v>4</v>
      </c>
    </row>
    <row r="16" spans="2:101" ht="21" customHeight="1" x14ac:dyDescent="0.2">
      <c r="B16" s="106" t="s">
        <v>13</v>
      </c>
      <c r="C16" s="190">
        <v>0</v>
      </c>
      <c r="D16" s="196">
        <v>0</v>
      </c>
      <c r="E16" s="207">
        <v>0</v>
      </c>
      <c r="F16" s="193">
        <v>0</v>
      </c>
      <c r="G16" s="191">
        <v>0</v>
      </c>
      <c r="H16" s="191">
        <v>0</v>
      </c>
      <c r="I16" s="191">
        <v>0</v>
      </c>
      <c r="J16" s="191">
        <v>0</v>
      </c>
      <c r="K16" s="191">
        <v>0</v>
      </c>
      <c r="L16" s="194">
        <v>0</v>
      </c>
      <c r="M16" s="195">
        <v>0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0</v>
      </c>
      <c r="T16" s="191">
        <v>0</v>
      </c>
      <c r="U16" s="191">
        <v>0</v>
      </c>
      <c r="V16" s="191">
        <v>0</v>
      </c>
      <c r="W16" s="196">
        <v>0</v>
      </c>
      <c r="X16" s="195">
        <v>0</v>
      </c>
      <c r="Y16" s="190">
        <v>0</v>
      </c>
      <c r="Z16" s="191">
        <v>0</v>
      </c>
      <c r="AA16" s="196">
        <v>0</v>
      </c>
      <c r="AB16" s="193">
        <v>0</v>
      </c>
      <c r="AC16" s="191">
        <v>14</v>
      </c>
      <c r="AD16" s="191">
        <v>11</v>
      </c>
      <c r="AE16" s="191">
        <v>6</v>
      </c>
      <c r="AF16" s="191">
        <v>1</v>
      </c>
      <c r="AG16" s="191">
        <v>4</v>
      </c>
      <c r="AH16" s="196">
        <v>36</v>
      </c>
      <c r="AI16" s="195">
        <v>36</v>
      </c>
      <c r="AJ16" s="190">
        <v>0</v>
      </c>
      <c r="AK16" s="191">
        <v>0</v>
      </c>
      <c r="AL16" s="196">
        <v>0</v>
      </c>
      <c r="AM16" s="193">
        <v>0</v>
      </c>
      <c r="AN16" s="191">
        <v>0</v>
      </c>
      <c r="AO16" s="191">
        <v>1</v>
      </c>
      <c r="AP16" s="191">
        <v>2</v>
      </c>
      <c r="AQ16" s="191">
        <v>0</v>
      </c>
      <c r="AR16" s="191">
        <v>0</v>
      </c>
      <c r="AS16" s="196">
        <v>3</v>
      </c>
      <c r="AT16" s="195">
        <v>3</v>
      </c>
      <c r="AU16" s="190">
        <v>0</v>
      </c>
      <c r="AV16" s="191">
        <v>0</v>
      </c>
      <c r="AW16" s="196">
        <v>0</v>
      </c>
      <c r="AX16" s="193">
        <v>0</v>
      </c>
      <c r="AY16" s="191">
        <v>1</v>
      </c>
      <c r="AZ16" s="191">
        <v>0</v>
      </c>
      <c r="BA16" s="191">
        <v>0</v>
      </c>
      <c r="BB16" s="191">
        <v>0</v>
      </c>
      <c r="BC16" s="191">
        <v>1</v>
      </c>
      <c r="BD16" s="196">
        <v>2</v>
      </c>
      <c r="BE16" s="195">
        <v>2</v>
      </c>
      <c r="BF16" s="190">
        <v>0</v>
      </c>
      <c r="BG16" s="191">
        <v>0</v>
      </c>
      <c r="BH16" s="196">
        <v>0</v>
      </c>
      <c r="BI16" s="193">
        <v>0</v>
      </c>
      <c r="BJ16" s="191">
        <v>2</v>
      </c>
      <c r="BK16" s="191">
        <v>0</v>
      </c>
      <c r="BL16" s="191">
        <v>0</v>
      </c>
      <c r="BM16" s="191">
        <v>0</v>
      </c>
      <c r="BN16" s="191">
        <v>0</v>
      </c>
      <c r="BO16" s="194">
        <v>2</v>
      </c>
      <c r="BP16" s="195">
        <v>2</v>
      </c>
      <c r="BQ16" s="190">
        <v>0</v>
      </c>
      <c r="BR16" s="191">
        <v>0</v>
      </c>
      <c r="BS16" s="196">
        <v>0</v>
      </c>
      <c r="BT16" s="193">
        <v>0</v>
      </c>
      <c r="BU16" s="191">
        <v>0</v>
      </c>
      <c r="BV16" s="191">
        <v>0</v>
      </c>
      <c r="BW16" s="191">
        <v>1</v>
      </c>
      <c r="BX16" s="191">
        <v>0</v>
      </c>
      <c r="BY16" s="191">
        <v>0</v>
      </c>
      <c r="BZ16" s="196">
        <v>1</v>
      </c>
      <c r="CA16" s="195">
        <v>1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0</v>
      </c>
      <c r="CH16" s="191">
        <v>0</v>
      </c>
      <c r="CI16" s="191">
        <v>0</v>
      </c>
      <c r="CJ16" s="191">
        <v>0</v>
      </c>
      <c r="CK16" s="196">
        <v>0</v>
      </c>
      <c r="CL16" s="195">
        <v>0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</row>
    <row r="17" spans="2:101" ht="21" customHeight="1" x14ac:dyDescent="0.2">
      <c r="B17" s="106" t="s">
        <v>15</v>
      </c>
      <c r="C17" s="190">
        <v>0</v>
      </c>
      <c r="D17" s="196">
        <v>0</v>
      </c>
      <c r="E17" s="207">
        <v>0</v>
      </c>
      <c r="F17" s="193">
        <v>0</v>
      </c>
      <c r="G17" s="191">
        <v>0</v>
      </c>
      <c r="H17" s="191">
        <v>0</v>
      </c>
      <c r="I17" s="191">
        <v>0</v>
      </c>
      <c r="J17" s="191">
        <v>0</v>
      </c>
      <c r="K17" s="191">
        <v>0</v>
      </c>
      <c r="L17" s="194">
        <v>0</v>
      </c>
      <c r="M17" s="195">
        <v>0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0</v>
      </c>
      <c r="V17" s="191">
        <v>0</v>
      </c>
      <c r="W17" s="196">
        <v>0</v>
      </c>
      <c r="X17" s="195">
        <v>0</v>
      </c>
      <c r="Y17" s="190">
        <v>0</v>
      </c>
      <c r="Z17" s="191">
        <v>0</v>
      </c>
      <c r="AA17" s="196">
        <v>0</v>
      </c>
      <c r="AB17" s="193">
        <v>0</v>
      </c>
      <c r="AC17" s="191">
        <v>4</v>
      </c>
      <c r="AD17" s="191">
        <v>6</v>
      </c>
      <c r="AE17" s="191">
        <v>1</v>
      </c>
      <c r="AF17" s="191">
        <v>0</v>
      </c>
      <c r="AG17" s="191">
        <v>1</v>
      </c>
      <c r="AH17" s="196">
        <v>12</v>
      </c>
      <c r="AI17" s="195">
        <v>12</v>
      </c>
      <c r="AJ17" s="190">
        <v>0</v>
      </c>
      <c r="AK17" s="191">
        <v>0</v>
      </c>
      <c r="AL17" s="196">
        <v>0</v>
      </c>
      <c r="AM17" s="193">
        <v>0</v>
      </c>
      <c r="AN17" s="191">
        <v>0</v>
      </c>
      <c r="AO17" s="191">
        <v>0</v>
      </c>
      <c r="AP17" s="191">
        <v>0</v>
      </c>
      <c r="AQ17" s="191">
        <v>0</v>
      </c>
      <c r="AR17" s="191">
        <v>0</v>
      </c>
      <c r="AS17" s="196">
        <v>0</v>
      </c>
      <c r="AT17" s="195">
        <v>0</v>
      </c>
      <c r="AU17" s="190">
        <v>0</v>
      </c>
      <c r="AV17" s="191">
        <v>0</v>
      </c>
      <c r="AW17" s="196">
        <v>0</v>
      </c>
      <c r="AX17" s="193">
        <v>0</v>
      </c>
      <c r="AY17" s="191">
        <v>0</v>
      </c>
      <c r="AZ17" s="191">
        <v>0</v>
      </c>
      <c r="BA17" s="191">
        <v>1</v>
      </c>
      <c r="BB17" s="191">
        <v>0</v>
      </c>
      <c r="BC17" s="191">
        <v>0</v>
      </c>
      <c r="BD17" s="196">
        <v>1</v>
      </c>
      <c r="BE17" s="195">
        <v>1</v>
      </c>
      <c r="BF17" s="190">
        <v>0</v>
      </c>
      <c r="BG17" s="191">
        <v>0</v>
      </c>
      <c r="BH17" s="196">
        <v>0</v>
      </c>
      <c r="BI17" s="193">
        <v>0</v>
      </c>
      <c r="BJ17" s="191">
        <v>0</v>
      </c>
      <c r="BK17" s="191">
        <v>3</v>
      </c>
      <c r="BL17" s="191">
        <v>0</v>
      </c>
      <c r="BM17" s="191">
        <v>0</v>
      </c>
      <c r="BN17" s="191">
        <v>0</v>
      </c>
      <c r="BO17" s="194">
        <v>3</v>
      </c>
      <c r="BP17" s="195">
        <v>3</v>
      </c>
      <c r="BQ17" s="190">
        <v>0</v>
      </c>
      <c r="BR17" s="191">
        <v>0</v>
      </c>
      <c r="BS17" s="196">
        <v>0</v>
      </c>
      <c r="BT17" s="193">
        <v>0</v>
      </c>
      <c r="BU17" s="191">
        <v>0</v>
      </c>
      <c r="BV17" s="191">
        <v>0</v>
      </c>
      <c r="BW17" s="191">
        <v>0</v>
      </c>
      <c r="BX17" s="191">
        <v>0</v>
      </c>
      <c r="BY17" s="191">
        <v>0</v>
      </c>
      <c r="BZ17" s="196">
        <v>0</v>
      </c>
      <c r="CA17" s="195">
        <v>0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0</v>
      </c>
      <c r="CH17" s="191">
        <v>0</v>
      </c>
      <c r="CI17" s="191">
        <v>1</v>
      </c>
      <c r="CJ17" s="191">
        <v>0</v>
      </c>
      <c r="CK17" s="196">
        <v>1</v>
      </c>
      <c r="CL17" s="195">
        <v>1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0</v>
      </c>
      <c r="CS17" s="191">
        <v>0</v>
      </c>
      <c r="CT17" s="191">
        <v>0</v>
      </c>
      <c r="CU17" s="191">
        <v>0</v>
      </c>
      <c r="CV17" s="196">
        <v>0</v>
      </c>
      <c r="CW17" s="195">
        <v>0</v>
      </c>
    </row>
    <row r="18" spans="2:101" ht="21" customHeight="1" x14ac:dyDescent="0.2">
      <c r="B18" s="106" t="s">
        <v>16</v>
      </c>
      <c r="C18" s="190">
        <v>0</v>
      </c>
      <c r="D18" s="196">
        <v>0</v>
      </c>
      <c r="E18" s="207">
        <v>0</v>
      </c>
      <c r="F18" s="193">
        <v>0</v>
      </c>
      <c r="G18" s="191">
        <v>0</v>
      </c>
      <c r="H18" s="191">
        <v>0</v>
      </c>
      <c r="I18" s="191">
        <v>1</v>
      </c>
      <c r="J18" s="191">
        <v>1</v>
      </c>
      <c r="K18" s="191">
        <v>0</v>
      </c>
      <c r="L18" s="194">
        <v>2</v>
      </c>
      <c r="M18" s="195">
        <v>2</v>
      </c>
      <c r="N18" s="190">
        <v>0</v>
      </c>
      <c r="O18" s="191">
        <v>0</v>
      </c>
      <c r="P18" s="196">
        <v>0</v>
      </c>
      <c r="Q18" s="193">
        <v>0</v>
      </c>
      <c r="R18" s="191">
        <v>0</v>
      </c>
      <c r="S18" s="191">
        <v>1</v>
      </c>
      <c r="T18" s="191">
        <v>0</v>
      </c>
      <c r="U18" s="191">
        <v>0</v>
      </c>
      <c r="V18" s="191">
        <v>0</v>
      </c>
      <c r="W18" s="196">
        <v>1</v>
      </c>
      <c r="X18" s="195">
        <v>1</v>
      </c>
      <c r="Y18" s="190">
        <v>0</v>
      </c>
      <c r="Z18" s="191">
        <v>0</v>
      </c>
      <c r="AA18" s="196">
        <v>0</v>
      </c>
      <c r="AB18" s="193">
        <v>0</v>
      </c>
      <c r="AC18" s="191">
        <v>9</v>
      </c>
      <c r="AD18" s="191">
        <v>8</v>
      </c>
      <c r="AE18" s="191">
        <v>2</v>
      </c>
      <c r="AF18" s="191">
        <v>0</v>
      </c>
      <c r="AG18" s="191">
        <v>0</v>
      </c>
      <c r="AH18" s="196">
        <v>19</v>
      </c>
      <c r="AI18" s="195">
        <v>19</v>
      </c>
      <c r="AJ18" s="190">
        <v>0</v>
      </c>
      <c r="AK18" s="191">
        <v>0</v>
      </c>
      <c r="AL18" s="196">
        <v>0</v>
      </c>
      <c r="AM18" s="193">
        <v>0</v>
      </c>
      <c r="AN18" s="191">
        <v>1</v>
      </c>
      <c r="AO18" s="191">
        <v>0</v>
      </c>
      <c r="AP18" s="191">
        <v>0</v>
      </c>
      <c r="AQ18" s="191">
        <v>0</v>
      </c>
      <c r="AR18" s="191">
        <v>0</v>
      </c>
      <c r="AS18" s="196">
        <v>1</v>
      </c>
      <c r="AT18" s="195">
        <v>1</v>
      </c>
      <c r="AU18" s="190">
        <v>0</v>
      </c>
      <c r="AV18" s="191">
        <v>0</v>
      </c>
      <c r="AW18" s="196">
        <v>0</v>
      </c>
      <c r="AX18" s="193">
        <v>0</v>
      </c>
      <c r="AY18" s="191">
        <v>3</v>
      </c>
      <c r="AZ18" s="191">
        <v>1</v>
      </c>
      <c r="BA18" s="191">
        <v>0</v>
      </c>
      <c r="BB18" s="191">
        <v>0</v>
      </c>
      <c r="BC18" s="191">
        <v>1</v>
      </c>
      <c r="BD18" s="196">
        <v>5</v>
      </c>
      <c r="BE18" s="195">
        <v>5</v>
      </c>
      <c r="BF18" s="190">
        <v>0</v>
      </c>
      <c r="BG18" s="191">
        <v>0</v>
      </c>
      <c r="BH18" s="196">
        <v>0</v>
      </c>
      <c r="BI18" s="193">
        <v>0</v>
      </c>
      <c r="BJ18" s="191">
        <v>1</v>
      </c>
      <c r="BK18" s="191">
        <v>2</v>
      </c>
      <c r="BL18" s="191">
        <v>1</v>
      </c>
      <c r="BM18" s="191">
        <v>1</v>
      </c>
      <c r="BN18" s="191">
        <v>0</v>
      </c>
      <c r="BO18" s="194">
        <v>5</v>
      </c>
      <c r="BP18" s="195">
        <v>5</v>
      </c>
      <c r="BQ18" s="190">
        <v>0</v>
      </c>
      <c r="BR18" s="191">
        <v>0</v>
      </c>
      <c r="BS18" s="196">
        <v>0</v>
      </c>
      <c r="BT18" s="193">
        <v>0</v>
      </c>
      <c r="BU18" s="191">
        <v>0</v>
      </c>
      <c r="BV18" s="191">
        <v>0</v>
      </c>
      <c r="BW18" s="191">
        <v>0</v>
      </c>
      <c r="BX18" s="191">
        <v>0</v>
      </c>
      <c r="BY18" s="191">
        <v>0</v>
      </c>
      <c r="BZ18" s="196">
        <v>0</v>
      </c>
      <c r="CA18" s="195">
        <v>0</v>
      </c>
      <c r="CB18" s="190">
        <v>0</v>
      </c>
      <c r="CC18" s="191">
        <v>0</v>
      </c>
      <c r="CD18" s="196">
        <v>0</v>
      </c>
      <c r="CE18" s="193">
        <v>0</v>
      </c>
      <c r="CF18" s="191">
        <v>0</v>
      </c>
      <c r="CG18" s="191">
        <v>0</v>
      </c>
      <c r="CH18" s="191">
        <v>0</v>
      </c>
      <c r="CI18" s="191">
        <v>0</v>
      </c>
      <c r="CJ18" s="191">
        <v>0</v>
      </c>
      <c r="CK18" s="196">
        <v>0</v>
      </c>
      <c r="CL18" s="195">
        <v>0</v>
      </c>
      <c r="CM18" s="190">
        <v>0</v>
      </c>
      <c r="CN18" s="191">
        <v>0</v>
      </c>
      <c r="CO18" s="196">
        <v>0</v>
      </c>
      <c r="CP18" s="193">
        <v>0</v>
      </c>
      <c r="CQ18" s="191">
        <v>1</v>
      </c>
      <c r="CR18" s="191">
        <v>0</v>
      </c>
      <c r="CS18" s="191">
        <v>0</v>
      </c>
      <c r="CT18" s="191">
        <v>0</v>
      </c>
      <c r="CU18" s="191">
        <v>0</v>
      </c>
      <c r="CV18" s="196">
        <v>1</v>
      </c>
      <c r="CW18" s="195">
        <v>1</v>
      </c>
    </row>
    <row r="19" spans="2:101" ht="21" customHeight="1" x14ac:dyDescent="0.2">
      <c r="B19" s="106" t="s">
        <v>17</v>
      </c>
      <c r="C19" s="190">
        <v>0</v>
      </c>
      <c r="D19" s="196">
        <v>0</v>
      </c>
      <c r="E19" s="207">
        <v>0</v>
      </c>
      <c r="F19" s="193">
        <v>0</v>
      </c>
      <c r="G19" s="191">
        <v>0</v>
      </c>
      <c r="H19" s="191">
        <v>0</v>
      </c>
      <c r="I19" s="191">
        <v>0</v>
      </c>
      <c r="J19" s="191">
        <v>0</v>
      </c>
      <c r="K19" s="191">
        <v>0</v>
      </c>
      <c r="L19" s="194">
        <v>0</v>
      </c>
      <c r="M19" s="195">
        <v>0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0</v>
      </c>
      <c r="T19" s="191">
        <v>0</v>
      </c>
      <c r="U19" s="191">
        <v>0</v>
      </c>
      <c r="V19" s="191">
        <v>0</v>
      </c>
      <c r="W19" s="196">
        <v>0</v>
      </c>
      <c r="X19" s="195">
        <v>0</v>
      </c>
      <c r="Y19" s="190">
        <v>0</v>
      </c>
      <c r="Z19" s="191">
        <v>0</v>
      </c>
      <c r="AA19" s="196">
        <v>0</v>
      </c>
      <c r="AB19" s="193">
        <v>0</v>
      </c>
      <c r="AC19" s="191">
        <v>22</v>
      </c>
      <c r="AD19" s="191">
        <v>20</v>
      </c>
      <c r="AE19" s="191">
        <v>10</v>
      </c>
      <c r="AF19" s="191">
        <v>5</v>
      </c>
      <c r="AG19" s="191">
        <v>1</v>
      </c>
      <c r="AH19" s="196">
        <v>58</v>
      </c>
      <c r="AI19" s="195">
        <v>58</v>
      </c>
      <c r="AJ19" s="190">
        <v>0</v>
      </c>
      <c r="AK19" s="191">
        <v>0</v>
      </c>
      <c r="AL19" s="196">
        <v>0</v>
      </c>
      <c r="AM19" s="193">
        <v>0</v>
      </c>
      <c r="AN19" s="191">
        <v>3</v>
      </c>
      <c r="AO19" s="191">
        <v>1</v>
      </c>
      <c r="AP19" s="191">
        <v>0</v>
      </c>
      <c r="AQ19" s="191">
        <v>0</v>
      </c>
      <c r="AR19" s="191">
        <v>0</v>
      </c>
      <c r="AS19" s="196">
        <v>4</v>
      </c>
      <c r="AT19" s="195">
        <v>4</v>
      </c>
      <c r="AU19" s="190">
        <v>0</v>
      </c>
      <c r="AV19" s="191">
        <v>0</v>
      </c>
      <c r="AW19" s="196">
        <v>0</v>
      </c>
      <c r="AX19" s="193">
        <v>0</v>
      </c>
      <c r="AY19" s="191">
        <v>0</v>
      </c>
      <c r="AZ19" s="191">
        <v>0</v>
      </c>
      <c r="BA19" s="191">
        <v>3</v>
      </c>
      <c r="BB19" s="191">
        <v>1</v>
      </c>
      <c r="BC19" s="191">
        <v>2</v>
      </c>
      <c r="BD19" s="196">
        <v>6</v>
      </c>
      <c r="BE19" s="195">
        <v>6</v>
      </c>
      <c r="BF19" s="190">
        <v>0</v>
      </c>
      <c r="BG19" s="191">
        <v>0</v>
      </c>
      <c r="BH19" s="196">
        <v>0</v>
      </c>
      <c r="BI19" s="193">
        <v>0</v>
      </c>
      <c r="BJ19" s="191">
        <v>1</v>
      </c>
      <c r="BK19" s="191">
        <v>2</v>
      </c>
      <c r="BL19" s="191">
        <v>4</v>
      </c>
      <c r="BM19" s="191">
        <v>1</v>
      </c>
      <c r="BN19" s="191">
        <v>2</v>
      </c>
      <c r="BO19" s="194">
        <v>10</v>
      </c>
      <c r="BP19" s="195">
        <v>10</v>
      </c>
      <c r="BQ19" s="190">
        <v>0</v>
      </c>
      <c r="BR19" s="191">
        <v>0</v>
      </c>
      <c r="BS19" s="196">
        <v>0</v>
      </c>
      <c r="BT19" s="193">
        <v>0</v>
      </c>
      <c r="BU19" s="191">
        <v>0</v>
      </c>
      <c r="BV19" s="191">
        <v>0</v>
      </c>
      <c r="BW19" s="191">
        <v>0</v>
      </c>
      <c r="BX19" s="191">
        <v>0</v>
      </c>
      <c r="BY19" s="191">
        <v>0</v>
      </c>
      <c r="BZ19" s="196">
        <v>0</v>
      </c>
      <c r="CA19" s="195">
        <v>0</v>
      </c>
      <c r="CB19" s="190">
        <v>0</v>
      </c>
      <c r="CC19" s="191">
        <v>0</v>
      </c>
      <c r="CD19" s="196">
        <v>0</v>
      </c>
      <c r="CE19" s="193">
        <v>0</v>
      </c>
      <c r="CF19" s="191">
        <v>0</v>
      </c>
      <c r="CG19" s="191">
        <v>0</v>
      </c>
      <c r="CH19" s="191">
        <v>1</v>
      </c>
      <c r="CI19" s="191">
        <v>1</v>
      </c>
      <c r="CJ19" s="191">
        <v>1</v>
      </c>
      <c r="CK19" s="196">
        <v>3</v>
      </c>
      <c r="CL19" s="195">
        <v>3</v>
      </c>
      <c r="CM19" s="190">
        <v>0</v>
      </c>
      <c r="CN19" s="191">
        <v>0</v>
      </c>
      <c r="CO19" s="196">
        <v>0</v>
      </c>
      <c r="CP19" s="193">
        <v>0</v>
      </c>
      <c r="CQ19" s="191">
        <v>0</v>
      </c>
      <c r="CR19" s="191">
        <v>0</v>
      </c>
      <c r="CS19" s="191">
        <v>0</v>
      </c>
      <c r="CT19" s="191">
        <v>1</v>
      </c>
      <c r="CU19" s="191">
        <v>0</v>
      </c>
      <c r="CV19" s="196">
        <v>1</v>
      </c>
      <c r="CW19" s="195">
        <v>1</v>
      </c>
    </row>
    <row r="20" spans="2:101" ht="21" customHeight="1" x14ac:dyDescent="0.2">
      <c r="B20" s="106" t="s">
        <v>18</v>
      </c>
      <c r="C20" s="190">
        <v>0</v>
      </c>
      <c r="D20" s="196">
        <v>0</v>
      </c>
      <c r="E20" s="207">
        <v>0</v>
      </c>
      <c r="F20" s="193">
        <v>0</v>
      </c>
      <c r="G20" s="191">
        <v>0</v>
      </c>
      <c r="H20" s="191">
        <v>2</v>
      </c>
      <c r="I20" s="191">
        <v>0</v>
      </c>
      <c r="J20" s="191">
        <v>2</v>
      </c>
      <c r="K20" s="191">
        <v>1</v>
      </c>
      <c r="L20" s="194">
        <v>5</v>
      </c>
      <c r="M20" s="195">
        <v>5</v>
      </c>
      <c r="N20" s="190">
        <v>0</v>
      </c>
      <c r="O20" s="191">
        <v>0</v>
      </c>
      <c r="P20" s="196">
        <v>0</v>
      </c>
      <c r="Q20" s="193">
        <v>0</v>
      </c>
      <c r="R20" s="191">
        <v>0</v>
      </c>
      <c r="S20" s="191">
        <v>0</v>
      </c>
      <c r="T20" s="191">
        <v>0</v>
      </c>
      <c r="U20" s="191">
        <v>0</v>
      </c>
      <c r="V20" s="191">
        <v>0</v>
      </c>
      <c r="W20" s="196">
        <v>0</v>
      </c>
      <c r="X20" s="195">
        <v>0</v>
      </c>
      <c r="Y20" s="190">
        <v>0</v>
      </c>
      <c r="Z20" s="191">
        <v>0</v>
      </c>
      <c r="AA20" s="196">
        <v>0</v>
      </c>
      <c r="AB20" s="193">
        <v>0</v>
      </c>
      <c r="AC20" s="191">
        <v>22</v>
      </c>
      <c r="AD20" s="191">
        <v>7</v>
      </c>
      <c r="AE20" s="191">
        <v>5</v>
      </c>
      <c r="AF20" s="191">
        <v>2</v>
      </c>
      <c r="AG20" s="191">
        <v>1</v>
      </c>
      <c r="AH20" s="196">
        <v>37</v>
      </c>
      <c r="AI20" s="195">
        <v>37</v>
      </c>
      <c r="AJ20" s="190">
        <v>0</v>
      </c>
      <c r="AK20" s="191">
        <v>0</v>
      </c>
      <c r="AL20" s="196">
        <v>0</v>
      </c>
      <c r="AM20" s="193">
        <v>0</v>
      </c>
      <c r="AN20" s="191">
        <v>0</v>
      </c>
      <c r="AO20" s="191">
        <v>1</v>
      </c>
      <c r="AP20" s="191">
        <v>1</v>
      </c>
      <c r="AQ20" s="191">
        <v>0</v>
      </c>
      <c r="AR20" s="191">
        <v>0</v>
      </c>
      <c r="AS20" s="196">
        <v>2</v>
      </c>
      <c r="AT20" s="195">
        <v>2</v>
      </c>
      <c r="AU20" s="190">
        <v>0</v>
      </c>
      <c r="AV20" s="191">
        <v>0</v>
      </c>
      <c r="AW20" s="196">
        <v>0</v>
      </c>
      <c r="AX20" s="193">
        <v>0</v>
      </c>
      <c r="AY20" s="191">
        <v>1</v>
      </c>
      <c r="AZ20" s="191">
        <v>2</v>
      </c>
      <c r="BA20" s="191">
        <v>0</v>
      </c>
      <c r="BB20" s="191">
        <v>0</v>
      </c>
      <c r="BC20" s="191">
        <v>0</v>
      </c>
      <c r="BD20" s="196">
        <v>3</v>
      </c>
      <c r="BE20" s="195">
        <v>3</v>
      </c>
      <c r="BF20" s="190">
        <v>0</v>
      </c>
      <c r="BG20" s="191">
        <v>0</v>
      </c>
      <c r="BH20" s="196">
        <v>0</v>
      </c>
      <c r="BI20" s="193">
        <v>0</v>
      </c>
      <c r="BJ20" s="191">
        <v>2</v>
      </c>
      <c r="BK20" s="191">
        <v>3</v>
      </c>
      <c r="BL20" s="191">
        <v>7</v>
      </c>
      <c r="BM20" s="191">
        <v>1</v>
      </c>
      <c r="BN20" s="191">
        <v>1</v>
      </c>
      <c r="BO20" s="194">
        <v>14</v>
      </c>
      <c r="BP20" s="195">
        <v>14</v>
      </c>
      <c r="BQ20" s="190">
        <v>0</v>
      </c>
      <c r="BR20" s="191">
        <v>0</v>
      </c>
      <c r="BS20" s="196">
        <v>0</v>
      </c>
      <c r="BT20" s="193">
        <v>0</v>
      </c>
      <c r="BU20" s="191">
        <v>0</v>
      </c>
      <c r="BV20" s="191">
        <v>0</v>
      </c>
      <c r="BW20" s="191">
        <v>0</v>
      </c>
      <c r="BX20" s="191">
        <v>0</v>
      </c>
      <c r="BY20" s="191">
        <v>0</v>
      </c>
      <c r="BZ20" s="196">
        <v>0</v>
      </c>
      <c r="CA20" s="195">
        <v>0</v>
      </c>
      <c r="CB20" s="190">
        <v>0</v>
      </c>
      <c r="CC20" s="191">
        <v>0</v>
      </c>
      <c r="CD20" s="196">
        <v>0</v>
      </c>
      <c r="CE20" s="193">
        <v>0</v>
      </c>
      <c r="CF20" s="191">
        <v>0</v>
      </c>
      <c r="CG20" s="191">
        <v>0</v>
      </c>
      <c r="CH20" s="191">
        <v>0</v>
      </c>
      <c r="CI20" s="191">
        <v>1</v>
      </c>
      <c r="CJ20" s="191">
        <v>0</v>
      </c>
      <c r="CK20" s="196">
        <v>1</v>
      </c>
      <c r="CL20" s="195">
        <v>1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0</v>
      </c>
      <c r="CS20" s="191">
        <v>3</v>
      </c>
      <c r="CT20" s="191">
        <v>1</v>
      </c>
      <c r="CU20" s="191">
        <v>2</v>
      </c>
      <c r="CV20" s="196">
        <v>6</v>
      </c>
      <c r="CW20" s="195">
        <v>6</v>
      </c>
    </row>
    <row r="21" spans="2:101" ht="21" customHeight="1" x14ac:dyDescent="0.2">
      <c r="B21" s="106" t="s">
        <v>19</v>
      </c>
      <c r="C21" s="190">
        <v>0</v>
      </c>
      <c r="D21" s="196">
        <v>0</v>
      </c>
      <c r="E21" s="207">
        <v>0</v>
      </c>
      <c r="F21" s="193">
        <v>0</v>
      </c>
      <c r="G21" s="191">
        <v>0</v>
      </c>
      <c r="H21" s="191">
        <v>1</v>
      </c>
      <c r="I21" s="191">
        <v>1</v>
      </c>
      <c r="J21" s="191">
        <v>1</v>
      </c>
      <c r="K21" s="191">
        <v>0</v>
      </c>
      <c r="L21" s="194">
        <v>3</v>
      </c>
      <c r="M21" s="195">
        <v>3</v>
      </c>
      <c r="N21" s="190">
        <v>0</v>
      </c>
      <c r="O21" s="191">
        <v>0</v>
      </c>
      <c r="P21" s="196">
        <v>0</v>
      </c>
      <c r="Q21" s="193">
        <v>0</v>
      </c>
      <c r="R21" s="191">
        <v>0</v>
      </c>
      <c r="S21" s="191">
        <v>1</v>
      </c>
      <c r="T21" s="191">
        <v>0</v>
      </c>
      <c r="U21" s="191">
        <v>1</v>
      </c>
      <c r="V21" s="191">
        <v>0</v>
      </c>
      <c r="W21" s="196">
        <v>2</v>
      </c>
      <c r="X21" s="195">
        <v>2</v>
      </c>
      <c r="Y21" s="190">
        <v>0</v>
      </c>
      <c r="Z21" s="191">
        <v>0</v>
      </c>
      <c r="AA21" s="196">
        <v>0</v>
      </c>
      <c r="AB21" s="193">
        <v>0</v>
      </c>
      <c r="AC21" s="191">
        <v>7</v>
      </c>
      <c r="AD21" s="191">
        <v>4</v>
      </c>
      <c r="AE21" s="191">
        <v>1</v>
      </c>
      <c r="AF21" s="191">
        <v>2</v>
      </c>
      <c r="AG21" s="191">
        <v>0</v>
      </c>
      <c r="AH21" s="196">
        <v>14</v>
      </c>
      <c r="AI21" s="195">
        <v>14</v>
      </c>
      <c r="AJ21" s="190">
        <v>1</v>
      </c>
      <c r="AK21" s="191">
        <v>0</v>
      </c>
      <c r="AL21" s="196">
        <v>1</v>
      </c>
      <c r="AM21" s="193">
        <v>0</v>
      </c>
      <c r="AN21" s="191">
        <v>2</v>
      </c>
      <c r="AO21" s="191">
        <v>1</v>
      </c>
      <c r="AP21" s="191">
        <v>1</v>
      </c>
      <c r="AQ21" s="191">
        <v>0</v>
      </c>
      <c r="AR21" s="191">
        <v>0</v>
      </c>
      <c r="AS21" s="196">
        <v>4</v>
      </c>
      <c r="AT21" s="195">
        <v>5</v>
      </c>
      <c r="AU21" s="190">
        <v>0</v>
      </c>
      <c r="AV21" s="191">
        <v>0</v>
      </c>
      <c r="AW21" s="196">
        <v>0</v>
      </c>
      <c r="AX21" s="193">
        <v>0</v>
      </c>
      <c r="AY21" s="191">
        <v>0</v>
      </c>
      <c r="AZ21" s="191">
        <v>2</v>
      </c>
      <c r="BA21" s="191">
        <v>1</v>
      </c>
      <c r="BB21" s="191">
        <v>1</v>
      </c>
      <c r="BC21" s="191">
        <v>0</v>
      </c>
      <c r="BD21" s="196">
        <v>4</v>
      </c>
      <c r="BE21" s="195">
        <v>4</v>
      </c>
      <c r="BF21" s="190">
        <v>0</v>
      </c>
      <c r="BG21" s="191">
        <v>0</v>
      </c>
      <c r="BH21" s="196">
        <v>0</v>
      </c>
      <c r="BI21" s="193">
        <v>0</v>
      </c>
      <c r="BJ21" s="191">
        <v>0</v>
      </c>
      <c r="BK21" s="191">
        <v>0</v>
      </c>
      <c r="BL21" s="191">
        <v>2</v>
      </c>
      <c r="BM21" s="191">
        <v>0</v>
      </c>
      <c r="BN21" s="191">
        <v>0</v>
      </c>
      <c r="BO21" s="194">
        <v>2</v>
      </c>
      <c r="BP21" s="195">
        <v>2</v>
      </c>
      <c r="BQ21" s="190">
        <v>0</v>
      </c>
      <c r="BR21" s="191">
        <v>0</v>
      </c>
      <c r="BS21" s="196">
        <v>0</v>
      </c>
      <c r="BT21" s="193">
        <v>0</v>
      </c>
      <c r="BU21" s="191">
        <v>0</v>
      </c>
      <c r="BV21" s="191">
        <v>0</v>
      </c>
      <c r="BW21" s="191">
        <v>0</v>
      </c>
      <c r="BX21" s="191">
        <v>0</v>
      </c>
      <c r="BY21" s="191">
        <v>0</v>
      </c>
      <c r="BZ21" s="196">
        <v>0</v>
      </c>
      <c r="CA21" s="195">
        <v>0</v>
      </c>
      <c r="CB21" s="190">
        <v>0</v>
      </c>
      <c r="CC21" s="191">
        <v>0</v>
      </c>
      <c r="CD21" s="196">
        <v>0</v>
      </c>
      <c r="CE21" s="193">
        <v>0</v>
      </c>
      <c r="CF21" s="191">
        <v>0</v>
      </c>
      <c r="CG21" s="191">
        <v>0</v>
      </c>
      <c r="CH21" s="191">
        <v>0</v>
      </c>
      <c r="CI21" s="191">
        <v>0</v>
      </c>
      <c r="CJ21" s="191">
        <v>0</v>
      </c>
      <c r="CK21" s="196">
        <v>0</v>
      </c>
      <c r="CL21" s="195">
        <v>0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0</v>
      </c>
      <c r="CS21" s="191">
        <v>0</v>
      </c>
      <c r="CT21" s="191">
        <v>0</v>
      </c>
      <c r="CU21" s="191">
        <v>0</v>
      </c>
      <c r="CV21" s="196">
        <v>0</v>
      </c>
      <c r="CW21" s="195">
        <v>0</v>
      </c>
    </row>
    <row r="22" spans="2:101" ht="21" customHeight="1" x14ac:dyDescent="0.2">
      <c r="B22" s="106" t="s">
        <v>20</v>
      </c>
      <c r="C22" s="190">
        <v>0</v>
      </c>
      <c r="D22" s="196">
        <v>0</v>
      </c>
      <c r="E22" s="207">
        <v>0</v>
      </c>
      <c r="F22" s="193">
        <v>0</v>
      </c>
      <c r="G22" s="191">
        <v>0</v>
      </c>
      <c r="H22" s="191">
        <v>1</v>
      </c>
      <c r="I22" s="191">
        <v>0</v>
      </c>
      <c r="J22" s="191">
        <v>0</v>
      </c>
      <c r="K22" s="191">
        <v>0</v>
      </c>
      <c r="L22" s="194">
        <v>1</v>
      </c>
      <c r="M22" s="195">
        <v>1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0</v>
      </c>
      <c r="U22" s="191">
        <v>0</v>
      </c>
      <c r="V22" s="191">
        <v>0</v>
      </c>
      <c r="W22" s="196">
        <v>0</v>
      </c>
      <c r="X22" s="195">
        <v>0</v>
      </c>
      <c r="Y22" s="190">
        <v>0</v>
      </c>
      <c r="Z22" s="191">
        <v>0</v>
      </c>
      <c r="AA22" s="196">
        <v>0</v>
      </c>
      <c r="AB22" s="193">
        <v>0</v>
      </c>
      <c r="AC22" s="191">
        <v>12</v>
      </c>
      <c r="AD22" s="191">
        <v>14</v>
      </c>
      <c r="AE22" s="191">
        <v>3</v>
      </c>
      <c r="AF22" s="191">
        <v>0</v>
      </c>
      <c r="AG22" s="191">
        <v>1</v>
      </c>
      <c r="AH22" s="196">
        <v>30</v>
      </c>
      <c r="AI22" s="195">
        <v>30</v>
      </c>
      <c r="AJ22" s="190">
        <v>0</v>
      </c>
      <c r="AK22" s="191">
        <v>0</v>
      </c>
      <c r="AL22" s="196">
        <v>0</v>
      </c>
      <c r="AM22" s="193">
        <v>0</v>
      </c>
      <c r="AN22" s="191">
        <v>0</v>
      </c>
      <c r="AO22" s="191">
        <v>0</v>
      </c>
      <c r="AP22" s="191">
        <v>1</v>
      </c>
      <c r="AQ22" s="191">
        <v>0</v>
      </c>
      <c r="AR22" s="191">
        <v>0</v>
      </c>
      <c r="AS22" s="196">
        <v>1</v>
      </c>
      <c r="AT22" s="195">
        <v>1</v>
      </c>
      <c r="AU22" s="190">
        <v>0</v>
      </c>
      <c r="AV22" s="191">
        <v>0</v>
      </c>
      <c r="AW22" s="196">
        <v>0</v>
      </c>
      <c r="AX22" s="193">
        <v>0</v>
      </c>
      <c r="AY22" s="191">
        <v>1</v>
      </c>
      <c r="AZ22" s="191">
        <v>1</v>
      </c>
      <c r="BA22" s="191">
        <v>0</v>
      </c>
      <c r="BB22" s="191">
        <v>0</v>
      </c>
      <c r="BC22" s="191">
        <v>0</v>
      </c>
      <c r="BD22" s="196">
        <v>2</v>
      </c>
      <c r="BE22" s="195">
        <v>2</v>
      </c>
      <c r="BF22" s="190">
        <v>0</v>
      </c>
      <c r="BG22" s="191">
        <v>0</v>
      </c>
      <c r="BH22" s="196">
        <v>0</v>
      </c>
      <c r="BI22" s="193">
        <v>0</v>
      </c>
      <c r="BJ22" s="191">
        <v>1</v>
      </c>
      <c r="BK22" s="191">
        <v>2</v>
      </c>
      <c r="BL22" s="191">
        <v>4</v>
      </c>
      <c r="BM22" s="191">
        <v>0</v>
      </c>
      <c r="BN22" s="191">
        <v>0</v>
      </c>
      <c r="BO22" s="194">
        <v>7</v>
      </c>
      <c r="BP22" s="195">
        <v>7</v>
      </c>
      <c r="BQ22" s="190">
        <v>0</v>
      </c>
      <c r="BR22" s="191">
        <v>0</v>
      </c>
      <c r="BS22" s="196">
        <v>0</v>
      </c>
      <c r="BT22" s="193">
        <v>0</v>
      </c>
      <c r="BU22" s="191">
        <v>0</v>
      </c>
      <c r="BV22" s="191">
        <v>0</v>
      </c>
      <c r="BW22" s="191">
        <v>0</v>
      </c>
      <c r="BX22" s="191">
        <v>0</v>
      </c>
      <c r="BY22" s="191">
        <v>0</v>
      </c>
      <c r="BZ22" s="196">
        <v>0</v>
      </c>
      <c r="CA22" s="195">
        <v>0</v>
      </c>
      <c r="CB22" s="190">
        <v>0</v>
      </c>
      <c r="CC22" s="191">
        <v>0</v>
      </c>
      <c r="CD22" s="196">
        <v>0</v>
      </c>
      <c r="CE22" s="193">
        <v>0</v>
      </c>
      <c r="CF22" s="191">
        <v>0</v>
      </c>
      <c r="CG22" s="191">
        <v>0</v>
      </c>
      <c r="CH22" s="191">
        <v>0</v>
      </c>
      <c r="CI22" s="191">
        <v>0</v>
      </c>
      <c r="CJ22" s="191">
        <v>0</v>
      </c>
      <c r="CK22" s="196">
        <v>0</v>
      </c>
      <c r="CL22" s="195">
        <v>0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</row>
    <row r="23" spans="2:101" ht="21" customHeight="1" x14ac:dyDescent="0.2">
      <c r="B23" s="106" t="s">
        <v>21</v>
      </c>
      <c r="C23" s="190">
        <v>0</v>
      </c>
      <c r="D23" s="196">
        <v>0</v>
      </c>
      <c r="E23" s="207">
        <v>0</v>
      </c>
      <c r="F23" s="193">
        <v>0</v>
      </c>
      <c r="G23" s="191">
        <v>0</v>
      </c>
      <c r="H23" s="191">
        <v>0</v>
      </c>
      <c r="I23" s="191">
        <v>0</v>
      </c>
      <c r="J23" s="191">
        <v>0</v>
      </c>
      <c r="K23" s="191">
        <v>0</v>
      </c>
      <c r="L23" s="194">
        <v>0</v>
      </c>
      <c r="M23" s="195">
        <v>0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  <c r="Y23" s="190">
        <v>0</v>
      </c>
      <c r="Z23" s="191">
        <v>0</v>
      </c>
      <c r="AA23" s="196">
        <v>0</v>
      </c>
      <c r="AB23" s="193">
        <v>0</v>
      </c>
      <c r="AC23" s="191">
        <v>12</v>
      </c>
      <c r="AD23" s="191">
        <v>7</v>
      </c>
      <c r="AE23" s="191">
        <v>4</v>
      </c>
      <c r="AF23" s="191">
        <v>1</v>
      </c>
      <c r="AG23" s="191">
        <v>0</v>
      </c>
      <c r="AH23" s="196">
        <v>24</v>
      </c>
      <c r="AI23" s="195">
        <v>24</v>
      </c>
      <c r="AJ23" s="190">
        <v>0</v>
      </c>
      <c r="AK23" s="191">
        <v>0</v>
      </c>
      <c r="AL23" s="196">
        <v>0</v>
      </c>
      <c r="AM23" s="193">
        <v>0</v>
      </c>
      <c r="AN23" s="191">
        <v>0</v>
      </c>
      <c r="AO23" s="191">
        <v>0</v>
      </c>
      <c r="AP23" s="191">
        <v>0</v>
      </c>
      <c r="AQ23" s="191">
        <v>0</v>
      </c>
      <c r="AR23" s="191">
        <v>0</v>
      </c>
      <c r="AS23" s="196">
        <v>0</v>
      </c>
      <c r="AT23" s="195">
        <v>0</v>
      </c>
      <c r="AU23" s="190">
        <v>0</v>
      </c>
      <c r="AV23" s="191">
        <v>0</v>
      </c>
      <c r="AW23" s="196">
        <v>0</v>
      </c>
      <c r="AX23" s="193">
        <v>0</v>
      </c>
      <c r="AY23" s="191">
        <v>1</v>
      </c>
      <c r="AZ23" s="191">
        <v>0</v>
      </c>
      <c r="BA23" s="191">
        <v>1</v>
      </c>
      <c r="BB23" s="191">
        <v>0</v>
      </c>
      <c r="BC23" s="191">
        <v>0</v>
      </c>
      <c r="BD23" s="196">
        <v>2</v>
      </c>
      <c r="BE23" s="195">
        <v>2</v>
      </c>
      <c r="BF23" s="190">
        <v>0</v>
      </c>
      <c r="BG23" s="191">
        <v>0</v>
      </c>
      <c r="BH23" s="196">
        <v>0</v>
      </c>
      <c r="BI23" s="193">
        <v>0</v>
      </c>
      <c r="BJ23" s="191">
        <v>0</v>
      </c>
      <c r="BK23" s="191">
        <v>1</v>
      </c>
      <c r="BL23" s="191">
        <v>0</v>
      </c>
      <c r="BM23" s="191">
        <v>1</v>
      </c>
      <c r="BN23" s="191">
        <v>1</v>
      </c>
      <c r="BO23" s="194">
        <v>3</v>
      </c>
      <c r="BP23" s="195">
        <v>3</v>
      </c>
      <c r="BQ23" s="190">
        <v>0</v>
      </c>
      <c r="BR23" s="191">
        <v>0</v>
      </c>
      <c r="BS23" s="196">
        <v>0</v>
      </c>
      <c r="BT23" s="193">
        <v>0</v>
      </c>
      <c r="BU23" s="191">
        <v>0</v>
      </c>
      <c r="BV23" s="191">
        <v>0</v>
      </c>
      <c r="BW23" s="191">
        <v>0</v>
      </c>
      <c r="BX23" s="191">
        <v>0</v>
      </c>
      <c r="BY23" s="191">
        <v>0</v>
      </c>
      <c r="BZ23" s="196">
        <v>0</v>
      </c>
      <c r="CA23" s="195">
        <v>0</v>
      </c>
      <c r="CB23" s="190">
        <v>0</v>
      </c>
      <c r="CC23" s="191">
        <v>0</v>
      </c>
      <c r="CD23" s="196">
        <v>0</v>
      </c>
      <c r="CE23" s="193">
        <v>0</v>
      </c>
      <c r="CF23" s="191">
        <v>0</v>
      </c>
      <c r="CG23" s="191">
        <v>0</v>
      </c>
      <c r="CH23" s="191">
        <v>0</v>
      </c>
      <c r="CI23" s="191">
        <v>0</v>
      </c>
      <c r="CJ23" s="191">
        <v>0</v>
      </c>
      <c r="CK23" s="196">
        <v>0</v>
      </c>
      <c r="CL23" s="195">
        <v>0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</row>
    <row r="24" spans="2:101" ht="21" customHeight="1" x14ac:dyDescent="0.2">
      <c r="B24" s="106" t="s">
        <v>22</v>
      </c>
      <c r="C24" s="190">
        <v>0</v>
      </c>
      <c r="D24" s="196">
        <v>0</v>
      </c>
      <c r="E24" s="207">
        <v>0</v>
      </c>
      <c r="F24" s="193">
        <v>0</v>
      </c>
      <c r="G24" s="191">
        <v>0</v>
      </c>
      <c r="H24" s="191">
        <v>0</v>
      </c>
      <c r="I24" s="191">
        <v>0</v>
      </c>
      <c r="J24" s="191">
        <v>0</v>
      </c>
      <c r="K24" s="191">
        <v>0</v>
      </c>
      <c r="L24" s="194">
        <v>0</v>
      </c>
      <c r="M24" s="195">
        <v>0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0</v>
      </c>
      <c r="V24" s="191">
        <v>0</v>
      </c>
      <c r="W24" s="196">
        <v>0</v>
      </c>
      <c r="X24" s="195">
        <v>0</v>
      </c>
      <c r="Y24" s="190">
        <v>0</v>
      </c>
      <c r="Z24" s="191">
        <v>0</v>
      </c>
      <c r="AA24" s="196">
        <v>0</v>
      </c>
      <c r="AB24" s="193">
        <v>0</v>
      </c>
      <c r="AC24" s="191">
        <v>5</v>
      </c>
      <c r="AD24" s="191">
        <v>6</v>
      </c>
      <c r="AE24" s="191">
        <v>1</v>
      </c>
      <c r="AF24" s="191">
        <v>0</v>
      </c>
      <c r="AG24" s="191">
        <v>1</v>
      </c>
      <c r="AH24" s="196">
        <v>13</v>
      </c>
      <c r="AI24" s="195">
        <v>13</v>
      </c>
      <c r="AJ24" s="190">
        <v>0</v>
      </c>
      <c r="AK24" s="191">
        <v>0</v>
      </c>
      <c r="AL24" s="196">
        <v>0</v>
      </c>
      <c r="AM24" s="193">
        <v>0</v>
      </c>
      <c r="AN24" s="191">
        <v>1</v>
      </c>
      <c r="AO24" s="191">
        <v>0</v>
      </c>
      <c r="AP24" s="191">
        <v>0</v>
      </c>
      <c r="AQ24" s="191">
        <v>0</v>
      </c>
      <c r="AR24" s="191">
        <v>1</v>
      </c>
      <c r="AS24" s="196">
        <v>2</v>
      </c>
      <c r="AT24" s="195">
        <v>2</v>
      </c>
      <c r="AU24" s="190">
        <v>0</v>
      </c>
      <c r="AV24" s="191">
        <v>0</v>
      </c>
      <c r="AW24" s="196">
        <v>0</v>
      </c>
      <c r="AX24" s="193">
        <v>0</v>
      </c>
      <c r="AY24" s="191">
        <v>1</v>
      </c>
      <c r="AZ24" s="191">
        <v>1</v>
      </c>
      <c r="BA24" s="191">
        <v>0</v>
      </c>
      <c r="BB24" s="191">
        <v>0</v>
      </c>
      <c r="BC24" s="191">
        <v>0</v>
      </c>
      <c r="BD24" s="196">
        <v>2</v>
      </c>
      <c r="BE24" s="195">
        <v>2</v>
      </c>
      <c r="BF24" s="190">
        <v>0</v>
      </c>
      <c r="BG24" s="191">
        <v>0</v>
      </c>
      <c r="BH24" s="196">
        <v>0</v>
      </c>
      <c r="BI24" s="193">
        <v>0</v>
      </c>
      <c r="BJ24" s="191">
        <v>1</v>
      </c>
      <c r="BK24" s="191">
        <v>0</v>
      </c>
      <c r="BL24" s="191">
        <v>0</v>
      </c>
      <c r="BM24" s="191">
        <v>0</v>
      </c>
      <c r="BN24" s="191">
        <v>0</v>
      </c>
      <c r="BO24" s="194">
        <v>1</v>
      </c>
      <c r="BP24" s="195">
        <v>1</v>
      </c>
      <c r="BQ24" s="190">
        <v>0</v>
      </c>
      <c r="BR24" s="191">
        <v>0</v>
      </c>
      <c r="BS24" s="196">
        <v>0</v>
      </c>
      <c r="BT24" s="193">
        <v>0</v>
      </c>
      <c r="BU24" s="191">
        <v>0</v>
      </c>
      <c r="BV24" s="191">
        <v>0</v>
      </c>
      <c r="BW24" s="191">
        <v>0</v>
      </c>
      <c r="BX24" s="191">
        <v>0</v>
      </c>
      <c r="BY24" s="191">
        <v>0</v>
      </c>
      <c r="BZ24" s="196">
        <v>0</v>
      </c>
      <c r="CA24" s="195">
        <v>0</v>
      </c>
      <c r="CB24" s="190">
        <v>0</v>
      </c>
      <c r="CC24" s="191">
        <v>0</v>
      </c>
      <c r="CD24" s="196">
        <v>0</v>
      </c>
      <c r="CE24" s="193">
        <v>0</v>
      </c>
      <c r="CF24" s="191">
        <v>0</v>
      </c>
      <c r="CG24" s="191">
        <v>0</v>
      </c>
      <c r="CH24" s="191">
        <v>0</v>
      </c>
      <c r="CI24" s="191">
        <v>0</v>
      </c>
      <c r="CJ24" s="191">
        <v>0</v>
      </c>
      <c r="CK24" s="196">
        <v>0</v>
      </c>
      <c r="CL24" s="195">
        <v>0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</row>
    <row r="25" spans="2:101" ht="21" customHeight="1" x14ac:dyDescent="0.2">
      <c r="B25" s="106" t="s">
        <v>23</v>
      </c>
      <c r="C25" s="190">
        <v>0</v>
      </c>
      <c r="D25" s="196">
        <v>0</v>
      </c>
      <c r="E25" s="207">
        <v>0</v>
      </c>
      <c r="F25" s="193">
        <v>0</v>
      </c>
      <c r="G25" s="191">
        <v>0</v>
      </c>
      <c r="H25" s="191">
        <v>0</v>
      </c>
      <c r="I25" s="191">
        <v>0</v>
      </c>
      <c r="J25" s="191">
        <v>0</v>
      </c>
      <c r="K25" s="191">
        <v>1</v>
      </c>
      <c r="L25" s="194">
        <v>1</v>
      </c>
      <c r="M25" s="195">
        <v>1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0</v>
      </c>
      <c r="V25" s="191">
        <v>0</v>
      </c>
      <c r="W25" s="196">
        <v>0</v>
      </c>
      <c r="X25" s="195">
        <v>0</v>
      </c>
      <c r="Y25" s="190">
        <v>0</v>
      </c>
      <c r="Z25" s="191">
        <v>0</v>
      </c>
      <c r="AA25" s="196">
        <v>0</v>
      </c>
      <c r="AB25" s="193">
        <v>0</v>
      </c>
      <c r="AC25" s="191">
        <v>4</v>
      </c>
      <c r="AD25" s="191">
        <v>1</v>
      </c>
      <c r="AE25" s="191">
        <v>0</v>
      </c>
      <c r="AF25" s="191">
        <v>0</v>
      </c>
      <c r="AG25" s="191">
        <v>0</v>
      </c>
      <c r="AH25" s="196">
        <v>5</v>
      </c>
      <c r="AI25" s="195">
        <v>5</v>
      </c>
      <c r="AJ25" s="190">
        <v>0</v>
      </c>
      <c r="AK25" s="191">
        <v>0</v>
      </c>
      <c r="AL25" s="196">
        <v>0</v>
      </c>
      <c r="AM25" s="193">
        <v>0</v>
      </c>
      <c r="AN25" s="191">
        <v>0</v>
      </c>
      <c r="AO25" s="191">
        <v>0</v>
      </c>
      <c r="AP25" s="191">
        <v>0</v>
      </c>
      <c r="AQ25" s="191">
        <v>0</v>
      </c>
      <c r="AR25" s="191">
        <v>0</v>
      </c>
      <c r="AS25" s="196">
        <v>0</v>
      </c>
      <c r="AT25" s="195">
        <v>0</v>
      </c>
      <c r="AU25" s="190">
        <v>0</v>
      </c>
      <c r="AV25" s="191">
        <v>0</v>
      </c>
      <c r="AW25" s="196">
        <v>0</v>
      </c>
      <c r="AX25" s="193">
        <v>0</v>
      </c>
      <c r="AY25" s="191">
        <v>0</v>
      </c>
      <c r="AZ25" s="191">
        <v>0</v>
      </c>
      <c r="BA25" s="191">
        <v>0</v>
      </c>
      <c r="BB25" s="191">
        <v>0</v>
      </c>
      <c r="BC25" s="191">
        <v>0</v>
      </c>
      <c r="BD25" s="196">
        <v>0</v>
      </c>
      <c r="BE25" s="195">
        <v>0</v>
      </c>
      <c r="BF25" s="190">
        <v>0</v>
      </c>
      <c r="BG25" s="191">
        <v>0</v>
      </c>
      <c r="BH25" s="196">
        <v>0</v>
      </c>
      <c r="BI25" s="193">
        <v>0</v>
      </c>
      <c r="BJ25" s="191">
        <v>1</v>
      </c>
      <c r="BK25" s="191">
        <v>0</v>
      </c>
      <c r="BL25" s="191">
        <v>2</v>
      </c>
      <c r="BM25" s="191">
        <v>0</v>
      </c>
      <c r="BN25" s="191">
        <v>2</v>
      </c>
      <c r="BO25" s="194">
        <v>5</v>
      </c>
      <c r="BP25" s="195">
        <v>5</v>
      </c>
      <c r="BQ25" s="190">
        <v>0</v>
      </c>
      <c r="BR25" s="191">
        <v>0</v>
      </c>
      <c r="BS25" s="196">
        <v>0</v>
      </c>
      <c r="BT25" s="193">
        <v>0</v>
      </c>
      <c r="BU25" s="191">
        <v>0</v>
      </c>
      <c r="BV25" s="191">
        <v>0</v>
      </c>
      <c r="BW25" s="191">
        <v>0</v>
      </c>
      <c r="BX25" s="191">
        <v>0</v>
      </c>
      <c r="BY25" s="191">
        <v>0</v>
      </c>
      <c r="BZ25" s="196">
        <v>0</v>
      </c>
      <c r="CA25" s="195">
        <v>0</v>
      </c>
      <c r="CB25" s="190">
        <v>0</v>
      </c>
      <c r="CC25" s="191">
        <v>0</v>
      </c>
      <c r="CD25" s="196">
        <v>0</v>
      </c>
      <c r="CE25" s="193">
        <v>0</v>
      </c>
      <c r="CF25" s="191">
        <v>0</v>
      </c>
      <c r="CG25" s="191">
        <v>0</v>
      </c>
      <c r="CH25" s="191">
        <v>0</v>
      </c>
      <c r="CI25" s="191">
        <v>0</v>
      </c>
      <c r="CJ25" s="191">
        <v>0</v>
      </c>
      <c r="CK25" s="196">
        <v>0</v>
      </c>
      <c r="CL25" s="195">
        <v>0</v>
      </c>
      <c r="CM25" s="190">
        <v>0</v>
      </c>
      <c r="CN25" s="191">
        <v>0</v>
      </c>
      <c r="CO25" s="196">
        <v>0</v>
      </c>
      <c r="CP25" s="193">
        <v>0</v>
      </c>
      <c r="CQ25" s="191">
        <v>0</v>
      </c>
      <c r="CR25" s="191">
        <v>0</v>
      </c>
      <c r="CS25" s="191">
        <v>0</v>
      </c>
      <c r="CT25" s="191">
        <v>1</v>
      </c>
      <c r="CU25" s="191">
        <v>0</v>
      </c>
      <c r="CV25" s="196">
        <v>1</v>
      </c>
      <c r="CW25" s="195">
        <v>1</v>
      </c>
    </row>
    <row r="26" spans="2:101" ht="21" customHeight="1" x14ac:dyDescent="0.2">
      <c r="B26" s="106" t="s">
        <v>24</v>
      </c>
      <c r="C26" s="190">
        <v>0</v>
      </c>
      <c r="D26" s="196">
        <v>0</v>
      </c>
      <c r="E26" s="207">
        <v>0</v>
      </c>
      <c r="F26" s="193">
        <v>0</v>
      </c>
      <c r="G26" s="191">
        <v>1</v>
      </c>
      <c r="H26" s="191">
        <v>0</v>
      </c>
      <c r="I26" s="191">
        <v>0</v>
      </c>
      <c r="J26" s="191">
        <v>1</v>
      </c>
      <c r="K26" s="191">
        <v>1</v>
      </c>
      <c r="L26" s="194">
        <v>3</v>
      </c>
      <c r="M26" s="195">
        <v>3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0</v>
      </c>
      <c r="V26" s="191">
        <v>0</v>
      </c>
      <c r="W26" s="196">
        <v>0</v>
      </c>
      <c r="X26" s="195">
        <v>0</v>
      </c>
      <c r="Y26" s="190">
        <v>0</v>
      </c>
      <c r="Z26" s="191">
        <v>0</v>
      </c>
      <c r="AA26" s="196">
        <v>0</v>
      </c>
      <c r="AB26" s="193">
        <v>0</v>
      </c>
      <c r="AC26" s="191">
        <v>0</v>
      </c>
      <c r="AD26" s="191">
        <v>1</v>
      </c>
      <c r="AE26" s="191">
        <v>0</v>
      </c>
      <c r="AF26" s="191">
        <v>1</v>
      </c>
      <c r="AG26" s="191">
        <v>0</v>
      </c>
      <c r="AH26" s="196">
        <v>2</v>
      </c>
      <c r="AI26" s="195">
        <v>2</v>
      </c>
      <c r="AJ26" s="190">
        <v>0</v>
      </c>
      <c r="AK26" s="191">
        <v>0</v>
      </c>
      <c r="AL26" s="196">
        <v>0</v>
      </c>
      <c r="AM26" s="193">
        <v>0</v>
      </c>
      <c r="AN26" s="191">
        <v>0</v>
      </c>
      <c r="AO26" s="191">
        <v>0</v>
      </c>
      <c r="AP26" s="191">
        <v>0</v>
      </c>
      <c r="AQ26" s="191">
        <v>0</v>
      </c>
      <c r="AR26" s="191">
        <v>0</v>
      </c>
      <c r="AS26" s="196">
        <v>0</v>
      </c>
      <c r="AT26" s="195">
        <v>0</v>
      </c>
      <c r="AU26" s="190">
        <v>0</v>
      </c>
      <c r="AV26" s="191">
        <v>0</v>
      </c>
      <c r="AW26" s="196">
        <v>0</v>
      </c>
      <c r="AX26" s="193">
        <v>0</v>
      </c>
      <c r="AY26" s="191">
        <v>2</v>
      </c>
      <c r="AZ26" s="191">
        <v>2</v>
      </c>
      <c r="BA26" s="191">
        <v>0</v>
      </c>
      <c r="BB26" s="191">
        <v>0</v>
      </c>
      <c r="BC26" s="191">
        <v>0</v>
      </c>
      <c r="BD26" s="196">
        <v>4</v>
      </c>
      <c r="BE26" s="195">
        <v>4</v>
      </c>
      <c r="BF26" s="190">
        <v>0</v>
      </c>
      <c r="BG26" s="191">
        <v>0</v>
      </c>
      <c r="BH26" s="196">
        <v>0</v>
      </c>
      <c r="BI26" s="193">
        <v>0</v>
      </c>
      <c r="BJ26" s="191">
        <v>0</v>
      </c>
      <c r="BK26" s="191">
        <v>0</v>
      </c>
      <c r="BL26" s="191">
        <v>0</v>
      </c>
      <c r="BM26" s="191">
        <v>0</v>
      </c>
      <c r="BN26" s="191">
        <v>2</v>
      </c>
      <c r="BO26" s="194">
        <v>2</v>
      </c>
      <c r="BP26" s="195">
        <v>2</v>
      </c>
      <c r="BQ26" s="190">
        <v>0</v>
      </c>
      <c r="BR26" s="191">
        <v>0</v>
      </c>
      <c r="BS26" s="196">
        <v>0</v>
      </c>
      <c r="BT26" s="193">
        <v>0</v>
      </c>
      <c r="BU26" s="191">
        <v>0</v>
      </c>
      <c r="BV26" s="191">
        <v>0</v>
      </c>
      <c r="BW26" s="191">
        <v>0</v>
      </c>
      <c r="BX26" s="191">
        <v>0</v>
      </c>
      <c r="BY26" s="191">
        <v>0</v>
      </c>
      <c r="BZ26" s="196">
        <v>0</v>
      </c>
      <c r="CA26" s="195">
        <v>0</v>
      </c>
      <c r="CB26" s="190">
        <v>0</v>
      </c>
      <c r="CC26" s="191">
        <v>0</v>
      </c>
      <c r="CD26" s="196">
        <v>0</v>
      </c>
      <c r="CE26" s="193">
        <v>0</v>
      </c>
      <c r="CF26" s="191">
        <v>0</v>
      </c>
      <c r="CG26" s="191">
        <v>0</v>
      </c>
      <c r="CH26" s="191">
        <v>0</v>
      </c>
      <c r="CI26" s="191">
        <v>0</v>
      </c>
      <c r="CJ26" s="191">
        <v>0</v>
      </c>
      <c r="CK26" s="196">
        <v>0</v>
      </c>
      <c r="CL26" s="195">
        <v>0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</row>
    <row r="27" spans="2:101" ht="21" customHeight="1" x14ac:dyDescent="0.2">
      <c r="B27" s="106" t="s">
        <v>25</v>
      </c>
      <c r="C27" s="190">
        <v>0</v>
      </c>
      <c r="D27" s="196">
        <v>0</v>
      </c>
      <c r="E27" s="207">
        <v>0</v>
      </c>
      <c r="F27" s="193">
        <v>0</v>
      </c>
      <c r="G27" s="191">
        <v>0</v>
      </c>
      <c r="H27" s="191">
        <v>0</v>
      </c>
      <c r="I27" s="191">
        <v>0</v>
      </c>
      <c r="J27" s="191">
        <v>0</v>
      </c>
      <c r="K27" s="191">
        <v>0</v>
      </c>
      <c r="L27" s="194">
        <v>0</v>
      </c>
      <c r="M27" s="195">
        <v>0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  <c r="Y27" s="190">
        <v>0</v>
      </c>
      <c r="Z27" s="191">
        <v>0</v>
      </c>
      <c r="AA27" s="196">
        <v>0</v>
      </c>
      <c r="AB27" s="193">
        <v>0</v>
      </c>
      <c r="AC27" s="191">
        <v>4</v>
      </c>
      <c r="AD27" s="191">
        <v>1</v>
      </c>
      <c r="AE27" s="191">
        <v>0</v>
      </c>
      <c r="AF27" s="191">
        <v>1</v>
      </c>
      <c r="AG27" s="191">
        <v>0</v>
      </c>
      <c r="AH27" s="196">
        <v>6</v>
      </c>
      <c r="AI27" s="195">
        <v>6</v>
      </c>
      <c r="AJ27" s="190">
        <v>0</v>
      </c>
      <c r="AK27" s="191">
        <v>0</v>
      </c>
      <c r="AL27" s="196">
        <v>0</v>
      </c>
      <c r="AM27" s="193">
        <v>0</v>
      </c>
      <c r="AN27" s="191">
        <v>0</v>
      </c>
      <c r="AO27" s="191">
        <v>0</v>
      </c>
      <c r="AP27" s="191">
        <v>0</v>
      </c>
      <c r="AQ27" s="191">
        <v>0</v>
      </c>
      <c r="AR27" s="191">
        <v>0</v>
      </c>
      <c r="AS27" s="196">
        <v>0</v>
      </c>
      <c r="AT27" s="195">
        <v>0</v>
      </c>
      <c r="AU27" s="190">
        <v>0</v>
      </c>
      <c r="AV27" s="191">
        <v>0</v>
      </c>
      <c r="AW27" s="196">
        <v>0</v>
      </c>
      <c r="AX27" s="193">
        <v>0</v>
      </c>
      <c r="AY27" s="191">
        <v>0</v>
      </c>
      <c r="AZ27" s="191">
        <v>0</v>
      </c>
      <c r="BA27" s="191">
        <v>0</v>
      </c>
      <c r="BB27" s="191">
        <v>0</v>
      </c>
      <c r="BC27" s="191">
        <v>0</v>
      </c>
      <c r="BD27" s="196">
        <v>0</v>
      </c>
      <c r="BE27" s="195">
        <v>0</v>
      </c>
      <c r="BF27" s="190">
        <v>0</v>
      </c>
      <c r="BG27" s="191">
        <v>0</v>
      </c>
      <c r="BH27" s="196">
        <v>0</v>
      </c>
      <c r="BI27" s="193">
        <v>0</v>
      </c>
      <c r="BJ27" s="191">
        <v>1</v>
      </c>
      <c r="BK27" s="191">
        <v>0</v>
      </c>
      <c r="BL27" s="191">
        <v>0</v>
      </c>
      <c r="BM27" s="191">
        <v>0</v>
      </c>
      <c r="BN27" s="191">
        <v>0</v>
      </c>
      <c r="BO27" s="194">
        <v>1</v>
      </c>
      <c r="BP27" s="195">
        <v>1</v>
      </c>
      <c r="BQ27" s="190">
        <v>0</v>
      </c>
      <c r="BR27" s="191">
        <v>0</v>
      </c>
      <c r="BS27" s="196">
        <v>0</v>
      </c>
      <c r="BT27" s="193">
        <v>0</v>
      </c>
      <c r="BU27" s="191">
        <v>0</v>
      </c>
      <c r="BV27" s="191">
        <v>0</v>
      </c>
      <c r="BW27" s="191">
        <v>0</v>
      </c>
      <c r="BX27" s="191">
        <v>0</v>
      </c>
      <c r="BY27" s="191">
        <v>0</v>
      </c>
      <c r="BZ27" s="196">
        <v>0</v>
      </c>
      <c r="CA27" s="195">
        <v>0</v>
      </c>
      <c r="CB27" s="190">
        <v>0</v>
      </c>
      <c r="CC27" s="191">
        <v>0</v>
      </c>
      <c r="CD27" s="196">
        <v>0</v>
      </c>
      <c r="CE27" s="193">
        <v>0</v>
      </c>
      <c r="CF27" s="191">
        <v>0</v>
      </c>
      <c r="CG27" s="191">
        <v>0</v>
      </c>
      <c r="CH27" s="191">
        <v>0</v>
      </c>
      <c r="CI27" s="191">
        <v>0</v>
      </c>
      <c r="CJ27" s="191">
        <v>0</v>
      </c>
      <c r="CK27" s="196">
        <v>0</v>
      </c>
      <c r="CL27" s="195">
        <v>0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</row>
    <row r="28" spans="2:101" ht="21" customHeight="1" x14ac:dyDescent="0.2">
      <c r="B28" s="106" t="s">
        <v>26</v>
      </c>
      <c r="C28" s="190">
        <v>0</v>
      </c>
      <c r="D28" s="196">
        <v>0</v>
      </c>
      <c r="E28" s="207">
        <v>0</v>
      </c>
      <c r="F28" s="193">
        <v>0</v>
      </c>
      <c r="G28" s="191">
        <v>0</v>
      </c>
      <c r="H28" s="191">
        <v>0</v>
      </c>
      <c r="I28" s="191">
        <v>0</v>
      </c>
      <c r="J28" s="191">
        <v>0</v>
      </c>
      <c r="K28" s="191">
        <v>0</v>
      </c>
      <c r="L28" s="194">
        <v>0</v>
      </c>
      <c r="M28" s="195">
        <v>0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  <c r="Y28" s="190">
        <v>0</v>
      </c>
      <c r="Z28" s="191">
        <v>0</v>
      </c>
      <c r="AA28" s="196">
        <v>0</v>
      </c>
      <c r="AB28" s="193">
        <v>0</v>
      </c>
      <c r="AC28" s="191">
        <v>2</v>
      </c>
      <c r="AD28" s="191">
        <v>3</v>
      </c>
      <c r="AE28" s="191">
        <v>1</v>
      </c>
      <c r="AF28" s="191">
        <v>0</v>
      </c>
      <c r="AG28" s="191">
        <v>0</v>
      </c>
      <c r="AH28" s="196">
        <v>6</v>
      </c>
      <c r="AI28" s="195">
        <v>6</v>
      </c>
      <c r="AJ28" s="190">
        <v>0</v>
      </c>
      <c r="AK28" s="191">
        <v>0</v>
      </c>
      <c r="AL28" s="196">
        <v>0</v>
      </c>
      <c r="AM28" s="193">
        <v>0</v>
      </c>
      <c r="AN28" s="191">
        <v>0</v>
      </c>
      <c r="AO28" s="191">
        <v>0</v>
      </c>
      <c r="AP28" s="191">
        <v>0</v>
      </c>
      <c r="AQ28" s="191">
        <v>0</v>
      </c>
      <c r="AR28" s="191">
        <v>0</v>
      </c>
      <c r="AS28" s="196">
        <v>0</v>
      </c>
      <c r="AT28" s="195">
        <v>0</v>
      </c>
      <c r="AU28" s="190">
        <v>0</v>
      </c>
      <c r="AV28" s="191">
        <v>0</v>
      </c>
      <c r="AW28" s="196">
        <v>0</v>
      </c>
      <c r="AX28" s="193">
        <v>0</v>
      </c>
      <c r="AY28" s="191">
        <v>0</v>
      </c>
      <c r="AZ28" s="191">
        <v>0</v>
      </c>
      <c r="BA28" s="191">
        <v>0</v>
      </c>
      <c r="BB28" s="191">
        <v>0</v>
      </c>
      <c r="BC28" s="191">
        <v>0</v>
      </c>
      <c r="BD28" s="196">
        <v>0</v>
      </c>
      <c r="BE28" s="195">
        <v>0</v>
      </c>
      <c r="BF28" s="190">
        <v>0</v>
      </c>
      <c r="BG28" s="191">
        <v>0</v>
      </c>
      <c r="BH28" s="196">
        <v>0</v>
      </c>
      <c r="BI28" s="193">
        <v>0</v>
      </c>
      <c r="BJ28" s="191">
        <v>2</v>
      </c>
      <c r="BK28" s="191">
        <v>0</v>
      </c>
      <c r="BL28" s="191">
        <v>2</v>
      </c>
      <c r="BM28" s="191">
        <v>0</v>
      </c>
      <c r="BN28" s="191">
        <v>0</v>
      </c>
      <c r="BO28" s="194">
        <v>4</v>
      </c>
      <c r="BP28" s="195">
        <v>4</v>
      </c>
      <c r="BQ28" s="190">
        <v>0</v>
      </c>
      <c r="BR28" s="191">
        <v>0</v>
      </c>
      <c r="BS28" s="196">
        <v>0</v>
      </c>
      <c r="BT28" s="193">
        <v>0</v>
      </c>
      <c r="BU28" s="191">
        <v>0</v>
      </c>
      <c r="BV28" s="191">
        <v>0</v>
      </c>
      <c r="BW28" s="191">
        <v>0</v>
      </c>
      <c r="BX28" s="191">
        <v>0</v>
      </c>
      <c r="BY28" s="191">
        <v>0</v>
      </c>
      <c r="BZ28" s="196">
        <v>0</v>
      </c>
      <c r="CA28" s="195">
        <v>0</v>
      </c>
      <c r="CB28" s="190">
        <v>0</v>
      </c>
      <c r="CC28" s="191">
        <v>0</v>
      </c>
      <c r="CD28" s="196">
        <v>0</v>
      </c>
      <c r="CE28" s="193">
        <v>0</v>
      </c>
      <c r="CF28" s="191">
        <v>0</v>
      </c>
      <c r="CG28" s="191">
        <v>0</v>
      </c>
      <c r="CH28" s="191">
        <v>0</v>
      </c>
      <c r="CI28" s="191">
        <v>0</v>
      </c>
      <c r="CJ28" s="191">
        <v>0</v>
      </c>
      <c r="CK28" s="196">
        <v>0</v>
      </c>
      <c r="CL28" s="195">
        <v>0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</row>
    <row r="29" spans="2:101" ht="21" customHeight="1" x14ac:dyDescent="0.2">
      <c r="B29" s="106" t="s">
        <v>27</v>
      </c>
      <c r="C29" s="190">
        <v>0</v>
      </c>
      <c r="D29" s="196">
        <v>0</v>
      </c>
      <c r="E29" s="207">
        <v>0</v>
      </c>
      <c r="F29" s="193">
        <v>0</v>
      </c>
      <c r="G29" s="191">
        <v>0</v>
      </c>
      <c r="H29" s="191">
        <v>0</v>
      </c>
      <c r="I29" s="191">
        <v>0</v>
      </c>
      <c r="J29" s="191">
        <v>0</v>
      </c>
      <c r="K29" s="191">
        <v>0</v>
      </c>
      <c r="L29" s="194">
        <v>0</v>
      </c>
      <c r="M29" s="195">
        <v>0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0</v>
      </c>
      <c r="U29" s="191">
        <v>0</v>
      </c>
      <c r="V29" s="191">
        <v>0</v>
      </c>
      <c r="W29" s="196">
        <v>0</v>
      </c>
      <c r="X29" s="195">
        <v>0</v>
      </c>
      <c r="Y29" s="190">
        <v>0</v>
      </c>
      <c r="Z29" s="191">
        <v>0</v>
      </c>
      <c r="AA29" s="196">
        <v>0</v>
      </c>
      <c r="AB29" s="193">
        <v>0</v>
      </c>
      <c r="AC29" s="191">
        <v>5</v>
      </c>
      <c r="AD29" s="191">
        <v>2</v>
      </c>
      <c r="AE29" s="191">
        <v>1</v>
      </c>
      <c r="AF29" s="191">
        <v>0</v>
      </c>
      <c r="AG29" s="191">
        <v>0</v>
      </c>
      <c r="AH29" s="196">
        <v>8</v>
      </c>
      <c r="AI29" s="195">
        <v>8</v>
      </c>
      <c r="AJ29" s="190">
        <v>0</v>
      </c>
      <c r="AK29" s="191">
        <v>0</v>
      </c>
      <c r="AL29" s="196">
        <v>0</v>
      </c>
      <c r="AM29" s="193">
        <v>0</v>
      </c>
      <c r="AN29" s="191">
        <v>1</v>
      </c>
      <c r="AO29" s="191">
        <v>1</v>
      </c>
      <c r="AP29" s="191">
        <v>0</v>
      </c>
      <c r="AQ29" s="191">
        <v>0</v>
      </c>
      <c r="AR29" s="191">
        <v>0</v>
      </c>
      <c r="AS29" s="196">
        <v>2</v>
      </c>
      <c r="AT29" s="195">
        <v>2</v>
      </c>
      <c r="AU29" s="190">
        <v>0</v>
      </c>
      <c r="AV29" s="191">
        <v>0</v>
      </c>
      <c r="AW29" s="196">
        <v>0</v>
      </c>
      <c r="AX29" s="193">
        <v>0</v>
      </c>
      <c r="AY29" s="191">
        <v>1</v>
      </c>
      <c r="AZ29" s="191">
        <v>0</v>
      </c>
      <c r="BA29" s="191">
        <v>0</v>
      </c>
      <c r="BB29" s="191">
        <v>0</v>
      </c>
      <c r="BC29" s="191">
        <v>0</v>
      </c>
      <c r="BD29" s="196">
        <v>1</v>
      </c>
      <c r="BE29" s="195">
        <v>1</v>
      </c>
      <c r="BF29" s="190">
        <v>0</v>
      </c>
      <c r="BG29" s="191">
        <v>0</v>
      </c>
      <c r="BH29" s="196">
        <v>0</v>
      </c>
      <c r="BI29" s="193">
        <v>0</v>
      </c>
      <c r="BJ29" s="191">
        <v>0</v>
      </c>
      <c r="BK29" s="191">
        <v>0</v>
      </c>
      <c r="BL29" s="191">
        <v>0</v>
      </c>
      <c r="BM29" s="191">
        <v>1</v>
      </c>
      <c r="BN29" s="191">
        <v>0</v>
      </c>
      <c r="BO29" s="194">
        <v>1</v>
      </c>
      <c r="BP29" s="195">
        <v>1</v>
      </c>
      <c r="BQ29" s="190">
        <v>0</v>
      </c>
      <c r="BR29" s="191">
        <v>0</v>
      </c>
      <c r="BS29" s="196">
        <v>0</v>
      </c>
      <c r="BT29" s="193">
        <v>0</v>
      </c>
      <c r="BU29" s="191">
        <v>0</v>
      </c>
      <c r="BV29" s="191">
        <v>0</v>
      </c>
      <c r="BW29" s="191">
        <v>0</v>
      </c>
      <c r="BX29" s="191">
        <v>0</v>
      </c>
      <c r="BY29" s="191">
        <v>0</v>
      </c>
      <c r="BZ29" s="196">
        <v>0</v>
      </c>
      <c r="CA29" s="195">
        <v>0</v>
      </c>
      <c r="CB29" s="190">
        <v>0</v>
      </c>
      <c r="CC29" s="191">
        <v>0</v>
      </c>
      <c r="CD29" s="196">
        <v>0</v>
      </c>
      <c r="CE29" s="193">
        <v>0</v>
      </c>
      <c r="CF29" s="191">
        <v>0</v>
      </c>
      <c r="CG29" s="191">
        <v>0</v>
      </c>
      <c r="CH29" s="191">
        <v>0</v>
      </c>
      <c r="CI29" s="191">
        <v>1</v>
      </c>
      <c r="CJ29" s="191">
        <v>0</v>
      </c>
      <c r="CK29" s="196">
        <v>1</v>
      </c>
      <c r="CL29" s="195">
        <v>1</v>
      </c>
      <c r="CM29" s="190">
        <v>0</v>
      </c>
      <c r="CN29" s="191">
        <v>0</v>
      </c>
      <c r="CO29" s="196">
        <v>0</v>
      </c>
      <c r="CP29" s="193">
        <v>0</v>
      </c>
      <c r="CQ29" s="191">
        <v>1</v>
      </c>
      <c r="CR29" s="191">
        <v>0</v>
      </c>
      <c r="CS29" s="191">
        <v>0</v>
      </c>
      <c r="CT29" s="191">
        <v>1</v>
      </c>
      <c r="CU29" s="191">
        <v>0</v>
      </c>
      <c r="CV29" s="196">
        <v>2</v>
      </c>
      <c r="CW29" s="195">
        <v>2</v>
      </c>
    </row>
    <row r="30" spans="2:101" ht="21" customHeight="1" x14ac:dyDescent="0.2">
      <c r="B30" s="106" t="s">
        <v>28</v>
      </c>
      <c r="C30" s="190">
        <v>0</v>
      </c>
      <c r="D30" s="196">
        <v>0</v>
      </c>
      <c r="E30" s="207">
        <v>0</v>
      </c>
      <c r="F30" s="193">
        <v>0</v>
      </c>
      <c r="G30" s="191">
        <v>0</v>
      </c>
      <c r="H30" s="191">
        <v>0</v>
      </c>
      <c r="I30" s="191">
        <v>0</v>
      </c>
      <c r="J30" s="191">
        <v>0</v>
      </c>
      <c r="K30" s="191">
        <v>0</v>
      </c>
      <c r="L30" s="194">
        <v>0</v>
      </c>
      <c r="M30" s="195">
        <v>0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  <c r="Y30" s="190">
        <v>0</v>
      </c>
      <c r="Z30" s="191">
        <v>0</v>
      </c>
      <c r="AA30" s="196">
        <v>0</v>
      </c>
      <c r="AB30" s="193">
        <v>0</v>
      </c>
      <c r="AC30" s="191">
        <v>5</v>
      </c>
      <c r="AD30" s="191">
        <v>1</v>
      </c>
      <c r="AE30" s="191">
        <v>1</v>
      </c>
      <c r="AF30" s="191">
        <v>0</v>
      </c>
      <c r="AG30" s="191">
        <v>0</v>
      </c>
      <c r="AH30" s="196">
        <v>7</v>
      </c>
      <c r="AI30" s="195">
        <v>7</v>
      </c>
      <c r="AJ30" s="190">
        <v>0</v>
      </c>
      <c r="AK30" s="191">
        <v>0</v>
      </c>
      <c r="AL30" s="196">
        <v>0</v>
      </c>
      <c r="AM30" s="193">
        <v>0</v>
      </c>
      <c r="AN30" s="191">
        <v>0</v>
      </c>
      <c r="AO30" s="191">
        <v>0</v>
      </c>
      <c r="AP30" s="191">
        <v>0</v>
      </c>
      <c r="AQ30" s="191">
        <v>0</v>
      </c>
      <c r="AR30" s="191">
        <v>0</v>
      </c>
      <c r="AS30" s="196">
        <v>0</v>
      </c>
      <c r="AT30" s="195">
        <v>0</v>
      </c>
      <c r="AU30" s="190">
        <v>0</v>
      </c>
      <c r="AV30" s="191">
        <v>0</v>
      </c>
      <c r="AW30" s="196">
        <v>0</v>
      </c>
      <c r="AX30" s="193">
        <v>0</v>
      </c>
      <c r="AY30" s="191">
        <v>0</v>
      </c>
      <c r="AZ30" s="191">
        <v>0</v>
      </c>
      <c r="BA30" s="191">
        <v>0</v>
      </c>
      <c r="BB30" s="191">
        <v>0</v>
      </c>
      <c r="BC30" s="191">
        <v>0</v>
      </c>
      <c r="BD30" s="196">
        <v>0</v>
      </c>
      <c r="BE30" s="195">
        <v>0</v>
      </c>
      <c r="BF30" s="190">
        <v>0</v>
      </c>
      <c r="BG30" s="191">
        <v>0</v>
      </c>
      <c r="BH30" s="196">
        <v>0</v>
      </c>
      <c r="BI30" s="193">
        <v>0</v>
      </c>
      <c r="BJ30" s="191">
        <v>0</v>
      </c>
      <c r="BK30" s="191">
        <v>1</v>
      </c>
      <c r="BL30" s="191">
        <v>0</v>
      </c>
      <c r="BM30" s="191">
        <v>0</v>
      </c>
      <c r="BN30" s="191">
        <v>0</v>
      </c>
      <c r="BO30" s="194">
        <v>1</v>
      </c>
      <c r="BP30" s="195">
        <v>1</v>
      </c>
      <c r="BQ30" s="190">
        <v>0</v>
      </c>
      <c r="BR30" s="191">
        <v>0</v>
      </c>
      <c r="BS30" s="196">
        <v>0</v>
      </c>
      <c r="BT30" s="193">
        <v>0</v>
      </c>
      <c r="BU30" s="191">
        <v>0</v>
      </c>
      <c r="BV30" s="191">
        <v>0</v>
      </c>
      <c r="BW30" s="191">
        <v>0</v>
      </c>
      <c r="BX30" s="191">
        <v>0</v>
      </c>
      <c r="BY30" s="191">
        <v>0</v>
      </c>
      <c r="BZ30" s="196">
        <v>0</v>
      </c>
      <c r="CA30" s="195">
        <v>0</v>
      </c>
      <c r="CB30" s="190">
        <v>0</v>
      </c>
      <c r="CC30" s="191">
        <v>0</v>
      </c>
      <c r="CD30" s="196">
        <v>0</v>
      </c>
      <c r="CE30" s="193">
        <v>0</v>
      </c>
      <c r="CF30" s="191">
        <v>0</v>
      </c>
      <c r="CG30" s="191">
        <v>0</v>
      </c>
      <c r="CH30" s="191">
        <v>0</v>
      </c>
      <c r="CI30" s="191">
        <v>0</v>
      </c>
      <c r="CJ30" s="191">
        <v>0</v>
      </c>
      <c r="CK30" s="196">
        <v>0</v>
      </c>
      <c r="CL30" s="195">
        <v>0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</row>
    <row r="31" spans="2:101" ht="21" customHeight="1" x14ac:dyDescent="0.2">
      <c r="B31" s="106" t="s">
        <v>29</v>
      </c>
      <c r="C31" s="190">
        <v>0</v>
      </c>
      <c r="D31" s="196">
        <v>0</v>
      </c>
      <c r="E31" s="207">
        <v>0</v>
      </c>
      <c r="F31" s="193">
        <v>0</v>
      </c>
      <c r="G31" s="191">
        <v>1</v>
      </c>
      <c r="H31" s="191">
        <v>0</v>
      </c>
      <c r="I31" s="191">
        <v>0</v>
      </c>
      <c r="J31" s="191">
        <v>0</v>
      </c>
      <c r="K31" s="191">
        <v>0</v>
      </c>
      <c r="L31" s="194">
        <v>1</v>
      </c>
      <c r="M31" s="195">
        <v>1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  <c r="Y31" s="190">
        <v>0</v>
      </c>
      <c r="Z31" s="191">
        <v>0</v>
      </c>
      <c r="AA31" s="196">
        <v>0</v>
      </c>
      <c r="AB31" s="193">
        <v>0</v>
      </c>
      <c r="AC31" s="191">
        <v>1</v>
      </c>
      <c r="AD31" s="191">
        <v>0</v>
      </c>
      <c r="AE31" s="191">
        <v>0</v>
      </c>
      <c r="AF31" s="191">
        <v>0</v>
      </c>
      <c r="AG31" s="191">
        <v>0</v>
      </c>
      <c r="AH31" s="196">
        <v>1</v>
      </c>
      <c r="AI31" s="195">
        <v>1</v>
      </c>
      <c r="AJ31" s="190">
        <v>0</v>
      </c>
      <c r="AK31" s="191">
        <v>0</v>
      </c>
      <c r="AL31" s="196">
        <v>0</v>
      </c>
      <c r="AM31" s="193">
        <v>0</v>
      </c>
      <c r="AN31" s="191">
        <v>0</v>
      </c>
      <c r="AO31" s="191">
        <v>0</v>
      </c>
      <c r="AP31" s="191">
        <v>0</v>
      </c>
      <c r="AQ31" s="191">
        <v>0</v>
      </c>
      <c r="AR31" s="191">
        <v>0</v>
      </c>
      <c r="AS31" s="196">
        <v>0</v>
      </c>
      <c r="AT31" s="195">
        <v>0</v>
      </c>
      <c r="AU31" s="190">
        <v>0</v>
      </c>
      <c r="AV31" s="191">
        <v>0</v>
      </c>
      <c r="AW31" s="196">
        <v>0</v>
      </c>
      <c r="AX31" s="193">
        <v>0</v>
      </c>
      <c r="AY31" s="191">
        <v>0</v>
      </c>
      <c r="AZ31" s="191">
        <v>2</v>
      </c>
      <c r="BA31" s="191">
        <v>0</v>
      </c>
      <c r="BB31" s="191">
        <v>0</v>
      </c>
      <c r="BC31" s="191">
        <v>0</v>
      </c>
      <c r="BD31" s="196">
        <v>2</v>
      </c>
      <c r="BE31" s="195">
        <v>2</v>
      </c>
      <c r="BF31" s="190">
        <v>0</v>
      </c>
      <c r="BG31" s="191">
        <v>0</v>
      </c>
      <c r="BH31" s="196">
        <v>0</v>
      </c>
      <c r="BI31" s="193">
        <v>0</v>
      </c>
      <c r="BJ31" s="191">
        <v>0</v>
      </c>
      <c r="BK31" s="191">
        <v>0</v>
      </c>
      <c r="BL31" s="191">
        <v>0</v>
      </c>
      <c r="BM31" s="191">
        <v>0</v>
      </c>
      <c r="BN31" s="191">
        <v>0</v>
      </c>
      <c r="BO31" s="194">
        <v>0</v>
      </c>
      <c r="BP31" s="195">
        <v>0</v>
      </c>
      <c r="BQ31" s="190">
        <v>0</v>
      </c>
      <c r="BR31" s="191">
        <v>0</v>
      </c>
      <c r="BS31" s="196">
        <v>0</v>
      </c>
      <c r="BT31" s="193">
        <v>0</v>
      </c>
      <c r="BU31" s="191">
        <v>0</v>
      </c>
      <c r="BV31" s="191">
        <v>0</v>
      </c>
      <c r="BW31" s="191">
        <v>0</v>
      </c>
      <c r="BX31" s="191">
        <v>0</v>
      </c>
      <c r="BY31" s="191">
        <v>0</v>
      </c>
      <c r="BZ31" s="196">
        <v>0</v>
      </c>
      <c r="CA31" s="195">
        <v>0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0</v>
      </c>
      <c r="CH31" s="191">
        <v>0</v>
      </c>
      <c r="CI31" s="191">
        <v>1</v>
      </c>
      <c r="CJ31" s="191">
        <v>0</v>
      </c>
      <c r="CK31" s="196">
        <v>1</v>
      </c>
      <c r="CL31" s="195">
        <v>1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</row>
    <row r="32" spans="2:101" ht="21" customHeight="1" x14ac:dyDescent="0.2">
      <c r="B32" s="106" t="s">
        <v>30</v>
      </c>
      <c r="C32" s="190">
        <v>0</v>
      </c>
      <c r="D32" s="196">
        <v>0</v>
      </c>
      <c r="E32" s="207">
        <v>0</v>
      </c>
      <c r="F32" s="193">
        <v>0</v>
      </c>
      <c r="G32" s="191">
        <v>0</v>
      </c>
      <c r="H32" s="191">
        <v>0</v>
      </c>
      <c r="I32" s="191">
        <v>0</v>
      </c>
      <c r="J32" s="191">
        <v>0</v>
      </c>
      <c r="K32" s="191">
        <v>0</v>
      </c>
      <c r="L32" s="194">
        <v>0</v>
      </c>
      <c r="M32" s="195">
        <v>0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0</v>
      </c>
      <c r="V32" s="191">
        <v>0</v>
      </c>
      <c r="W32" s="196">
        <v>0</v>
      </c>
      <c r="X32" s="195">
        <v>0</v>
      </c>
      <c r="Y32" s="190">
        <v>0</v>
      </c>
      <c r="Z32" s="191">
        <v>0</v>
      </c>
      <c r="AA32" s="196">
        <v>0</v>
      </c>
      <c r="AB32" s="193">
        <v>0</v>
      </c>
      <c r="AC32" s="191">
        <v>1</v>
      </c>
      <c r="AD32" s="191">
        <v>0</v>
      </c>
      <c r="AE32" s="191">
        <v>0</v>
      </c>
      <c r="AF32" s="191">
        <v>0</v>
      </c>
      <c r="AG32" s="191">
        <v>0</v>
      </c>
      <c r="AH32" s="196">
        <v>1</v>
      </c>
      <c r="AI32" s="195">
        <v>1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1</v>
      </c>
      <c r="AP32" s="191">
        <v>0</v>
      </c>
      <c r="AQ32" s="191">
        <v>0</v>
      </c>
      <c r="AR32" s="191">
        <v>0</v>
      </c>
      <c r="AS32" s="196">
        <v>1</v>
      </c>
      <c r="AT32" s="195">
        <v>1</v>
      </c>
      <c r="AU32" s="190">
        <v>0</v>
      </c>
      <c r="AV32" s="191">
        <v>0</v>
      </c>
      <c r="AW32" s="196">
        <v>0</v>
      </c>
      <c r="AX32" s="193">
        <v>0</v>
      </c>
      <c r="AY32" s="191">
        <v>0</v>
      </c>
      <c r="AZ32" s="191">
        <v>0</v>
      </c>
      <c r="BA32" s="191">
        <v>0</v>
      </c>
      <c r="BB32" s="191">
        <v>0</v>
      </c>
      <c r="BC32" s="191">
        <v>0</v>
      </c>
      <c r="BD32" s="196">
        <v>0</v>
      </c>
      <c r="BE32" s="195">
        <v>0</v>
      </c>
      <c r="BF32" s="190">
        <v>0</v>
      </c>
      <c r="BG32" s="191">
        <v>0</v>
      </c>
      <c r="BH32" s="196">
        <v>0</v>
      </c>
      <c r="BI32" s="193">
        <v>0</v>
      </c>
      <c r="BJ32" s="191">
        <v>0</v>
      </c>
      <c r="BK32" s="191">
        <v>0</v>
      </c>
      <c r="BL32" s="191">
        <v>0</v>
      </c>
      <c r="BM32" s="191">
        <v>0</v>
      </c>
      <c r="BN32" s="191">
        <v>0</v>
      </c>
      <c r="BO32" s="194">
        <v>0</v>
      </c>
      <c r="BP32" s="195">
        <v>0</v>
      </c>
      <c r="BQ32" s="190">
        <v>0</v>
      </c>
      <c r="BR32" s="191">
        <v>0</v>
      </c>
      <c r="BS32" s="196">
        <v>0</v>
      </c>
      <c r="BT32" s="193">
        <v>0</v>
      </c>
      <c r="BU32" s="191">
        <v>0</v>
      </c>
      <c r="BV32" s="191">
        <v>0</v>
      </c>
      <c r="BW32" s="191">
        <v>0</v>
      </c>
      <c r="BX32" s="191">
        <v>0</v>
      </c>
      <c r="BY32" s="191">
        <v>0</v>
      </c>
      <c r="BZ32" s="196">
        <v>0</v>
      </c>
      <c r="CA32" s="195">
        <v>0</v>
      </c>
      <c r="CB32" s="190">
        <v>0</v>
      </c>
      <c r="CC32" s="191">
        <v>0</v>
      </c>
      <c r="CD32" s="196">
        <v>0</v>
      </c>
      <c r="CE32" s="193">
        <v>0</v>
      </c>
      <c r="CF32" s="191">
        <v>0</v>
      </c>
      <c r="CG32" s="191">
        <v>0</v>
      </c>
      <c r="CH32" s="191">
        <v>0</v>
      </c>
      <c r="CI32" s="191">
        <v>0</v>
      </c>
      <c r="CJ32" s="191">
        <v>0</v>
      </c>
      <c r="CK32" s="196">
        <v>0</v>
      </c>
      <c r="CL32" s="195">
        <v>0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</row>
    <row r="33" spans="2:101" ht="21" customHeight="1" x14ac:dyDescent="0.2">
      <c r="B33" s="106" t="s">
        <v>31</v>
      </c>
      <c r="C33" s="190">
        <v>0</v>
      </c>
      <c r="D33" s="196">
        <v>0</v>
      </c>
      <c r="E33" s="207">
        <v>0</v>
      </c>
      <c r="F33" s="193">
        <v>0</v>
      </c>
      <c r="G33" s="191">
        <v>0</v>
      </c>
      <c r="H33" s="191">
        <v>0</v>
      </c>
      <c r="I33" s="191">
        <v>0</v>
      </c>
      <c r="J33" s="191">
        <v>0</v>
      </c>
      <c r="K33" s="191">
        <v>0</v>
      </c>
      <c r="L33" s="194">
        <v>0</v>
      </c>
      <c r="M33" s="195">
        <v>0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0</v>
      </c>
      <c r="V33" s="191">
        <v>0</v>
      </c>
      <c r="W33" s="196">
        <v>0</v>
      </c>
      <c r="X33" s="195">
        <v>0</v>
      </c>
      <c r="Y33" s="190">
        <v>0</v>
      </c>
      <c r="Z33" s="191">
        <v>0</v>
      </c>
      <c r="AA33" s="196">
        <v>0</v>
      </c>
      <c r="AB33" s="193">
        <v>0</v>
      </c>
      <c r="AC33" s="191">
        <v>3</v>
      </c>
      <c r="AD33" s="191">
        <v>0</v>
      </c>
      <c r="AE33" s="191">
        <v>0</v>
      </c>
      <c r="AF33" s="191">
        <v>0</v>
      </c>
      <c r="AG33" s="191">
        <v>0</v>
      </c>
      <c r="AH33" s="196">
        <v>3</v>
      </c>
      <c r="AI33" s="195">
        <v>3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0</v>
      </c>
      <c r="AQ33" s="191">
        <v>0</v>
      </c>
      <c r="AR33" s="191">
        <v>0</v>
      </c>
      <c r="AS33" s="196">
        <v>0</v>
      </c>
      <c r="AT33" s="195">
        <v>0</v>
      </c>
      <c r="AU33" s="190">
        <v>0</v>
      </c>
      <c r="AV33" s="191">
        <v>0</v>
      </c>
      <c r="AW33" s="196">
        <v>0</v>
      </c>
      <c r="AX33" s="193">
        <v>0</v>
      </c>
      <c r="AY33" s="191">
        <v>0</v>
      </c>
      <c r="AZ33" s="191">
        <v>0</v>
      </c>
      <c r="BA33" s="191">
        <v>0</v>
      </c>
      <c r="BB33" s="191">
        <v>0</v>
      </c>
      <c r="BC33" s="191">
        <v>1</v>
      </c>
      <c r="BD33" s="196">
        <v>1</v>
      </c>
      <c r="BE33" s="195">
        <v>1</v>
      </c>
      <c r="BF33" s="190">
        <v>0</v>
      </c>
      <c r="BG33" s="191">
        <v>0</v>
      </c>
      <c r="BH33" s="196">
        <v>0</v>
      </c>
      <c r="BI33" s="193">
        <v>0</v>
      </c>
      <c r="BJ33" s="191">
        <v>0</v>
      </c>
      <c r="BK33" s="191">
        <v>0</v>
      </c>
      <c r="BL33" s="191">
        <v>0</v>
      </c>
      <c r="BM33" s="191">
        <v>0</v>
      </c>
      <c r="BN33" s="191">
        <v>0</v>
      </c>
      <c r="BO33" s="194">
        <v>0</v>
      </c>
      <c r="BP33" s="195">
        <v>0</v>
      </c>
      <c r="BQ33" s="190">
        <v>0</v>
      </c>
      <c r="BR33" s="191">
        <v>0</v>
      </c>
      <c r="BS33" s="196">
        <v>0</v>
      </c>
      <c r="BT33" s="193">
        <v>0</v>
      </c>
      <c r="BU33" s="191">
        <v>0</v>
      </c>
      <c r="BV33" s="191">
        <v>0</v>
      </c>
      <c r="BW33" s="191">
        <v>0</v>
      </c>
      <c r="BX33" s="191">
        <v>0</v>
      </c>
      <c r="BY33" s="191">
        <v>0</v>
      </c>
      <c r="BZ33" s="196">
        <v>0</v>
      </c>
      <c r="CA33" s="195">
        <v>0</v>
      </c>
      <c r="CB33" s="190">
        <v>0</v>
      </c>
      <c r="CC33" s="191">
        <v>0</v>
      </c>
      <c r="CD33" s="196">
        <v>0</v>
      </c>
      <c r="CE33" s="193">
        <v>0</v>
      </c>
      <c r="CF33" s="191">
        <v>0</v>
      </c>
      <c r="CG33" s="191">
        <v>0</v>
      </c>
      <c r="CH33" s="191">
        <v>0</v>
      </c>
      <c r="CI33" s="191">
        <v>0</v>
      </c>
      <c r="CJ33" s="191">
        <v>0</v>
      </c>
      <c r="CK33" s="196">
        <v>0</v>
      </c>
      <c r="CL33" s="195">
        <v>0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</row>
    <row r="34" spans="2:101" ht="21" customHeight="1" x14ac:dyDescent="0.2">
      <c r="B34" s="106" t="s">
        <v>32</v>
      </c>
      <c r="C34" s="190">
        <v>0</v>
      </c>
      <c r="D34" s="196">
        <v>0</v>
      </c>
      <c r="E34" s="207">
        <v>0</v>
      </c>
      <c r="F34" s="193">
        <v>0</v>
      </c>
      <c r="G34" s="191">
        <v>1</v>
      </c>
      <c r="H34" s="191">
        <v>1</v>
      </c>
      <c r="I34" s="191">
        <v>0</v>
      </c>
      <c r="J34" s="191">
        <v>0</v>
      </c>
      <c r="K34" s="191">
        <v>0</v>
      </c>
      <c r="L34" s="194">
        <v>2</v>
      </c>
      <c r="M34" s="195">
        <v>2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0</v>
      </c>
      <c r="U34" s="191">
        <v>0</v>
      </c>
      <c r="V34" s="191">
        <v>0</v>
      </c>
      <c r="W34" s="196">
        <v>0</v>
      </c>
      <c r="X34" s="195">
        <v>0</v>
      </c>
      <c r="Y34" s="190">
        <v>0</v>
      </c>
      <c r="Z34" s="191">
        <v>0</v>
      </c>
      <c r="AA34" s="196">
        <v>0</v>
      </c>
      <c r="AB34" s="193">
        <v>0</v>
      </c>
      <c r="AC34" s="191">
        <v>5</v>
      </c>
      <c r="AD34" s="191">
        <v>2</v>
      </c>
      <c r="AE34" s="191">
        <v>0</v>
      </c>
      <c r="AF34" s="191">
        <v>0</v>
      </c>
      <c r="AG34" s="191">
        <v>0</v>
      </c>
      <c r="AH34" s="196">
        <v>7</v>
      </c>
      <c r="AI34" s="195">
        <v>7</v>
      </c>
      <c r="AJ34" s="190">
        <v>0</v>
      </c>
      <c r="AK34" s="191">
        <v>0</v>
      </c>
      <c r="AL34" s="196">
        <v>0</v>
      </c>
      <c r="AM34" s="193">
        <v>0</v>
      </c>
      <c r="AN34" s="191">
        <v>1</v>
      </c>
      <c r="AO34" s="191">
        <v>0</v>
      </c>
      <c r="AP34" s="191">
        <v>1</v>
      </c>
      <c r="AQ34" s="191">
        <v>0</v>
      </c>
      <c r="AR34" s="191">
        <v>0</v>
      </c>
      <c r="AS34" s="196">
        <v>2</v>
      </c>
      <c r="AT34" s="195">
        <v>2</v>
      </c>
      <c r="AU34" s="190">
        <v>0</v>
      </c>
      <c r="AV34" s="191">
        <v>0</v>
      </c>
      <c r="AW34" s="196">
        <v>0</v>
      </c>
      <c r="AX34" s="193">
        <v>0</v>
      </c>
      <c r="AY34" s="191">
        <v>1</v>
      </c>
      <c r="AZ34" s="191">
        <v>0</v>
      </c>
      <c r="BA34" s="191">
        <v>0</v>
      </c>
      <c r="BB34" s="191">
        <v>0</v>
      </c>
      <c r="BC34" s="191">
        <v>0</v>
      </c>
      <c r="BD34" s="196">
        <v>1</v>
      </c>
      <c r="BE34" s="195">
        <v>1</v>
      </c>
      <c r="BF34" s="190">
        <v>0</v>
      </c>
      <c r="BG34" s="191">
        <v>0</v>
      </c>
      <c r="BH34" s="196">
        <v>0</v>
      </c>
      <c r="BI34" s="193">
        <v>0</v>
      </c>
      <c r="BJ34" s="191">
        <v>0</v>
      </c>
      <c r="BK34" s="191">
        <v>0</v>
      </c>
      <c r="BL34" s="191">
        <v>0</v>
      </c>
      <c r="BM34" s="191">
        <v>0</v>
      </c>
      <c r="BN34" s="191">
        <v>0</v>
      </c>
      <c r="BO34" s="194">
        <v>0</v>
      </c>
      <c r="BP34" s="195">
        <v>0</v>
      </c>
      <c r="BQ34" s="190">
        <v>0</v>
      </c>
      <c r="BR34" s="191">
        <v>0</v>
      </c>
      <c r="BS34" s="196">
        <v>0</v>
      </c>
      <c r="BT34" s="193">
        <v>0</v>
      </c>
      <c r="BU34" s="191">
        <v>0</v>
      </c>
      <c r="BV34" s="191">
        <v>0</v>
      </c>
      <c r="BW34" s="191">
        <v>0</v>
      </c>
      <c r="BX34" s="191">
        <v>0</v>
      </c>
      <c r="BY34" s="191">
        <v>0</v>
      </c>
      <c r="BZ34" s="196">
        <v>0</v>
      </c>
      <c r="CA34" s="195">
        <v>0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0</v>
      </c>
      <c r="CH34" s="191">
        <v>0</v>
      </c>
      <c r="CI34" s="191">
        <v>1</v>
      </c>
      <c r="CJ34" s="191">
        <v>0</v>
      </c>
      <c r="CK34" s="196">
        <v>1</v>
      </c>
      <c r="CL34" s="195">
        <v>1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</row>
    <row r="35" spans="2:101" ht="21" customHeight="1" x14ac:dyDescent="0.2">
      <c r="B35" s="106" t="s">
        <v>33</v>
      </c>
      <c r="C35" s="190">
        <v>0</v>
      </c>
      <c r="D35" s="196">
        <v>0</v>
      </c>
      <c r="E35" s="207">
        <v>0</v>
      </c>
      <c r="F35" s="193">
        <v>0</v>
      </c>
      <c r="G35" s="191">
        <v>0</v>
      </c>
      <c r="H35" s="191">
        <v>0</v>
      </c>
      <c r="I35" s="191">
        <v>0</v>
      </c>
      <c r="J35" s="191">
        <v>0</v>
      </c>
      <c r="K35" s="191">
        <v>0</v>
      </c>
      <c r="L35" s="194">
        <v>0</v>
      </c>
      <c r="M35" s="195">
        <v>0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0</v>
      </c>
      <c r="AA35" s="196">
        <v>0</v>
      </c>
      <c r="AB35" s="193">
        <v>0</v>
      </c>
      <c r="AC35" s="191">
        <v>0</v>
      </c>
      <c r="AD35" s="191">
        <v>0</v>
      </c>
      <c r="AE35" s="191">
        <v>1</v>
      </c>
      <c r="AF35" s="191">
        <v>0</v>
      </c>
      <c r="AG35" s="191">
        <v>0</v>
      </c>
      <c r="AH35" s="196">
        <v>1</v>
      </c>
      <c r="AI35" s="195">
        <v>1</v>
      </c>
      <c r="AJ35" s="190">
        <v>0</v>
      </c>
      <c r="AK35" s="191">
        <v>0</v>
      </c>
      <c r="AL35" s="196">
        <v>0</v>
      </c>
      <c r="AM35" s="193">
        <v>0</v>
      </c>
      <c r="AN35" s="191">
        <v>0</v>
      </c>
      <c r="AO35" s="191">
        <v>0</v>
      </c>
      <c r="AP35" s="191">
        <v>0</v>
      </c>
      <c r="AQ35" s="191">
        <v>0</v>
      </c>
      <c r="AR35" s="191">
        <v>0</v>
      </c>
      <c r="AS35" s="196">
        <v>0</v>
      </c>
      <c r="AT35" s="195">
        <v>0</v>
      </c>
      <c r="AU35" s="190">
        <v>0</v>
      </c>
      <c r="AV35" s="191">
        <v>0</v>
      </c>
      <c r="AW35" s="196">
        <v>0</v>
      </c>
      <c r="AX35" s="193">
        <v>0</v>
      </c>
      <c r="AY35" s="191">
        <v>0</v>
      </c>
      <c r="AZ35" s="191">
        <v>0</v>
      </c>
      <c r="BA35" s="191">
        <v>0</v>
      </c>
      <c r="BB35" s="191">
        <v>0</v>
      </c>
      <c r="BC35" s="191">
        <v>0</v>
      </c>
      <c r="BD35" s="196">
        <v>0</v>
      </c>
      <c r="BE35" s="195">
        <v>0</v>
      </c>
      <c r="BF35" s="190">
        <v>0</v>
      </c>
      <c r="BG35" s="191">
        <v>0</v>
      </c>
      <c r="BH35" s="196">
        <v>0</v>
      </c>
      <c r="BI35" s="193">
        <v>0</v>
      </c>
      <c r="BJ35" s="191">
        <v>0</v>
      </c>
      <c r="BK35" s="191">
        <v>0</v>
      </c>
      <c r="BL35" s="191">
        <v>1</v>
      </c>
      <c r="BM35" s="191">
        <v>0</v>
      </c>
      <c r="BN35" s="191">
        <v>0</v>
      </c>
      <c r="BO35" s="194">
        <v>1</v>
      </c>
      <c r="BP35" s="195">
        <v>1</v>
      </c>
      <c r="BQ35" s="190">
        <v>0</v>
      </c>
      <c r="BR35" s="191">
        <v>0</v>
      </c>
      <c r="BS35" s="196">
        <v>0</v>
      </c>
      <c r="BT35" s="193">
        <v>0</v>
      </c>
      <c r="BU35" s="191">
        <v>0</v>
      </c>
      <c r="BV35" s="191">
        <v>0</v>
      </c>
      <c r="BW35" s="191">
        <v>0</v>
      </c>
      <c r="BX35" s="191">
        <v>0</v>
      </c>
      <c r="BY35" s="191">
        <v>0</v>
      </c>
      <c r="BZ35" s="196">
        <v>0</v>
      </c>
      <c r="CA35" s="195">
        <v>0</v>
      </c>
      <c r="CB35" s="190">
        <v>0</v>
      </c>
      <c r="CC35" s="191">
        <v>0</v>
      </c>
      <c r="CD35" s="196">
        <v>0</v>
      </c>
      <c r="CE35" s="193">
        <v>0</v>
      </c>
      <c r="CF35" s="191">
        <v>0</v>
      </c>
      <c r="CG35" s="191">
        <v>0</v>
      </c>
      <c r="CH35" s="191">
        <v>0</v>
      </c>
      <c r="CI35" s="191">
        <v>0</v>
      </c>
      <c r="CJ35" s="191">
        <v>0</v>
      </c>
      <c r="CK35" s="196">
        <v>0</v>
      </c>
      <c r="CL35" s="195">
        <v>0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</row>
    <row r="36" spans="2:101" ht="21" customHeight="1" x14ac:dyDescent="0.2">
      <c r="B36" s="106" t="s">
        <v>34</v>
      </c>
      <c r="C36" s="190">
        <v>0</v>
      </c>
      <c r="D36" s="196">
        <v>0</v>
      </c>
      <c r="E36" s="207">
        <v>0</v>
      </c>
      <c r="F36" s="193">
        <v>0</v>
      </c>
      <c r="G36" s="191">
        <v>0</v>
      </c>
      <c r="H36" s="191">
        <v>0</v>
      </c>
      <c r="I36" s="191">
        <v>0</v>
      </c>
      <c r="J36" s="191">
        <v>0</v>
      </c>
      <c r="K36" s="191">
        <v>0</v>
      </c>
      <c r="L36" s="194">
        <v>0</v>
      </c>
      <c r="M36" s="195">
        <v>0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0</v>
      </c>
      <c r="Z36" s="191">
        <v>0</v>
      </c>
      <c r="AA36" s="196">
        <v>0</v>
      </c>
      <c r="AB36" s="193">
        <v>0</v>
      </c>
      <c r="AC36" s="191">
        <v>0</v>
      </c>
      <c r="AD36" s="191">
        <v>0</v>
      </c>
      <c r="AE36" s="191">
        <v>0</v>
      </c>
      <c r="AF36" s="191">
        <v>0</v>
      </c>
      <c r="AG36" s="191">
        <v>0</v>
      </c>
      <c r="AH36" s="196">
        <v>0</v>
      </c>
      <c r="AI36" s="195">
        <v>0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0</v>
      </c>
      <c r="AP36" s="191">
        <v>0</v>
      </c>
      <c r="AQ36" s="191">
        <v>0</v>
      </c>
      <c r="AR36" s="191">
        <v>0</v>
      </c>
      <c r="AS36" s="196">
        <v>0</v>
      </c>
      <c r="AT36" s="195">
        <v>0</v>
      </c>
      <c r="AU36" s="190">
        <v>0</v>
      </c>
      <c r="AV36" s="191">
        <v>0</v>
      </c>
      <c r="AW36" s="196">
        <v>0</v>
      </c>
      <c r="AX36" s="193">
        <v>0</v>
      </c>
      <c r="AY36" s="191">
        <v>1</v>
      </c>
      <c r="AZ36" s="191">
        <v>0</v>
      </c>
      <c r="BA36" s="191">
        <v>0</v>
      </c>
      <c r="BB36" s="191">
        <v>0</v>
      </c>
      <c r="BC36" s="191">
        <v>0</v>
      </c>
      <c r="BD36" s="196">
        <v>1</v>
      </c>
      <c r="BE36" s="195">
        <v>1</v>
      </c>
      <c r="BF36" s="190">
        <v>0</v>
      </c>
      <c r="BG36" s="191">
        <v>0</v>
      </c>
      <c r="BH36" s="196">
        <v>0</v>
      </c>
      <c r="BI36" s="193">
        <v>0</v>
      </c>
      <c r="BJ36" s="191">
        <v>0</v>
      </c>
      <c r="BK36" s="191">
        <v>0</v>
      </c>
      <c r="BL36" s="191">
        <v>0</v>
      </c>
      <c r="BM36" s="191">
        <v>0</v>
      </c>
      <c r="BN36" s="191">
        <v>0</v>
      </c>
      <c r="BO36" s="194">
        <v>0</v>
      </c>
      <c r="BP36" s="195">
        <v>0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0</v>
      </c>
      <c r="BW36" s="191">
        <v>0</v>
      </c>
      <c r="BX36" s="191">
        <v>0</v>
      </c>
      <c r="BY36" s="191">
        <v>0</v>
      </c>
      <c r="BZ36" s="196">
        <v>0</v>
      </c>
      <c r="CA36" s="195">
        <v>0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0</v>
      </c>
      <c r="CH36" s="191">
        <v>0</v>
      </c>
      <c r="CI36" s="191">
        <v>0</v>
      </c>
      <c r="CJ36" s="191">
        <v>0</v>
      </c>
      <c r="CK36" s="196">
        <v>0</v>
      </c>
      <c r="CL36" s="195">
        <v>0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</row>
    <row r="37" spans="2:101" ht="21" customHeight="1" x14ac:dyDescent="0.2">
      <c r="B37" s="106" t="s">
        <v>35</v>
      </c>
      <c r="C37" s="190">
        <v>0</v>
      </c>
      <c r="D37" s="196">
        <v>0</v>
      </c>
      <c r="E37" s="207">
        <v>0</v>
      </c>
      <c r="F37" s="193">
        <v>0</v>
      </c>
      <c r="G37" s="191">
        <v>0</v>
      </c>
      <c r="H37" s="191">
        <v>0</v>
      </c>
      <c r="I37" s="191">
        <v>0</v>
      </c>
      <c r="J37" s="191">
        <v>0</v>
      </c>
      <c r="K37" s="191">
        <v>0</v>
      </c>
      <c r="L37" s="194">
        <v>0</v>
      </c>
      <c r="M37" s="195">
        <v>0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  <c r="Y37" s="190">
        <v>0</v>
      </c>
      <c r="Z37" s="191">
        <v>0</v>
      </c>
      <c r="AA37" s="196">
        <v>0</v>
      </c>
      <c r="AB37" s="193">
        <v>0</v>
      </c>
      <c r="AC37" s="191">
        <v>1</v>
      </c>
      <c r="AD37" s="191">
        <v>0</v>
      </c>
      <c r="AE37" s="191">
        <v>0</v>
      </c>
      <c r="AF37" s="191">
        <v>0</v>
      </c>
      <c r="AG37" s="191">
        <v>0</v>
      </c>
      <c r="AH37" s="196">
        <v>1</v>
      </c>
      <c r="AI37" s="195">
        <v>1</v>
      </c>
      <c r="AJ37" s="190">
        <v>0</v>
      </c>
      <c r="AK37" s="191">
        <v>0</v>
      </c>
      <c r="AL37" s="196">
        <v>0</v>
      </c>
      <c r="AM37" s="193">
        <v>0</v>
      </c>
      <c r="AN37" s="191">
        <v>0</v>
      </c>
      <c r="AO37" s="191">
        <v>0</v>
      </c>
      <c r="AP37" s="191">
        <v>0</v>
      </c>
      <c r="AQ37" s="191">
        <v>0</v>
      </c>
      <c r="AR37" s="191">
        <v>0</v>
      </c>
      <c r="AS37" s="196">
        <v>0</v>
      </c>
      <c r="AT37" s="195">
        <v>0</v>
      </c>
      <c r="AU37" s="190">
        <v>0</v>
      </c>
      <c r="AV37" s="191">
        <v>1</v>
      </c>
      <c r="AW37" s="196">
        <v>1</v>
      </c>
      <c r="AX37" s="193">
        <v>0</v>
      </c>
      <c r="AY37" s="191">
        <v>0</v>
      </c>
      <c r="AZ37" s="191">
        <v>0</v>
      </c>
      <c r="BA37" s="191">
        <v>1</v>
      </c>
      <c r="BB37" s="191">
        <v>0</v>
      </c>
      <c r="BC37" s="191">
        <v>1</v>
      </c>
      <c r="BD37" s="196">
        <v>2</v>
      </c>
      <c r="BE37" s="195">
        <v>3</v>
      </c>
      <c r="BF37" s="190">
        <v>0</v>
      </c>
      <c r="BG37" s="191">
        <v>0</v>
      </c>
      <c r="BH37" s="196">
        <v>0</v>
      </c>
      <c r="BI37" s="193">
        <v>0</v>
      </c>
      <c r="BJ37" s="191">
        <v>1</v>
      </c>
      <c r="BK37" s="191">
        <v>0</v>
      </c>
      <c r="BL37" s="191">
        <v>0</v>
      </c>
      <c r="BM37" s="191">
        <v>0</v>
      </c>
      <c r="BN37" s="191">
        <v>0</v>
      </c>
      <c r="BO37" s="194">
        <v>1</v>
      </c>
      <c r="BP37" s="195">
        <v>1</v>
      </c>
      <c r="BQ37" s="190">
        <v>0</v>
      </c>
      <c r="BR37" s="191">
        <v>0</v>
      </c>
      <c r="BS37" s="196">
        <v>0</v>
      </c>
      <c r="BT37" s="193">
        <v>0</v>
      </c>
      <c r="BU37" s="191">
        <v>0</v>
      </c>
      <c r="BV37" s="191">
        <v>0</v>
      </c>
      <c r="BW37" s="191">
        <v>0</v>
      </c>
      <c r="BX37" s="191">
        <v>0</v>
      </c>
      <c r="BY37" s="191">
        <v>0</v>
      </c>
      <c r="BZ37" s="196">
        <v>0</v>
      </c>
      <c r="CA37" s="195">
        <v>0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0</v>
      </c>
      <c r="CH37" s="191">
        <v>0</v>
      </c>
      <c r="CI37" s="191">
        <v>0</v>
      </c>
      <c r="CJ37" s="191">
        <v>0</v>
      </c>
      <c r="CK37" s="196">
        <v>0</v>
      </c>
      <c r="CL37" s="195">
        <v>0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</row>
    <row r="38" spans="2:101" ht="21" customHeight="1" x14ac:dyDescent="0.2">
      <c r="B38" s="106" t="s">
        <v>36</v>
      </c>
      <c r="C38" s="190">
        <v>0</v>
      </c>
      <c r="D38" s="196">
        <v>0</v>
      </c>
      <c r="E38" s="207">
        <v>0</v>
      </c>
      <c r="F38" s="193">
        <v>0</v>
      </c>
      <c r="G38" s="191">
        <v>0</v>
      </c>
      <c r="H38" s="191">
        <v>0</v>
      </c>
      <c r="I38" s="191">
        <v>0</v>
      </c>
      <c r="J38" s="191">
        <v>0</v>
      </c>
      <c r="K38" s="191">
        <v>0</v>
      </c>
      <c r="L38" s="194">
        <v>0</v>
      </c>
      <c r="M38" s="195">
        <v>0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  <c r="Y38" s="190">
        <v>0</v>
      </c>
      <c r="Z38" s="191">
        <v>0</v>
      </c>
      <c r="AA38" s="196">
        <v>0</v>
      </c>
      <c r="AB38" s="193">
        <v>0</v>
      </c>
      <c r="AC38" s="191">
        <v>2</v>
      </c>
      <c r="AD38" s="191">
        <v>0</v>
      </c>
      <c r="AE38" s="191">
        <v>0</v>
      </c>
      <c r="AF38" s="191">
        <v>0</v>
      </c>
      <c r="AG38" s="191">
        <v>0</v>
      </c>
      <c r="AH38" s="196">
        <v>2</v>
      </c>
      <c r="AI38" s="195">
        <v>2</v>
      </c>
      <c r="AJ38" s="190">
        <v>0</v>
      </c>
      <c r="AK38" s="191">
        <v>0</v>
      </c>
      <c r="AL38" s="196">
        <v>0</v>
      </c>
      <c r="AM38" s="193">
        <v>0</v>
      </c>
      <c r="AN38" s="191">
        <v>0</v>
      </c>
      <c r="AO38" s="191">
        <v>0</v>
      </c>
      <c r="AP38" s="191">
        <v>0</v>
      </c>
      <c r="AQ38" s="191">
        <v>0</v>
      </c>
      <c r="AR38" s="191">
        <v>0</v>
      </c>
      <c r="AS38" s="196">
        <v>0</v>
      </c>
      <c r="AT38" s="195">
        <v>0</v>
      </c>
      <c r="AU38" s="190">
        <v>0</v>
      </c>
      <c r="AV38" s="191">
        <v>0</v>
      </c>
      <c r="AW38" s="196">
        <v>0</v>
      </c>
      <c r="AX38" s="193">
        <v>0</v>
      </c>
      <c r="AY38" s="191">
        <v>1</v>
      </c>
      <c r="AZ38" s="191">
        <v>0</v>
      </c>
      <c r="BA38" s="191">
        <v>0</v>
      </c>
      <c r="BB38" s="191">
        <v>0</v>
      </c>
      <c r="BC38" s="191">
        <v>0</v>
      </c>
      <c r="BD38" s="196">
        <v>1</v>
      </c>
      <c r="BE38" s="195">
        <v>1</v>
      </c>
      <c r="BF38" s="190">
        <v>0</v>
      </c>
      <c r="BG38" s="191">
        <v>0</v>
      </c>
      <c r="BH38" s="196">
        <v>0</v>
      </c>
      <c r="BI38" s="193">
        <v>0</v>
      </c>
      <c r="BJ38" s="191">
        <v>0</v>
      </c>
      <c r="BK38" s="191">
        <v>1</v>
      </c>
      <c r="BL38" s="191">
        <v>1</v>
      </c>
      <c r="BM38" s="191">
        <v>0</v>
      </c>
      <c r="BN38" s="191">
        <v>0</v>
      </c>
      <c r="BO38" s="194">
        <v>2</v>
      </c>
      <c r="BP38" s="195">
        <v>2</v>
      </c>
      <c r="BQ38" s="190">
        <v>0</v>
      </c>
      <c r="BR38" s="191">
        <v>0</v>
      </c>
      <c r="BS38" s="196">
        <v>0</v>
      </c>
      <c r="BT38" s="193">
        <v>0</v>
      </c>
      <c r="BU38" s="191">
        <v>0</v>
      </c>
      <c r="BV38" s="191">
        <v>0</v>
      </c>
      <c r="BW38" s="191">
        <v>0</v>
      </c>
      <c r="BX38" s="191">
        <v>0</v>
      </c>
      <c r="BY38" s="191">
        <v>0</v>
      </c>
      <c r="BZ38" s="196">
        <v>0</v>
      </c>
      <c r="CA38" s="195">
        <v>0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0</v>
      </c>
      <c r="CH38" s="191">
        <v>0</v>
      </c>
      <c r="CI38" s="191">
        <v>0</v>
      </c>
      <c r="CJ38" s="191">
        <v>0</v>
      </c>
      <c r="CK38" s="196">
        <v>0</v>
      </c>
      <c r="CL38" s="195">
        <v>0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</row>
    <row r="39" spans="2:101" ht="21" customHeight="1" thickBot="1" x14ac:dyDescent="0.25">
      <c r="B39" s="108" t="s">
        <v>37</v>
      </c>
      <c r="C39" s="197">
        <v>0</v>
      </c>
      <c r="D39" s="203">
        <v>0</v>
      </c>
      <c r="E39" s="208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1">
        <v>0</v>
      </c>
      <c r="M39" s="202">
        <v>0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0</v>
      </c>
      <c r="AD39" s="198">
        <v>1</v>
      </c>
      <c r="AE39" s="198">
        <v>0</v>
      </c>
      <c r="AF39" s="198">
        <v>0</v>
      </c>
      <c r="AG39" s="198">
        <v>0</v>
      </c>
      <c r="AH39" s="203">
        <v>1</v>
      </c>
      <c r="AI39" s="202">
        <v>1</v>
      </c>
      <c r="AJ39" s="197">
        <v>0</v>
      </c>
      <c r="AK39" s="198">
        <v>0</v>
      </c>
      <c r="AL39" s="203">
        <v>0</v>
      </c>
      <c r="AM39" s="200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203">
        <v>0</v>
      </c>
      <c r="AT39" s="202">
        <v>0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0</v>
      </c>
      <c r="BA39" s="198">
        <v>0</v>
      </c>
      <c r="BB39" s="198">
        <v>0</v>
      </c>
      <c r="BC39" s="198">
        <v>0</v>
      </c>
      <c r="BD39" s="203">
        <v>0</v>
      </c>
      <c r="BE39" s="202">
        <v>0</v>
      </c>
      <c r="BF39" s="197">
        <v>0</v>
      </c>
      <c r="BG39" s="198">
        <v>0</v>
      </c>
      <c r="BH39" s="203">
        <v>0</v>
      </c>
      <c r="BI39" s="200">
        <v>0</v>
      </c>
      <c r="BJ39" s="198">
        <v>0</v>
      </c>
      <c r="BK39" s="198">
        <v>0</v>
      </c>
      <c r="BL39" s="198">
        <v>0</v>
      </c>
      <c r="BM39" s="198">
        <v>0</v>
      </c>
      <c r="BN39" s="198">
        <v>0</v>
      </c>
      <c r="BO39" s="201">
        <v>0</v>
      </c>
      <c r="BP39" s="202">
        <v>0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0</v>
      </c>
      <c r="BW39" s="198">
        <v>0</v>
      </c>
      <c r="BX39" s="198">
        <v>0</v>
      </c>
      <c r="BY39" s="198">
        <v>0</v>
      </c>
      <c r="BZ39" s="203">
        <v>0</v>
      </c>
      <c r="CA39" s="202">
        <v>0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</row>
  </sheetData>
  <mergeCells count="39">
    <mergeCell ref="CW4:CW5"/>
    <mergeCell ref="CB3:CL3"/>
    <mergeCell ref="CM3:CW3"/>
    <mergeCell ref="I1:J1"/>
    <mergeCell ref="L1:M1"/>
    <mergeCell ref="BE4:BE5"/>
    <mergeCell ref="BF3:BP3"/>
    <mergeCell ref="BP4:BP5"/>
    <mergeCell ref="BQ3:CA3"/>
    <mergeCell ref="AJ4:AL4"/>
    <mergeCell ref="AJ3:AT3"/>
    <mergeCell ref="AU3:BE3"/>
    <mergeCell ref="CP4:CV4"/>
    <mergeCell ref="AM4:AS4"/>
    <mergeCell ref="AT4:AT5"/>
    <mergeCell ref="AU4:AW4"/>
    <mergeCell ref="B3:B5"/>
    <mergeCell ref="C3:M3"/>
    <mergeCell ref="N3:X3"/>
    <mergeCell ref="Y3:AI3"/>
    <mergeCell ref="C4:E4"/>
    <mergeCell ref="F4:L4"/>
    <mergeCell ref="M4:M5"/>
    <mergeCell ref="N4:P4"/>
    <mergeCell ref="Q4:W4"/>
    <mergeCell ref="X4:X5"/>
    <mergeCell ref="Y4:AA4"/>
    <mergeCell ref="AB4:AH4"/>
    <mergeCell ref="AI4:AI5"/>
    <mergeCell ref="CM4:CO4"/>
    <mergeCell ref="AX4:BD4"/>
    <mergeCell ref="BF4:BH4"/>
    <mergeCell ref="BI4:BO4"/>
    <mergeCell ref="CA4:CA5"/>
    <mergeCell ref="CL4:CL5"/>
    <mergeCell ref="BQ4:BS4"/>
    <mergeCell ref="BT4:BZ4"/>
    <mergeCell ref="CB4:CD4"/>
    <mergeCell ref="CE4:CK4"/>
  </mergeCells>
  <phoneticPr fontId="4"/>
  <pageMargins left="0.70866141732283472" right="0.70866141732283472" top="0.74803149606299213" bottom="0.74803149606299213" header="0.31496062992125984" footer="0.31496062992125984"/>
  <pageSetup paperSize="9" scale="60" orientation="landscape" r:id="rId1"/>
  <headerFooter>
    <oddFooter>&amp;L&amp;20&amp;A&amp;C&amp;P/&amp;N</oddFooter>
  </headerFooter>
  <colBreaks count="3" manualBreakCount="3">
    <brk id="24" max="1048575" man="1"/>
    <brk id="46" max="1048575" man="1"/>
    <brk id="68" max="1048575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X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" style="175" customWidth="1"/>
    <col min="6" max="6" width="7.77734375" style="175" customWidth="1"/>
    <col min="7" max="7" width="10.77734375" style="175" customWidth="1"/>
    <col min="8" max="16" width="9" style="175"/>
    <col min="17" max="17" width="8" style="175" customWidth="1"/>
    <col min="18" max="16384" width="9" style="175"/>
  </cols>
  <sheetData>
    <row r="1" spans="2:24" ht="24" customHeight="1" x14ac:dyDescent="0.2">
      <c r="B1" s="142" t="s">
        <v>123</v>
      </c>
      <c r="H1" s="442">
        <f>第１表!F2</f>
        <v>7</v>
      </c>
      <c r="I1" s="442"/>
      <c r="J1" s="18">
        <f>第１表!G2</f>
        <v>3</v>
      </c>
      <c r="K1" s="447">
        <f>IF(J1&lt;3,J1+12-2,J1-2)</f>
        <v>1</v>
      </c>
      <c r="L1" s="447"/>
    </row>
    <row r="2" spans="2:24" ht="24" customHeight="1" thickBot="1" x14ac:dyDescent="0.25">
      <c r="B2" s="142" t="s">
        <v>129</v>
      </c>
    </row>
    <row r="3" spans="2:24" ht="21" customHeight="1" x14ac:dyDescent="0.2">
      <c r="B3" s="465"/>
      <c r="C3" s="466" t="s">
        <v>139</v>
      </c>
      <c r="D3" s="466"/>
      <c r="E3" s="466"/>
      <c r="F3" s="466"/>
      <c r="G3" s="466"/>
      <c r="H3" s="466"/>
      <c r="I3" s="466"/>
      <c r="J3" s="466"/>
      <c r="K3" s="466"/>
      <c r="L3" s="466"/>
      <c r="M3" s="496"/>
      <c r="N3" s="466" t="s">
        <v>112</v>
      </c>
      <c r="O3" s="466"/>
      <c r="P3" s="466"/>
      <c r="Q3" s="466"/>
      <c r="R3" s="466"/>
      <c r="S3" s="466"/>
      <c r="T3" s="466"/>
      <c r="U3" s="466"/>
      <c r="V3" s="466"/>
      <c r="W3" s="466"/>
      <c r="X3" s="496"/>
    </row>
    <row r="4" spans="2:24" ht="21" customHeight="1" x14ac:dyDescent="0.2">
      <c r="B4" s="502"/>
      <c r="C4" s="497" t="s">
        <v>61</v>
      </c>
      <c r="D4" s="497"/>
      <c r="E4" s="498"/>
      <c r="F4" s="499" t="s">
        <v>62</v>
      </c>
      <c r="G4" s="497"/>
      <c r="H4" s="497"/>
      <c r="I4" s="497"/>
      <c r="J4" s="497"/>
      <c r="K4" s="497"/>
      <c r="L4" s="500"/>
      <c r="M4" s="501" t="s">
        <v>52</v>
      </c>
      <c r="N4" s="497" t="s">
        <v>61</v>
      </c>
      <c r="O4" s="497"/>
      <c r="P4" s="498"/>
      <c r="Q4" s="499" t="s">
        <v>62</v>
      </c>
      <c r="R4" s="497"/>
      <c r="S4" s="497"/>
      <c r="T4" s="497"/>
      <c r="U4" s="497"/>
      <c r="V4" s="497"/>
      <c r="W4" s="500"/>
      <c r="X4" s="501" t="s">
        <v>52</v>
      </c>
    </row>
    <row r="5" spans="2:24" ht="30" customHeight="1" thickBot="1" x14ac:dyDescent="0.25">
      <c r="B5" s="503"/>
      <c r="C5" s="178" t="s">
        <v>43</v>
      </c>
      <c r="D5" s="178" t="s">
        <v>44</v>
      </c>
      <c r="E5" s="182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2" t="s">
        <v>45</v>
      </c>
      <c r="M5" s="470"/>
      <c r="N5" s="178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</row>
    <row r="6" spans="2:24" ht="21" customHeight="1" x14ac:dyDescent="0.2">
      <c r="B6" s="84" t="s">
        <v>4</v>
      </c>
      <c r="C6" s="184">
        <v>0</v>
      </c>
      <c r="D6" s="184">
        <v>0</v>
      </c>
      <c r="E6" s="189">
        <v>0</v>
      </c>
      <c r="F6" s="186">
        <v>0</v>
      </c>
      <c r="G6" s="184">
        <v>98964</v>
      </c>
      <c r="H6" s="184">
        <v>101371</v>
      </c>
      <c r="I6" s="184">
        <v>57444</v>
      </c>
      <c r="J6" s="184">
        <v>29277</v>
      </c>
      <c r="K6" s="184">
        <v>13779</v>
      </c>
      <c r="L6" s="189">
        <v>300835</v>
      </c>
      <c r="M6" s="188">
        <v>300835</v>
      </c>
      <c r="N6" s="184">
        <v>25</v>
      </c>
      <c r="O6" s="184">
        <v>46</v>
      </c>
      <c r="P6" s="189">
        <v>71</v>
      </c>
      <c r="Q6" s="186">
        <v>0</v>
      </c>
      <c r="R6" s="184">
        <v>6265</v>
      </c>
      <c r="S6" s="184">
        <v>8806</v>
      </c>
      <c r="T6" s="184">
        <v>10109</v>
      </c>
      <c r="U6" s="184">
        <v>5407</v>
      </c>
      <c r="V6" s="184">
        <v>4414</v>
      </c>
      <c r="W6" s="189">
        <v>35001</v>
      </c>
      <c r="X6" s="188">
        <v>35072</v>
      </c>
    </row>
    <row r="7" spans="2:24" ht="21" customHeight="1" x14ac:dyDescent="0.2">
      <c r="B7" s="95" t="s">
        <v>5</v>
      </c>
      <c r="C7" s="191">
        <v>0</v>
      </c>
      <c r="D7" s="191">
        <v>0</v>
      </c>
      <c r="E7" s="196">
        <v>0</v>
      </c>
      <c r="F7" s="193">
        <v>0</v>
      </c>
      <c r="G7" s="191">
        <v>35085</v>
      </c>
      <c r="H7" s="191">
        <v>47899</v>
      </c>
      <c r="I7" s="191">
        <v>27842</v>
      </c>
      <c r="J7" s="191">
        <v>13543</v>
      </c>
      <c r="K7" s="191">
        <v>6581</v>
      </c>
      <c r="L7" s="196">
        <v>130950</v>
      </c>
      <c r="M7" s="195">
        <v>130950</v>
      </c>
      <c r="N7" s="191">
        <v>13</v>
      </c>
      <c r="O7" s="191">
        <v>7</v>
      </c>
      <c r="P7" s="196">
        <v>20</v>
      </c>
      <c r="Q7" s="193">
        <v>0</v>
      </c>
      <c r="R7" s="191">
        <v>3097</v>
      </c>
      <c r="S7" s="191">
        <v>4635</v>
      </c>
      <c r="T7" s="191">
        <v>5447</v>
      </c>
      <c r="U7" s="191">
        <v>3001</v>
      </c>
      <c r="V7" s="191">
        <v>2497</v>
      </c>
      <c r="W7" s="196">
        <v>18677</v>
      </c>
      <c r="X7" s="195">
        <v>18697</v>
      </c>
    </row>
    <row r="8" spans="2:24" ht="21" customHeight="1" x14ac:dyDescent="0.2">
      <c r="B8" s="106" t="s">
        <v>6</v>
      </c>
      <c r="C8" s="191">
        <v>0</v>
      </c>
      <c r="D8" s="191">
        <v>0</v>
      </c>
      <c r="E8" s="196">
        <v>0</v>
      </c>
      <c r="F8" s="193">
        <v>0</v>
      </c>
      <c r="G8" s="191">
        <v>13623</v>
      </c>
      <c r="H8" s="191">
        <v>11030</v>
      </c>
      <c r="I8" s="191">
        <v>6268</v>
      </c>
      <c r="J8" s="191">
        <v>3653</v>
      </c>
      <c r="K8" s="191">
        <v>1869</v>
      </c>
      <c r="L8" s="196">
        <v>36443</v>
      </c>
      <c r="M8" s="195">
        <v>36443</v>
      </c>
      <c r="N8" s="191">
        <v>3</v>
      </c>
      <c r="O8" s="191">
        <v>8</v>
      </c>
      <c r="P8" s="196">
        <v>11</v>
      </c>
      <c r="Q8" s="193">
        <v>0</v>
      </c>
      <c r="R8" s="191">
        <v>1303</v>
      </c>
      <c r="S8" s="191">
        <v>2103</v>
      </c>
      <c r="T8" s="191">
        <v>2230</v>
      </c>
      <c r="U8" s="191">
        <v>1265</v>
      </c>
      <c r="V8" s="191">
        <v>956</v>
      </c>
      <c r="W8" s="196">
        <v>7857</v>
      </c>
      <c r="X8" s="195">
        <v>7868</v>
      </c>
    </row>
    <row r="9" spans="2:24" ht="21" customHeight="1" x14ac:dyDescent="0.2">
      <c r="B9" s="106" t="s">
        <v>14</v>
      </c>
      <c r="C9" s="191">
        <v>0</v>
      </c>
      <c r="D9" s="191">
        <v>0</v>
      </c>
      <c r="E9" s="196">
        <v>0</v>
      </c>
      <c r="F9" s="193">
        <v>0</v>
      </c>
      <c r="G9" s="191">
        <v>8203</v>
      </c>
      <c r="H9" s="191">
        <v>9338</v>
      </c>
      <c r="I9" s="191">
        <v>5143</v>
      </c>
      <c r="J9" s="191">
        <v>2794</v>
      </c>
      <c r="K9" s="191">
        <v>1328</v>
      </c>
      <c r="L9" s="196">
        <v>26806</v>
      </c>
      <c r="M9" s="195">
        <v>26806</v>
      </c>
      <c r="N9" s="191">
        <v>2</v>
      </c>
      <c r="O9" s="191">
        <v>0</v>
      </c>
      <c r="P9" s="196">
        <v>2</v>
      </c>
      <c r="Q9" s="193">
        <v>0</v>
      </c>
      <c r="R9" s="191">
        <v>121</v>
      </c>
      <c r="S9" s="191">
        <v>120</v>
      </c>
      <c r="T9" s="191">
        <v>306</v>
      </c>
      <c r="U9" s="191">
        <v>128</v>
      </c>
      <c r="V9" s="191">
        <v>198</v>
      </c>
      <c r="W9" s="196">
        <v>873</v>
      </c>
      <c r="X9" s="195">
        <v>875</v>
      </c>
    </row>
    <row r="10" spans="2:24" ht="21" customHeight="1" x14ac:dyDescent="0.2">
      <c r="B10" s="106" t="s">
        <v>7</v>
      </c>
      <c r="C10" s="191">
        <v>0</v>
      </c>
      <c r="D10" s="191">
        <v>0</v>
      </c>
      <c r="E10" s="196">
        <v>0</v>
      </c>
      <c r="F10" s="193">
        <v>0</v>
      </c>
      <c r="G10" s="191">
        <v>7883</v>
      </c>
      <c r="H10" s="191">
        <v>5212</v>
      </c>
      <c r="I10" s="191">
        <v>2277</v>
      </c>
      <c r="J10" s="191">
        <v>912</v>
      </c>
      <c r="K10" s="191">
        <v>397</v>
      </c>
      <c r="L10" s="196">
        <v>16681</v>
      </c>
      <c r="M10" s="195">
        <v>16681</v>
      </c>
      <c r="N10" s="191">
        <v>0</v>
      </c>
      <c r="O10" s="191">
        <v>19</v>
      </c>
      <c r="P10" s="196">
        <v>19</v>
      </c>
      <c r="Q10" s="193">
        <v>0</v>
      </c>
      <c r="R10" s="191">
        <v>626</v>
      </c>
      <c r="S10" s="191">
        <v>846</v>
      </c>
      <c r="T10" s="191">
        <v>769</v>
      </c>
      <c r="U10" s="191">
        <v>283</v>
      </c>
      <c r="V10" s="191">
        <v>189</v>
      </c>
      <c r="W10" s="196">
        <v>2713</v>
      </c>
      <c r="X10" s="195">
        <v>2732</v>
      </c>
    </row>
    <row r="11" spans="2:24" ht="21" customHeight="1" x14ac:dyDescent="0.2">
      <c r="B11" s="106" t="s">
        <v>8</v>
      </c>
      <c r="C11" s="191">
        <v>0</v>
      </c>
      <c r="D11" s="191">
        <v>0</v>
      </c>
      <c r="E11" s="196">
        <v>0</v>
      </c>
      <c r="F11" s="193">
        <v>0</v>
      </c>
      <c r="G11" s="191">
        <v>4374</v>
      </c>
      <c r="H11" s="191">
        <v>4231</v>
      </c>
      <c r="I11" s="191">
        <v>1829</v>
      </c>
      <c r="J11" s="191">
        <v>1211</v>
      </c>
      <c r="K11" s="191">
        <v>403</v>
      </c>
      <c r="L11" s="196">
        <v>12048</v>
      </c>
      <c r="M11" s="195">
        <v>12048</v>
      </c>
      <c r="N11" s="191">
        <v>0</v>
      </c>
      <c r="O11" s="191">
        <v>0</v>
      </c>
      <c r="P11" s="196">
        <v>0</v>
      </c>
      <c r="Q11" s="193">
        <v>0</v>
      </c>
      <c r="R11" s="191">
        <v>50</v>
      </c>
      <c r="S11" s="191">
        <v>73</v>
      </c>
      <c r="T11" s="191">
        <v>94</v>
      </c>
      <c r="U11" s="191">
        <v>54</v>
      </c>
      <c r="V11" s="191">
        <v>97</v>
      </c>
      <c r="W11" s="196">
        <v>368</v>
      </c>
      <c r="X11" s="195">
        <v>368</v>
      </c>
    </row>
    <row r="12" spans="2:24" ht="21" customHeight="1" x14ac:dyDescent="0.2">
      <c r="B12" s="106" t="s">
        <v>9</v>
      </c>
      <c r="C12" s="191">
        <v>0</v>
      </c>
      <c r="D12" s="191">
        <v>0</v>
      </c>
      <c r="E12" s="196">
        <v>0</v>
      </c>
      <c r="F12" s="193">
        <v>0</v>
      </c>
      <c r="G12" s="191">
        <v>2851</v>
      </c>
      <c r="H12" s="191">
        <v>2061</v>
      </c>
      <c r="I12" s="191">
        <v>1191</v>
      </c>
      <c r="J12" s="191">
        <v>906</v>
      </c>
      <c r="K12" s="191">
        <v>397</v>
      </c>
      <c r="L12" s="196">
        <v>7406</v>
      </c>
      <c r="M12" s="195">
        <v>7406</v>
      </c>
      <c r="N12" s="191">
        <v>0</v>
      </c>
      <c r="O12" s="191">
        <v>0</v>
      </c>
      <c r="P12" s="196">
        <v>0</v>
      </c>
      <c r="Q12" s="193">
        <v>0</v>
      </c>
      <c r="R12" s="191">
        <v>29</v>
      </c>
      <c r="S12" s="191">
        <v>48</v>
      </c>
      <c r="T12" s="191">
        <v>90</v>
      </c>
      <c r="U12" s="191">
        <v>2</v>
      </c>
      <c r="V12" s="191">
        <v>37</v>
      </c>
      <c r="W12" s="196">
        <v>206</v>
      </c>
      <c r="X12" s="195">
        <v>206</v>
      </c>
    </row>
    <row r="13" spans="2:24" ht="21" customHeight="1" x14ac:dyDescent="0.2">
      <c r="B13" s="106" t="s">
        <v>10</v>
      </c>
      <c r="C13" s="191">
        <v>0</v>
      </c>
      <c r="D13" s="191">
        <v>0</v>
      </c>
      <c r="E13" s="196">
        <v>0</v>
      </c>
      <c r="F13" s="193">
        <v>0</v>
      </c>
      <c r="G13" s="191">
        <v>3942</v>
      </c>
      <c r="H13" s="191">
        <v>2024</v>
      </c>
      <c r="I13" s="191">
        <v>994</v>
      </c>
      <c r="J13" s="191">
        <v>510</v>
      </c>
      <c r="K13" s="191">
        <v>107</v>
      </c>
      <c r="L13" s="196">
        <v>7577</v>
      </c>
      <c r="M13" s="195">
        <v>7577</v>
      </c>
      <c r="N13" s="191">
        <v>0</v>
      </c>
      <c r="O13" s="191">
        <v>4</v>
      </c>
      <c r="P13" s="196">
        <v>4</v>
      </c>
      <c r="Q13" s="193">
        <v>0</v>
      </c>
      <c r="R13" s="191">
        <v>37</v>
      </c>
      <c r="S13" s="191">
        <v>131</v>
      </c>
      <c r="T13" s="191">
        <v>163</v>
      </c>
      <c r="U13" s="191">
        <v>141</v>
      </c>
      <c r="V13" s="191">
        <v>133</v>
      </c>
      <c r="W13" s="196">
        <v>605</v>
      </c>
      <c r="X13" s="195">
        <v>609</v>
      </c>
    </row>
    <row r="14" spans="2:24" ht="21" customHeight="1" x14ac:dyDescent="0.2">
      <c r="B14" s="106" t="s">
        <v>11</v>
      </c>
      <c r="C14" s="191">
        <v>0</v>
      </c>
      <c r="D14" s="191">
        <v>0</v>
      </c>
      <c r="E14" s="196">
        <v>0</v>
      </c>
      <c r="F14" s="193">
        <v>0</v>
      </c>
      <c r="G14" s="191">
        <v>3724</v>
      </c>
      <c r="H14" s="191">
        <v>2634</v>
      </c>
      <c r="I14" s="191">
        <v>1608</v>
      </c>
      <c r="J14" s="191">
        <v>926</v>
      </c>
      <c r="K14" s="191">
        <v>366</v>
      </c>
      <c r="L14" s="196">
        <v>9258</v>
      </c>
      <c r="M14" s="195">
        <v>9258</v>
      </c>
      <c r="N14" s="191">
        <v>0</v>
      </c>
      <c r="O14" s="191">
        <v>0</v>
      </c>
      <c r="P14" s="196">
        <v>0</v>
      </c>
      <c r="Q14" s="193">
        <v>0</v>
      </c>
      <c r="R14" s="191">
        <v>245</v>
      </c>
      <c r="S14" s="191">
        <v>175</v>
      </c>
      <c r="T14" s="191">
        <v>111</v>
      </c>
      <c r="U14" s="191">
        <v>42</v>
      </c>
      <c r="V14" s="191">
        <v>29</v>
      </c>
      <c r="W14" s="196">
        <v>602</v>
      </c>
      <c r="X14" s="195">
        <v>602</v>
      </c>
    </row>
    <row r="15" spans="2:24" ht="21" customHeight="1" x14ac:dyDescent="0.2">
      <c r="B15" s="106" t="s">
        <v>12</v>
      </c>
      <c r="C15" s="191">
        <v>0</v>
      </c>
      <c r="D15" s="191">
        <v>0</v>
      </c>
      <c r="E15" s="196">
        <v>0</v>
      </c>
      <c r="F15" s="193">
        <v>0</v>
      </c>
      <c r="G15" s="191">
        <v>2967</v>
      </c>
      <c r="H15" s="191">
        <v>2022</v>
      </c>
      <c r="I15" s="191">
        <v>1536</v>
      </c>
      <c r="J15" s="191">
        <v>617</v>
      </c>
      <c r="K15" s="191">
        <v>217</v>
      </c>
      <c r="L15" s="196">
        <v>7359</v>
      </c>
      <c r="M15" s="195">
        <v>7359</v>
      </c>
      <c r="N15" s="191">
        <v>0</v>
      </c>
      <c r="O15" s="191">
        <v>0</v>
      </c>
      <c r="P15" s="196">
        <v>0</v>
      </c>
      <c r="Q15" s="193">
        <v>0</v>
      </c>
      <c r="R15" s="191">
        <v>38</v>
      </c>
      <c r="S15" s="191">
        <v>19</v>
      </c>
      <c r="T15" s="191">
        <v>24</v>
      </c>
      <c r="U15" s="191">
        <v>0</v>
      </c>
      <c r="V15" s="191">
        <v>0</v>
      </c>
      <c r="W15" s="196">
        <v>81</v>
      </c>
      <c r="X15" s="195">
        <v>81</v>
      </c>
    </row>
    <row r="16" spans="2:24" ht="21" customHeight="1" x14ac:dyDescent="0.2">
      <c r="B16" s="106" t="s">
        <v>13</v>
      </c>
      <c r="C16" s="191">
        <v>0</v>
      </c>
      <c r="D16" s="191">
        <v>0</v>
      </c>
      <c r="E16" s="196">
        <v>0</v>
      </c>
      <c r="F16" s="193">
        <v>0</v>
      </c>
      <c r="G16" s="191">
        <v>1012</v>
      </c>
      <c r="H16" s="191">
        <v>1181</v>
      </c>
      <c r="I16" s="191">
        <v>514</v>
      </c>
      <c r="J16" s="191">
        <v>277</v>
      </c>
      <c r="K16" s="191">
        <v>177</v>
      </c>
      <c r="L16" s="196">
        <v>3161</v>
      </c>
      <c r="M16" s="195">
        <v>3161</v>
      </c>
      <c r="N16" s="191">
        <v>0</v>
      </c>
      <c r="O16" s="191">
        <v>0</v>
      </c>
      <c r="P16" s="196">
        <v>0</v>
      </c>
      <c r="Q16" s="193">
        <v>0</v>
      </c>
      <c r="R16" s="191">
        <v>11</v>
      </c>
      <c r="S16" s="191">
        <v>31</v>
      </c>
      <c r="T16" s="191">
        <v>84</v>
      </c>
      <c r="U16" s="191">
        <v>28</v>
      </c>
      <c r="V16" s="191">
        <v>63</v>
      </c>
      <c r="W16" s="196">
        <v>217</v>
      </c>
      <c r="X16" s="195">
        <v>217</v>
      </c>
    </row>
    <row r="17" spans="2:24" ht="21" customHeight="1" x14ac:dyDescent="0.2">
      <c r="B17" s="106" t="s">
        <v>15</v>
      </c>
      <c r="C17" s="191">
        <v>0</v>
      </c>
      <c r="D17" s="191">
        <v>0</v>
      </c>
      <c r="E17" s="196">
        <v>0</v>
      </c>
      <c r="F17" s="193">
        <v>0</v>
      </c>
      <c r="G17" s="191">
        <v>1280</v>
      </c>
      <c r="H17" s="191">
        <v>1444</v>
      </c>
      <c r="I17" s="191">
        <v>706</v>
      </c>
      <c r="J17" s="191">
        <v>296</v>
      </c>
      <c r="K17" s="191">
        <v>117</v>
      </c>
      <c r="L17" s="196">
        <v>3843</v>
      </c>
      <c r="M17" s="195">
        <v>3843</v>
      </c>
      <c r="N17" s="191">
        <v>0</v>
      </c>
      <c r="O17" s="191">
        <v>8</v>
      </c>
      <c r="P17" s="196">
        <v>8</v>
      </c>
      <c r="Q17" s="193">
        <v>0</v>
      </c>
      <c r="R17" s="191">
        <v>31</v>
      </c>
      <c r="S17" s="191">
        <v>22</v>
      </c>
      <c r="T17" s="191">
        <v>49</v>
      </c>
      <c r="U17" s="191">
        <v>8</v>
      </c>
      <c r="V17" s="191">
        <v>16</v>
      </c>
      <c r="W17" s="196">
        <v>126</v>
      </c>
      <c r="X17" s="195">
        <v>134</v>
      </c>
    </row>
    <row r="18" spans="2:24" ht="21" customHeight="1" x14ac:dyDescent="0.2">
      <c r="B18" s="106" t="s">
        <v>16</v>
      </c>
      <c r="C18" s="191">
        <v>0</v>
      </c>
      <c r="D18" s="191">
        <v>0</v>
      </c>
      <c r="E18" s="196">
        <v>0</v>
      </c>
      <c r="F18" s="193">
        <v>0</v>
      </c>
      <c r="G18" s="191">
        <v>1157</v>
      </c>
      <c r="H18" s="191">
        <v>1366</v>
      </c>
      <c r="I18" s="191">
        <v>711</v>
      </c>
      <c r="J18" s="191">
        <v>399</v>
      </c>
      <c r="K18" s="191">
        <v>101</v>
      </c>
      <c r="L18" s="196">
        <v>3734</v>
      </c>
      <c r="M18" s="195">
        <v>3734</v>
      </c>
      <c r="N18" s="191">
        <v>0</v>
      </c>
      <c r="O18" s="191">
        <v>0</v>
      </c>
      <c r="P18" s="196">
        <v>0</v>
      </c>
      <c r="Q18" s="193">
        <v>0</v>
      </c>
      <c r="R18" s="191">
        <v>40</v>
      </c>
      <c r="S18" s="191">
        <v>64</v>
      </c>
      <c r="T18" s="191">
        <v>55</v>
      </c>
      <c r="U18" s="191">
        <v>20</v>
      </c>
      <c r="V18" s="191">
        <v>44</v>
      </c>
      <c r="W18" s="196">
        <v>223</v>
      </c>
      <c r="X18" s="195">
        <v>223</v>
      </c>
    </row>
    <row r="19" spans="2:24" ht="21" customHeight="1" x14ac:dyDescent="0.2">
      <c r="B19" s="106" t="s">
        <v>17</v>
      </c>
      <c r="C19" s="191">
        <v>0</v>
      </c>
      <c r="D19" s="191">
        <v>0</v>
      </c>
      <c r="E19" s="196">
        <v>0</v>
      </c>
      <c r="F19" s="193">
        <v>0</v>
      </c>
      <c r="G19" s="191">
        <v>2124</v>
      </c>
      <c r="H19" s="191">
        <v>2894</v>
      </c>
      <c r="I19" s="191">
        <v>1731</v>
      </c>
      <c r="J19" s="191">
        <v>1270</v>
      </c>
      <c r="K19" s="191">
        <v>527</v>
      </c>
      <c r="L19" s="196">
        <v>8546</v>
      </c>
      <c r="M19" s="195">
        <v>8546</v>
      </c>
      <c r="N19" s="191">
        <v>4</v>
      </c>
      <c r="O19" s="191">
        <v>0</v>
      </c>
      <c r="P19" s="196">
        <v>4</v>
      </c>
      <c r="Q19" s="193">
        <v>0</v>
      </c>
      <c r="R19" s="191">
        <v>202</v>
      </c>
      <c r="S19" s="191">
        <v>162</v>
      </c>
      <c r="T19" s="191">
        <v>132</v>
      </c>
      <c r="U19" s="191">
        <v>103</v>
      </c>
      <c r="V19" s="191">
        <v>45</v>
      </c>
      <c r="W19" s="196">
        <v>644</v>
      </c>
      <c r="X19" s="195">
        <v>648</v>
      </c>
    </row>
    <row r="20" spans="2:24" ht="21" customHeight="1" x14ac:dyDescent="0.2">
      <c r="B20" s="106" t="s">
        <v>18</v>
      </c>
      <c r="C20" s="191">
        <v>0</v>
      </c>
      <c r="D20" s="191">
        <v>0</v>
      </c>
      <c r="E20" s="196">
        <v>0</v>
      </c>
      <c r="F20" s="193">
        <v>0</v>
      </c>
      <c r="G20" s="191">
        <v>2144</v>
      </c>
      <c r="H20" s="191">
        <v>1493</v>
      </c>
      <c r="I20" s="191">
        <v>869</v>
      </c>
      <c r="J20" s="191">
        <v>385</v>
      </c>
      <c r="K20" s="191">
        <v>170</v>
      </c>
      <c r="L20" s="196">
        <v>5061</v>
      </c>
      <c r="M20" s="195">
        <v>5061</v>
      </c>
      <c r="N20" s="191">
        <v>0</v>
      </c>
      <c r="O20" s="191">
        <v>0</v>
      </c>
      <c r="P20" s="196">
        <v>0</v>
      </c>
      <c r="Q20" s="193">
        <v>0</v>
      </c>
      <c r="R20" s="191">
        <v>96</v>
      </c>
      <c r="S20" s="191">
        <v>114</v>
      </c>
      <c r="T20" s="191">
        <v>171</v>
      </c>
      <c r="U20" s="191">
        <v>88</v>
      </c>
      <c r="V20" s="191">
        <v>59</v>
      </c>
      <c r="W20" s="196">
        <v>528</v>
      </c>
      <c r="X20" s="195">
        <v>528</v>
      </c>
    </row>
    <row r="21" spans="2:24" ht="21" customHeight="1" x14ac:dyDescent="0.2">
      <c r="B21" s="106" t="s">
        <v>19</v>
      </c>
      <c r="C21" s="191">
        <v>0</v>
      </c>
      <c r="D21" s="191">
        <v>0</v>
      </c>
      <c r="E21" s="196">
        <v>0</v>
      </c>
      <c r="F21" s="193">
        <v>0</v>
      </c>
      <c r="G21" s="191">
        <v>932</v>
      </c>
      <c r="H21" s="191">
        <v>705</v>
      </c>
      <c r="I21" s="191">
        <v>332</v>
      </c>
      <c r="J21" s="191">
        <v>161</v>
      </c>
      <c r="K21" s="191">
        <v>115</v>
      </c>
      <c r="L21" s="196">
        <v>2245</v>
      </c>
      <c r="M21" s="195">
        <v>2245</v>
      </c>
      <c r="N21" s="191">
        <v>3</v>
      </c>
      <c r="O21" s="191">
        <v>0</v>
      </c>
      <c r="P21" s="196">
        <v>3</v>
      </c>
      <c r="Q21" s="193">
        <v>0</v>
      </c>
      <c r="R21" s="191">
        <v>148</v>
      </c>
      <c r="S21" s="191">
        <v>116</v>
      </c>
      <c r="T21" s="191">
        <v>157</v>
      </c>
      <c r="U21" s="191">
        <v>57</v>
      </c>
      <c r="V21" s="191">
        <v>24</v>
      </c>
      <c r="W21" s="196">
        <v>502</v>
      </c>
      <c r="X21" s="195">
        <v>505</v>
      </c>
    </row>
    <row r="22" spans="2:24" ht="21" customHeight="1" x14ac:dyDescent="0.2">
      <c r="B22" s="106" t="s">
        <v>20</v>
      </c>
      <c r="C22" s="191">
        <v>0</v>
      </c>
      <c r="D22" s="191">
        <v>0</v>
      </c>
      <c r="E22" s="196">
        <v>0</v>
      </c>
      <c r="F22" s="193">
        <v>0</v>
      </c>
      <c r="G22" s="191">
        <v>1243</v>
      </c>
      <c r="H22" s="191">
        <v>839</v>
      </c>
      <c r="I22" s="191">
        <v>542</v>
      </c>
      <c r="J22" s="191">
        <v>156</v>
      </c>
      <c r="K22" s="191">
        <v>57</v>
      </c>
      <c r="L22" s="196">
        <v>2837</v>
      </c>
      <c r="M22" s="195">
        <v>2837</v>
      </c>
      <c r="N22" s="191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4</v>
      </c>
      <c r="T22" s="191">
        <v>40</v>
      </c>
      <c r="U22" s="191">
        <v>30</v>
      </c>
      <c r="V22" s="191">
        <v>8</v>
      </c>
      <c r="W22" s="196">
        <v>82</v>
      </c>
      <c r="X22" s="195">
        <v>82</v>
      </c>
    </row>
    <row r="23" spans="2:24" ht="21" customHeight="1" x14ac:dyDescent="0.2">
      <c r="B23" s="106" t="s">
        <v>21</v>
      </c>
      <c r="C23" s="191">
        <v>0</v>
      </c>
      <c r="D23" s="191">
        <v>0</v>
      </c>
      <c r="E23" s="196">
        <v>0</v>
      </c>
      <c r="F23" s="193">
        <v>0</v>
      </c>
      <c r="G23" s="191">
        <v>1681</v>
      </c>
      <c r="H23" s="191">
        <v>1195</v>
      </c>
      <c r="I23" s="191">
        <v>829</v>
      </c>
      <c r="J23" s="191">
        <v>233</v>
      </c>
      <c r="K23" s="191">
        <v>190</v>
      </c>
      <c r="L23" s="196">
        <v>4128</v>
      </c>
      <c r="M23" s="195">
        <v>4128</v>
      </c>
      <c r="N23" s="191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</row>
    <row r="24" spans="2:24" ht="21" customHeight="1" x14ac:dyDescent="0.2">
      <c r="B24" s="106" t="s">
        <v>22</v>
      </c>
      <c r="C24" s="191">
        <v>0</v>
      </c>
      <c r="D24" s="191">
        <v>0</v>
      </c>
      <c r="E24" s="196">
        <v>0</v>
      </c>
      <c r="F24" s="193">
        <v>0</v>
      </c>
      <c r="G24" s="191">
        <v>921</v>
      </c>
      <c r="H24" s="191">
        <v>875</v>
      </c>
      <c r="I24" s="191">
        <v>474</v>
      </c>
      <c r="J24" s="191">
        <v>205</v>
      </c>
      <c r="K24" s="191">
        <v>91</v>
      </c>
      <c r="L24" s="196">
        <v>2566</v>
      </c>
      <c r="M24" s="195">
        <v>2566</v>
      </c>
      <c r="N24" s="191">
        <v>0</v>
      </c>
      <c r="O24" s="191">
        <v>0</v>
      </c>
      <c r="P24" s="196">
        <v>0</v>
      </c>
      <c r="Q24" s="193">
        <v>0</v>
      </c>
      <c r="R24" s="191">
        <v>13</v>
      </c>
      <c r="S24" s="191">
        <v>44</v>
      </c>
      <c r="T24" s="191">
        <v>70</v>
      </c>
      <c r="U24" s="191">
        <v>60</v>
      </c>
      <c r="V24" s="191">
        <v>4</v>
      </c>
      <c r="W24" s="196">
        <v>191</v>
      </c>
      <c r="X24" s="195">
        <v>191</v>
      </c>
    </row>
    <row r="25" spans="2:24" ht="21" customHeight="1" x14ac:dyDescent="0.2">
      <c r="B25" s="106" t="s">
        <v>23</v>
      </c>
      <c r="C25" s="191">
        <v>0</v>
      </c>
      <c r="D25" s="191">
        <v>0</v>
      </c>
      <c r="E25" s="196">
        <v>0</v>
      </c>
      <c r="F25" s="193">
        <v>0</v>
      </c>
      <c r="G25" s="191">
        <v>545</v>
      </c>
      <c r="H25" s="191">
        <v>485</v>
      </c>
      <c r="I25" s="191">
        <v>243</v>
      </c>
      <c r="J25" s="191">
        <v>199</v>
      </c>
      <c r="K25" s="191">
        <v>82</v>
      </c>
      <c r="L25" s="196">
        <v>1554</v>
      </c>
      <c r="M25" s="195">
        <v>1554</v>
      </c>
      <c r="N25" s="191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20</v>
      </c>
      <c r="V25" s="191">
        <v>0</v>
      </c>
      <c r="W25" s="196">
        <v>20</v>
      </c>
      <c r="X25" s="195">
        <v>20</v>
      </c>
    </row>
    <row r="26" spans="2:24" ht="21" customHeight="1" x14ac:dyDescent="0.2">
      <c r="B26" s="106" t="s">
        <v>24</v>
      </c>
      <c r="C26" s="191">
        <v>0</v>
      </c>
      <c r="D26" s="191">
        <v>0</v>
      </c>
      <c r="E26" s="196">
        <v>0</v>
      </c>
      <c r="F26" s="193">
        <v>0</v>
      </c>
      <c r="G26" s="191">
        <v>155</v>
      </c>
      <c r="H26" s="191">
        <v>96</v>
      </c>
      <c r="I26" s="191">
        <v>145</v>
      </c>
      <c r="J26" s="191">
        <v>46</v>
      </c>
      <c r="K26" s="191">
        <v>21</v>
      </c>
      <c r="L26" s="196">
        <v>463</v>
      </c>
      <c r="M26" s="195">
        <v>463</v>
      </c>
      <c r="N26" s="191">
        <v>0</v>
      </c>
      <c r="O26" s="191">
        <v>0</v>
      </c>
      <c r="P26" s="196">
        <v>0</v>
      </c>
      <c r="Q26" s="193">
        <v>0</v>
      </c>
      <c r="R26" s="191">
        <v>53</v>
      </c>
      <c r="S26" s="191">
        <v>49</v>
      </c>
      <c r="T26" s="191">
        <v>14</v>
      </c>
      <c r="U26" s="191">
        <v>18</v>
      </c>
      <c r="V26" s="191">
        <v>3</v>
      </c>
      <c r="W26" s="196">
        <v>137</v>
      </c>
      <c r="X26" s="195">
        <v>137</v>
      </c>
    </row>
    <row r="27" spans="2:24" ht="21" customHeight="1" x14ac:dyDescent="0.2">
      <c r="B27" s="106" t="s">
        <v>25</v>
      </c>
      <c r="C27" s="191">
        <v>0</v>
      </c>
      <c r="D27" s="191">
        <v>0</v>
      </c>
      <c r="E27" s="196">
        <v>0</v>
      </c>
      <c r="F27" s="193">
        <v>0</v>
      </c>
      <c r="G27" s="191">
        <v>559</v>
      </c>
      <c r="H27" s="191">
        <v>347</v>
      </c>
      <c r="I27" s="191">
        <v>123</v>
      </c>
      <c r="J27" s="191">
        <v>37</v>
      </c>
      <c r="K27" s="191">
        <v>0</v>
      </c>
      <c r="L27" s="196">
        <v>1066</v>
      </c>
      <c r="M27" s="195">
        <v>1066</v>
      </c>
      <c r="N27" s="191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</row>
    <row r="28" spans="2:24" ht="21" customHeight="1" x14ac:dyDescent="0.2">
      <c r="B28" s="106" t="s">
        <v>26</v>
      </c>
      <c r="C28" s="191">
        <v>0</v>
      </c>
      <c r="D28" s="191">
        <v>0</v>
      </c>
      <c r="E28" s="196">
        <v>0</v>
      </c>
      <c r="F28" s="193">
        <v>0</v>
      </c>
      <c r="G28" s="191">
        <v>319</v>
      </c>
      <c r="H28" s="191">
        <v>375</v>
      </c>
      <c r="I28" s="191">
        <v>255</v>
      </c>
      <c r="J28" s="191">
        <v>90</v>
      </c>
      <c r="K28" s="191">
        <v>71</v>
      </c>
      <c r="L28" s="196">
        <v>1110</v>
      </c>
      <c r="M28" s="195">
        <v>1110</v>
      </c>
      <c r="N28" s="191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</row>
    <row r="29" spans="2:24" ht="21" customHeight="1" x14ac:dyDescent="0.2">
      <c r="B29" s="106" t="s">
        <v>27</v>
      </c>
      <c r="C29" s="191">
        <v>0</v>
      </c>
      <c r="D29" s="191">
        <v>0</v>
      </c>
      <c r="E29" s="196">
        <v>0</v>
      </c>
      <c r="F29" s="193">
        <v>0</v>
      </c>
      <c r="G29" s="191">
        <v>262</v>
      </c>
      <c r="H29" s="191">
        <v>103</v>
      </c>
      <c r="I29" s="191">
        <v>42</v>
      </c>
      <c r="J29" s="191">
        <v>12</v>
      </c>
      <c r="K29" s="191">
        <v>19</v>
      </c>
      <c r="L29" s="196">
        <v>438</v>
      </c>
      <c r="M29" s="195">
        <v>438</v>
      </c>
      <c r="N29" s="191">
        <v>0</v>
      </c>
      <c r="O29" s="191">
        <v>0</v>
      </c>
      <c r="P29" s="196">
        <v>0</v>
      </c>
      <c r="Q29" s="193">
        <v>0</v>
      </c>
      <c r="R29" s="191">
        <v>28</v>
      </c>
      <c r="S29" s="191">
        <v>13</v>
      </c>
      <c r="T29" s="191">
        <v>25</v>
      </c>
      <c r="U29" s="191">
        <v>21</v>
      </c>
      <c r="V29" s="191">
        <v>0</v>
      </c>
      <c r="W29" s="196">
        <v>87</v>
      </c>
      <c r="X29" s="195">
        <v>87</v>
      </c>
    </row>
    <row r="30" spans="2:24" ht="21" customHeight="1" x14ac:dyDescent="0.2">
      <c r="B30" s="106" t="s">
        <v>28</v>
      </c>
      <c r="C30" s="191">
        <v>0</v>
      </c>
      <c r="D30" s="191">
        <v>0</v>
      </c>
      <c r="E30" s="196">
        <v>0</v>
      </c>
      <c r="F30" s="193">
        <v>0</v>
      </c>
      <c r="G30" s="191">
        <v>195</v>
      </c>
      <c r="H30" s="191">
        <v>88</v>
      </c>
      <c r="I30" s="191">
        <v>40</v>
      </c>
      <c r="J30" s="191">
        <v>22</v>
      </c>
      <c r="K30" s="191">
        <v>7</v>
      </c>
      <c r="L30" s="196">
        <v>352</v>
      </c>
      <c r="M30" s="195">
        <v>352</v>
      </c>
      <c r="N30" s="191">
        <v>0</v>
      </c>
      <c r="O30" s="191">
        <v>0</v>
      </c>
      <c r="P30" s="196">
        <v>0</v>
      </c>
      <c r="Q30" s="193">
        <v>0</v>
      </c>
      <c r="R30" s="191">
        <v>29</v>
      </c>
      <c r="S30" s="191">
        <v>16</v>
      </c>
      <c r="T30" s="191">
        <v>15</v>
      </c>
      <c r="U30" s="191">
        <v>23</v>
      </c>
      <c r="V30" s="191">
        <v>0</v>
      </c>
      <c r="W30" s="196">
        <v>83</v>
      </c>
      <c r="X30" s="195">
        <v>83</v>
      </c>
    </row>
    <row r="31" spans="2:24" ht="21" customHeight="1" x14ac:dyDescent="0.2">
      <c r="B31" s="106" t="s">
        <v>29</v>
      </c>
      <c r="C31" s="191">
        <v>0</v>
      </c>
      <c r="D31" s="191">
        <v>0</v>
      </c>
      <c r="E31" s="196">
        <v>0</v>
      </c>
      <c r="F31" s="193">
        <v>0</v>
      </c>
      <c r="G31" s="191">
        <v>106</v>
      </c>
      <c r="H31" s="191">
        <v>128</v>
      </c>
      <c r="I31" s="191">
        <v>60</v>
      </c>
      <c r="J31" s="191">
        <v>56</v>
      </c>
      <c r="K31" s="191">
        <v>12</v>
      </c>
      <c r="L31" s="196">
        <v>362</v>
      </c>
      <c r="M31" s="195">
        <v>362</v>
      </c>
      <c r="N31" s="191">
        <v>0</v>
      </c>
      <c r="O31" s="191">
        <v>0</v>
      </c>
      <c r="P31" s="196">
        <v>0</v>
      </c>
      <c r="Q31" s="193">
        <v>0</v>
      </c>
      <c r="R31" s="191">
        <v>20</v>
      </c>
      <c r="S31" s="191">
        <v>18</v>
      </c>
      <c r="T31" s="191">
        <v>0</v>
      </c>
      <c r="U31" s="191">
        <v>0</v>
      </c>
      <c r="V31" s="191">
        <v>0</v>
      </c>
      <c r="W31" s="196">
        <v>38</v>
      </c>
      <c r="X31" s="195">
        <v>38</v>
      </c>
    </row>
    <row r="32" spans="2:24" ht="21" customHeight="1" x14ac:dyDescent="0.2">
      <c r="B32" s="106" t="s">
        <v>30</v>
      </c>
      <c r="C32" s="191">
        <v>0</v>
      </c>
      <c r="D32" s="191">
        <v>0</v>
      </c>
      <c r="E32" s="196">
        <v>0</v>
      </c>
      <c r="F32" s="193">
        <v>0</v>
      </c>
      <c r="G32" s="191">
        <v>196</v>
      </c>
      <c r="H32" s="191">
        <v>116</v>
      </c>
      <c r="I32" s="191">
        <v>112</v>
      </c>
      <c r="J32" s="191">
        <v>0</v>
      </c>
      <c r="K32" s="191">
        <v>5</v>
      </c>
      <c r="L32" s="196">
        <v>429</v>
      </c>
      <c r="M32" s="195">
        <v>429</v>
      </c>
      <c r="N32" s="191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3</v>
      </c>
      <c r="T32" s="191">
        <v>5</v>
      </c>
      <c r="U32" s="191">
        <v>0</v>
      </c>
      <c r="V32" s="191">
        <v>0</v>
      </c>
      <c r="W32" s="196">
        <v>8</v>
      </c>
      <c r="X32" s="195">
        <v>8</v>
      </c>
    </row>
    <row r="33" spans="2:24" ht="21" customHeight="1" x14ac:dyDescent="0.2">
      <c r="B33" s="106" t="s">
        <v>31</v>
      </c>
      <c r="C33" s="191">
        <v>0</v>
      </c>
      <c r="D33" s="191">
        <v>0</v>
      </c>
      <c r="E33" s="196">
        <v>0</v>
      </c>
      <c r="F33" s="193">
        <v>0</v>
      </c>
      <c r="G33" s="191">
        <v>94</v>
      </c>
      <c r="H33" s="191">
        <v>110</v>
      </c>
      <c r="I33" s="191">
        <v>57</v>
      </c>
      <c r="J33" s="191">
        <v>2</v>
      </c>
      <c r="K33" s="191">
        <v>0</v>
      </c>
      <c r="L33" s="196">
        <v>263</v>
      </c>
      <c r="M33" s="195">
        <v>263</v>
      </c>
      <c r="N33" s="191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14</v>
      </c>
      <c r="U33" s="191">
        <v>15</v>
      </c>
      <c r="V33" s="191">
        <v>0</v>
      </c>
      <c r="W33" s="196">
        <v>29</v>
      </c>
      <c r="X33" s="195">
        <v>29</v>
      </c>
    </row>
    <row r="34" spans="2:24" ht="21" customHeight="1" x14ac:dyDescent="0.2">
      <c r="B34" s="106" t="s">
        <v>32</v>
      </c>
      <c r="C34" s="191">
        <v>0</v>
      </c>
      <c r="D34" s="191">
        <v>0</v>
      </c>
      <c r="E34" s="196">
        <v>0</v>
      </c>
      <c r="F34" s="193">
        <v>0</v>
      </c>
      <c r="G34" s="191">
        <v>362</v>
      </c>
      <c r="H34" s="191">
        <v>266</v>
      </c>
      <c r="I34" s="191">
        <v>105</v>
      </c>
      <c r="J34" s="191">
        <v>39</v>
      </c>
      <c r="K34" s="191">
        <v>31</v>
      </c>
      <c r="L34" s="196">
        <v>803</v>
      </c>
      <c r="M34" s="195">
        <v>803</v>
      </c>
      <c r="N34" s="191">
        <v>0</v>
      </c>
      <c r="O34" s="191">
        <v>0</v>
      </c>
      <c r="P34" s="196">
        <v>0</v>
      </c>
      <c r="Q34" s="193">
        <v>0</v>
      </c>
      <c r="R34" s="191">
        <v>47</v>
      </c>
      <c r="S34" s="191">
        <v>0</v>
      </c>
      <c r="T34" s="191">
        <v>44</v>
      </c>
      <c r="U34" s="191">
        <v>0</v>
      </c>
      <c r="V34" s="191">
        <v>12</v>
      </c>
      <c r="W34" s="196">
        <v>103</v>
      </c>
      <c r="X34" s="195">
        <v>103</v>
      </c>
    </row>
    <row r="35" spans="2:24" ht="21" customHeight="1" x14ac:dyDescent="0.2">
      <c r="B35" s="106" t="s">
        <v>33</v>
      </c>
      <c r="C35" s="191">
        <v>0</v>
      </c>
      <c r="D35" s="191">
        <v>0</v>
      </c>
      <c r="E35" s="196">
        <v>0</v>
      </c>
      <c r="F35" s="193">
        <v>0</v>
      </c>
      <c r="G35" s="191">
        <v>184</v>
      </c>
      <c r="H35" s="191">
        <v>89</v>
      </c>
      <c r="I35" s="191">
        <v>53</v>
      </c>
      <c r="J35" s="191">
        <v>0</v>
      </c>
      <c r="K35" s="191">
        <v>7</v>
      </c>
      <c r="L35" s="196">
        <v>333</v>
      </c>
      <c r="M35" s="195">
        <v>333</v>
      </c>
      <c r="N35" s="191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</row>
    <row r="36" spans="2:24" ht="21" customHeight="1" x14ac:dyDescent="0.2">
      <c r="B36" s="106" t="s">
        <v>34</v>
      </c>
      <c r="C36" s="191">
        <v>0</v>
      </c>
      <c r="D36" s="191">
        <v>0</v>
      </c>
      <c r="E36" s="196">
        <v>0</v>
      </c>
      <c r="F36" s="193">
        <v>0</v>
      </c>
      <c r="G36" s="191">
        <v>104</v>
      </c>
      <c r="H36" s="191">
        <v>19</v>
      </c>
      <c r="I36" s="191">
        <v>7</v>
      </c>
      <c r="J36" s="191">
        <v>4</v>
      </c>
      <c r="K36" s="191">
        <v>17</v>
      </c>
      <c r="L36" s="196">
        <v>151</v>
      </c>
      <c r="M36" s="195">
        <v>151</v>
      </c>
      <c r="N36" s="191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</row>
    <row r="37" spans="2:24" ht="21" customHeight="1" x14ac:dyDescent="0.2">
      <c r="B37" s="106" t="s">
        <v>35</v>
      </c>
      <c r="C37" s="191">
        <v>0</v>
      </c>
      <c r="D37" s="191">
        <v>0</v>
      </c>
      <c r="E37" s="196">
        <v>0</v>
      </c>
      <c r="F37" s="193">
        <v>0</v>
      </c>
      <c r="G37" s="191">
        <v>181</v>
      </c>
      <c r="H37" s="191">
        <v>187</v>
      </c>
      <c r="I37" s="191">
        <v>187</v>
      </c>
      <c r="J37" s="191">
        <v>71</v>
      </c>
      <c r="K37" s="191">
        <v>22</v>
      </c>
      <c r="L37" s="196">
        <v>648</v>
      </c>
      <c r="M37" s="195">
        <v>648</v>
      </c>
      <c r="N37" s="191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</row>
    <row r="38" spans="2:24" ht="21" customHeight="1" x14ac:dyDescent="0.2">
      <c r="B38" s="106" t="s">
        <v>36</v>
      </c>
      <c r="C38" s="191">
        <v>0</v>
      </c>
      <c r="D38" s="191">
        <v>0</v>
      </c>
      <c r="E38" s="196">
        <v>0</v>
      </c>
      <c r="F38" s="193">
        <v>0</v>
      </c>
      <c r="G38" s="191">
        <v>470</v>
      </c>
      <c r="H38" s="191">
        <v>434</v>
      </c>
      <c r="I38" s="191">
        <v>559</v>
      </c>
      <c r="J38" s="191">
        <v>226</v>
      </c>
      <c r="K38" s="191">
        <v>259</v>
      </c>
      <c r="L38" s="196">
        <v>1948</v>
      </c>
      <c r="M38" s="195">
        <v>1948</v>
      </c>
      <c r="N38" s="191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</row>
    <row r="39" spans="2:24" ht="21" customHeight="1" thickBot="1" x14ac:dyDescent="0.25">
      <c r="B39" s="108" t="s">
        <v>37</v>
      </c>
      <c r="C39" s="198">
        <v>0</v>
      </c>
      <c r="D39" s="198">
        <v>0</v>
      </c>
      <c r="E39" s="203">
        <v>0</v>
      </c>
      <c r="F39" s="200">
        <v>0</v>
      </c>
      <c r="G39" s="198">
        <v>86</v>
      </c>
      <c r="H39" s="198">
        <v>85</v>
      </c>
      <c r="I39" s="198">
        <v>60</v>
      </c>
      <c r="J39" s="198">
        <v>19</v>
      </c>
      <c r="K39" s="198">
        <v>16</v>
      </c>
      <c r="L39" s="203">
        <v>266</v>
      </c>
      <c r="M39" s="202">
        <v>266</v>
      </c>
      <c r="N39" s="198">
        <v>0</v>
      </c>
      <c r="O39" s="198">
        <v>0</v>
      </c>
      <c r="P39" s="203">
        <v>0</v>
      </c>
      <c r="Q39" s="200">
        <v>0</v>
      </c>
      <c r="R39" s="198">
        <v>1</v>
      </c>
      <c r="S39" s="198">
        <v>0</v>
      </c>
      <c r="T39" s="198">
        <v>0</v>
      </c>
      <c r="U39" s="198">
        <v>0</v>
      </c>
      <c r="V39" s="198">
        <v>0</v>
      </c>
      <c r="W39" s="203">
        <v>1</v>
      </c>
      <c r="X39" s="202">
        <v>1</v>
      </c>
    </row>
  </sheetData>
  <mergeCells count="11">
    <mergeCell ref="B3:B5"/>
    <mergeCell ref="C3:M3"/>
    <mergeCell ref="C4:E4"/>
    <mergeCell ref="F4:L4"/>
    <mergeCell ref="M4:M5"/>
    <mergeCell ref="N3:X3"/>
    <mergeCell ref="N4:P4"/>
    <mergeCell ref="Q4:W4"/>
    <mergeCell ref="X4:X5"/>
    <mergeCell ref="H1:I1"/>
    <mergeCell ref="K1:L1"/>
  </mergeCells>
  <phoneticPr fontId="4"/>
  <pageMargins left="0.70866141732283472" right="0.70866141732283472" top="0.74803149606299213" bottom="0.74803149606299213" header="0.31496062992125984" footer="0.31496062992125984"/>
  <pageSetup paperSize="9" scale="80" orientation="portrait" r:id="rId1"/>
  <headerFooter>
    <oddFooter>&amp;L&amp;20&amp;A&amp;C&amp;P/&amp;N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X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" style="175" customWidth="1"/>
    <col min="6" max="6" width="7.77734375" style="175" customWidth="1"/>
    <col min="7" max="7" width="10.77734375" style="175" customWidth="1"/>
    <col min="8" max="16" width="9" style="175"/>
    <col min="17" max="17" width="7.6640625" style="175" customWidth="1"/>
    <col min="18" max="16384" width="9" style="175"/>
  </cols>
  <sheetData>
    <row r="1" spans="2:24" ht="24" customHeight="1" x14ac:dyDescent="0.2">
      <c r="B1" s="142" t="s">
        <v>123</v>
      </c>
      <c r="H1" s="442">
        <f>第１表!F2</f>
        <v>7</v>
      </c>
      <c r="I1" s="442"/>
      <c r="J1" s="18">
        <f>第１表!G2</f>
        <v>3</v>
      </c>
      <c r="K1" s="447">
        <f>IF(J1&lt;3,J1+12-2,J1-2)</f>
        <v>1</v>
      </c>
      <c r="L1" s="447"/>
    </row>
    <row r="2" spans="2:24" ht="24" customHeight="1" thickBot="1" x14ac:dyDescent="0.25">
      <c r="B2" s="142" t="s">
        <v>131</v>
      </c>
    </row>
    <row r="3" spans="2:24" ht="21" customHeight="1" x14ac:dyDescent="0.2">
      <c r="B3" s="465"/>
      <c r="C3" s="466" t="s">
        <v>139</v>
      </c>
      <c r="D3" s="466"/>
      <c r="E3" s="466"/>
      <c r="F3" s="466"/>
      <c r="G3" s="466"/>
      <c r="H3" s="466"/>
      <c r="I3" s="466"/>
      <c r="J3" s="466"/>
      <c r="K3" s="466"/>
      <c r="L3" s="466"/>
      <c r="M3" s="496"/>
      <c r="N3" s="466" t="s">
        <v>112</v>
      </c>
      <c r="O3" s="466"/>
      <c r="P3" s="466"/>
      <c r="Q3" s="466"/>
      <c r="R3" s="466"/>
      <c r="S3" s="466"/>
      <c r="T3" s="466"/>
      <c r="U3" s="466"/>
      <c r="V3" s="466"/>
      <c r="W3" s="466"/>
      <c r="X3" s="496"/>
    </row>
    <row r="4" spans="2:24" ht="21" customHeight="1" x14ac:dyDescent="0.2">
      <c r="B4" s="502"/>
      <c r="C4" s="497" t="s">
        <v>61</v>
      </c>
      <c r="D4" s="497"/>
      <c r="E4" s="498"/>
      <c r="F4" s="499" t="s">
        <v>62</v>
      </c>
      <c r="G4" s="497"/>
      <c r="H4" s="497"/>
      <c r="I4" s="497"/>
      <c r="J4" s="497"/>
      <c r="K4" s="497"/>
      <c r="L4" s="500"/>
      <c r="M4" s="501" t="s">
        <v>52</v>
      </c>
      <c r="N4" s="497" t="s">
        <v>61</v>
      </c>
      <c r="O4" s="497"/>
      <c r="P4" s="498"/>
      <c r="Q4" s="499" t="s">
        <v>62</v>
      </c>
      <c r="R4" s="497"/>
      <c r="S4" s="497"/>
      <c r="T4" s="497"/>
      <c r="U4" s="497"/>
      <c r="V4" s="497"/>
      <c r="W4" s="500"/>
      <c r="X4" s="501" t="s">
        <v>52</v>
      </c>
    </row>
    <row r="5" spans="2:24" ht="30" customHeight="1" thickBot="1" x14ac:dyDescent="0.25">
      <c r="B5" s="503"/>
      <c r="C5" s="178" t="s">
        <v>43</v>
      </c>
      <c r="D5" s="178" t="s">
        <v>44</v>
      </c>
      <c r="E5" s="182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2" t="s">
        <v>45</v>
      </c>
      <c r="M5" s="470"/>
      <c r="N5" s="178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</row>
    <row r="6" spans="2:24" ht="21" customHeight="1" x14ac:dyDescent="0.2">
      <c r="B6" s="84" t="s">
        <v>4</v>
      </c>
      <c r="C6" s="184">
        <v>0</v>
      </c>
      <c r="D6" s="184">
        <v>0</v>
      </c>
      <c r="E6" s="189">
        <v>0</v>
      </c>
      <c r="F6" s="186">
        <v>0</v>
      </c>
      <c r="G6" s="184">
        <v>6356</v>
      </c>
      <c r="H6" s="184">
        <v>6338</v>
      </c>
      <c r="I6" s="184">
        <v>3207</v>
      </c>
      <c r="J6" s="184">
        <v>1425</v>
      </c>
      <c r="K6" s="184">
        <v>631</v>
      </c>
      <c r="L6" s="189">
        <v>17957</v>
      </c>
      <c r="M6" s="188">
        <v>17957</v>
      </c>
      <c r="N6" s="184">
        <v>0</v>
      </c>
      <c r="O6" s="184">
        <v>0</v>
      </c>
      <c r="P6" s="189">
        <v>0</v>
      </c>
      <c r="Q6" s="186">
        <v>0</v>
      </c>
      <c r="R6" s="184">
        <v>424</v>
      </c>
      <c r="S6" s="184">
        <v>715</v>
      </c>
      <c r="T6" s="184">
        <v>525</v>
      </c>
      <c r="U6" s="184">
        <v>279</v>
      </c>
      <c r="V6" s="184">
        <v>138</v>
      </c>
      <c r="W6" s="189">
        <v>2081</v>
      </c>
      <c r="X6" s="188">
        <v>2081</v>
      </c>
    </row>
    <row r="7" spans="2:24" ht="21" customHeight="1" x14ac:dyDescent="0.2">
      <c r="B7" s="95" t="s">
        <v>5</v>
      </c>
      <c r="C7" s="191">
        <v>0</v>
      </c>
      <c r="D7" s="191">
        <v>0</v>
      </c>
      <c r="E7" s="196">
        <v>0</v>
      </c>
      <c r="F7" s="193">
        <v>0</v>
      </c>
      <c r="G7" s="191">
        <v>2215</v>
      </c>
      <c r="H7" s="191">
        <v>3056</v>
      </c>
      <c r="I7" s="191">
        <v>1876</v>
      </c>
      <c r="J7" s="191">
        <v>604</v>
      </c>
      <c r="K7" s="191">
        <v>251</v>
      </c>
      <c r="L7" s="196">
        <v>8002</v>
      </c>
      <c r="M7" s="195">
        <v>8002</v>
      </c>
      <c r="N7" s="191">
        <v>0</v>
      </c>
      <c r="O7" s="191">
        <v>0</v>
      </c>
      <c r="P7" s="196">
        <v>0</v>
      </c>
      <c r="Q7" s="193">
        <v>0</v>
      </c>
      <c r="R7" s="191">
        <v>273</v>
      </c>
      <c r="S7" s="191">
        <v>410</v>
      </c>
      <c r="T7" s="191">
        <v>301</v>
      </c>
      <c r="U7" s="191">
        <v>145</v>
      </c>
      <c r="V7" s="191">
        <v>60</v>
      </c>
      <c r="W7" s="196">
        <v>1189</v>
      </c>
      <c r="X7" s="195">
        <v>1189</v>
      </c>
    </row>
    <row r="8" spans="2:24" ht="21" customHeight="1" x14ac:dyDescent="0.2">
      <c r="B8" s="106" t="s">
        <v>6</v>
      </c>
      <c r="C8" s="191">
        <v>0</v>
      </c>
      <c r="D8" s="191">
        <v>0</v>
      </c>
      <c r="E8" s="196">
        <v>0</v>
      </c>
      <c r="F8" s="193">
        <v>0</v>
      </c>
      <c r="G8" s="191">
        <v>816</v>
      </c>
      <c r="H8" s="191">
        <v>477</v>
      </c>
      <c r="I8" s="191">
        <v>257</v>
      </c>
      <c r="J8" s="191">
        <v>166</v>
      </c>
      <c r="K8" s="191">
        <v>177</v>
      </c>
      <c r="L8" s="196">
        <v>1893</v>
      </c>
      <c r="M8" s="195">
        <v>1893</v>
      </c>
      <c r="N8" s="191">
        <v>0</v>
      </c>
      <c r="O8" s="191">
        <v>0</v>
      </c>
      <c r="P8" s="196">
        <v>0</v>
      </c>
      <c r="Q8" s="193">
        <v>0</v>
      </c>
      <c r="R8" s="191">
        <v>47</v>
      </c>
      <c r="S8" s="191">
        <v>136</v>
      </c>
      <c r="T8" s="191">
        <v>50</v>
      </c>
      <c r="U8" s="191">
        <v>37</v>
      </c>
      <c r="V8" s="191">
        <v>22</v>
      </c>
      <c r="W8" s="196">
        <v>292</v>
      </c>
      <c r="X8" s="195">
        <v>292</v>
      </c>
    </row>
    <row r="9" spans="2:24" ht="21" customHeight="1" x14ac:dyDescent="0.2">
      <c r="B9" s="106" t="s">
        <v>14</v>
      </c>
      <c r="C9" s="191">
        <v>0</v>
      </c>
      <c r="D9" s="191">
        <v>0</v>
      </c>
      <c r="E9" s="196">
        <v>0</v>
      </c>
      <c r="F9" s="193">
        <v>0</v>
      </c>
      <c r="G9" s="191">
        <v>578</v>
      </c>
      <c r="H9" s="191">
        <v>587</v>
      </c>
      <c r="I9" s="191">
        <v>294</v>
      </c>
      <c r="J9" s="191">
        <v>186</v>
      </c>
      <c r="K9" s="191">
        <v>68</v>
      </c>
      <c r="L9" s="196">
        <v>1713</v>
      </c>
      <c r="M9" s="195">
        <v>1713</v>
      </c>
      <c r="N9" s="191">
        <v>0</v>
      </c>
      <c r="O9" s="191">
        <v>0</v>
      </c>
      <c r="P9" s="196">
        <v>0</v>
      </c>
      <c r="Q9" s="193">
        <v>0</v>
      </c>
      <c r="R9" s="191">
        <v>19</v>
      </c>
      <c r="S9" s="191">
        <v>8</v>
      </c>
      <c r="T9" s="191">
        <v>29</v>
      </c>
      <c r="U9" s="191">
        <v>0</v>
      </c>
      <c r="V9" s="191">
        <v>0</v>
      </c>
      <c r="W9" s="196">
        <v>56</v>
      </c>
      <c r="X9" s="195">
        <v>56</v>
      </c>
    </row>
    <row r="10" spans="2:24" ht="21" customHeight="1" x14ac:dyDescent="0.2">
      <c r="B10" s="106" t="s">
        <v>7</v>
      </c>
      <c r="C10" s="191">
        <v>0</v>
      </c>
      <c r="D10" s="191">
        <v>0</v>
      </c>
      <c r="E10" s="196">
        <v>0</v>
      </c>
      <c r="F10" s="193">
        <v>0</v>
      </c>
      <c r="G10" s="191">
        <v>497</v>
      </c>
      <c r="H10" s="191">
        <v>445</v>
      </c>
      <c r="I10" s="191">
        <v>137</v>
      </c>
      <c r="J10" s="191">
        <v>30</v>
      </c>
      <c r="K10" s="191">
        <v>0</v>
      </c>
      <c r="L10" s="196">
        <v>1109</v>
      </c>
      <c r="M10" s="195">
        <v>1109</v>
      </c>
      <c r="N10" s="191">
        <v>0</v>
      </c>
      <c r="O10" s="191">
        <v>0</v>
      </c>
      <c r="P10" s="196">
        <v>0</v>
      </c>
      <c r="Q10" s="193">
        <v>0</v>
      </c>
      <c r="R10" s="191">
        <v>34</v>
      </c>
      <c r="S10" s="191">
        <v>85</v>
      </c>
      <c r="T10" s="191">
        <v>40</v>
      </c>
      <c r="U10" s="191">
        <v>21</v>
      </c>
      <c r="V10" s="191">
        <v>4</v>
      </c>
      <c r="W10" s="196">
        <v>184</v>
      </c>
      <c r="X10" s="195">
        <v>184</v>
      </c>
    </row>
    <row r="11" spans="2:24" ht="21" customHeight="1" x14ac:dyDescent="0.2">
      <c r="B11" s="106" t="s">
        <v>8</v>
      </c>
      <c r="C11" s="191">
        <v>0</v>
      </c>
      <c r="D11" s="191">
        <v>0</v>
      </c>
      <c r="E11" s="196">
        <v>0</v>
      </c>
      <c r="F11" s="193">
        <v>0</v>
      </c>
      <c r="G11" s="191">
        <v>168</v>
      </c>
      <c r="H11" s="191">
        <v>292</v>
      </c>
      <c r="I11" s="191">
        <v>60</v>
      </c>
      <c r="J11" s="191">
        <v>62</v>
      </c>
      <c r="K11" s="191">
        <v>12</v>
      </c>
      <c r="L11" s="196">
        <v>594</v>
      </c>
      <c r="M11" s="195">
        <v>594</v>
      </c>
      <c r="N11" s="191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0</v>
      </c>
      <c r="T11" s="191">
        <v>0</v>
      </c>
      <c r="U11" s="191">
        <v>0</v>
      </c>
      <c r="V11" s="191">
        <v>0</v>
      </c>
      <c r="W11" s="196">
        <v>0</v>
      </c>
      <c r="X11" s="195">
        <v>0</v>
      </c>
    </row>
    <row r="12" spans="2:24" ht="21" customHeight="1" x14ac:dyDescent="0.2">
      <c r="B12" s="106" t="s">
        <v>9</v>
      </c>
      <c r="C12" s="191">
        <v>0</v>
      </c>
      <c r="D12" s="191">
        <v>0</v>
      </c>
      <c r="E12" s="196">
        <v>0</v>
      </c>
      <c r="F12" s="193">
        <v>0</v>
      </c>
      <c r="G12" s="191">
        <v>333</v>
      </c>
      <c r="H12" s="191">
        <v>220</v>
      </c>
      <c r="I12" s="191">
        <v>71</v>
      </c>
      <c r="J12" s="191">
        <v>95</v>
      </c>
      <c r="K12" s="191">
        <v>44</v>
      </c>
      <c r="L12" s="196">
        <v>763</v>
      </c>
      <c r="M12" s="195">
        <v>763</v>
      </c>
      <c r="N12" s="191">
        <v>0</v>
      </c>
      <c r="O12" s="191">
        <v>0</v>
      </c>
      <c r="P12" s="196">
        <v>0</v>
      </c>
      <c r="Q12" s="193">
        <v>0</v>
      </c>
      <c r="R12" s="191">
        <v>0</v>
      </c>
      <c r="S12" s="191">
        <v>4</v>
      </c>
      <c r="T12" s="191">
        <v>0</v>
      </c>
      <c r="U12" s="191">
        <v>0</v>
      </c>
      <c r="V12" s="191">
        <v>12</v>
      </c>
      <c r="W12" s="196">
        <v>16</v>
      </c>
      <c r="X12" s="195">
        <v>16</v>
      </c>
    </row>
    <row r="13" spans="2:24" ht="21" customHeight="1" x14ac:dyDescent="0.2">
      <c r="B13" s="106" t="s">
        <v>10</v>
      </c>
      <c r="C13" s="191">
        <v>0</v>
      </c>
      <c r="D13" s="191">
        <v>0</v>
      </c>
      <c r="E13" s="196">
        <v>0</v>
      </c>
      <c r="F13" s="193">
        <v>0</v>
      </c>
      <c r="G13" s="191">
        <v>282</v>
      </c>
      <c r="H13" s="191">
        <v>133</v>
      </c>
      <c r="I13" s="191">
        <v>56</v>
      </c>
      <c r="J13" s="191">
        <v>32</v>
      </c>
      <c r="K13" s="191">
        <v>10</v>
      </c>
      <c r="L13" s="196">
        <v>513</v>
      </c>
      <c r="M13" s="195">
        <v>513</v>
      </c>
      <c r="N13" s="191">
        <v>0</v>
      </c>
      <c r="O13" s="191">
        <v>0</v>
      </c>
      <c r="P13" s="196">
        <v>0</v>
      </c>
      <c r="Q13" s="193">
        <v>0</v>
      </c>
      <c r="R13" s="191">
        <v>18</v>
      </c>
      <c r="S13" s="191">
        <v>11</v>
      </c>
      <c r="T13" s="191">
        <v>10</v>
      </c>
      <c r="U13" s="191">
        <v>0</v>
      </c>
      <c r="V13" s="191">
        <v>0</v>
      </c>
      <c r="W13" s="196">
        <v>39</v>
      </c>
      <c r="X13" s="195">
        <v>39</v>
      </c>
    </row>
    <row r="14" spans="2:24" ht="21" customHeight="1" x14ac:dyDescent="0.2">
      <c r="B14" s="106" t="s">
        <v>11</v>
      </c>
      <c r="C14" s="191">
        <v>0</v>
      </c>
      <c r="D14" s="191">
        <v>0</v>
      </c>
      <c r="E14" s="196">
        <v>0</v>
      </c>
      <c r="F14" s="193">
        <v>0</v>
      </c>
      <c r="G14" s="191">
        <v>187</v>
      </c>
      <c r="H14" s="191">
        <v>43</v>
      </c>
      <c r="I14" s="191">
        <v>52</v>
      </c>
      <c r="J14" s="191">
        <v>26</v>
      </c>
      <c r="K14" s="191">
        <v>0</v>
      </c>
      <c r="L14" s="196">
        <v>308</v>
      </c>
      <c r="M14" s="195">
        <v>308</v>
      </c>
      <c r="N14" s="191">
        <v>0</v>
      </c>
      <c r="O14" s="191">
        <v>0</v>
      </c>
      <c r="P14" s="196">
        <v>0</v>
      </c>
      <c r="Q14" s="193">
        <v>0</v>
      </c>
      <c r="R14" s="191">
        <v>9</v>
      </c>
      <c r="S14" s="191">
        <v>8</v>
      </c>
      <c r="T14" s="191">
        <v>22</v>
      </c>
      <c r="U14" s="191">
        <v>0</v>
      </c>
      <c r="V14" s="191">
        <v>0</v>
      </c>
      <c r="W14" s="196">
        <v>39</v>
      </c>
      <c r="X14" s="195">
        <v>39</v>
      </c>
    </row>
    <row r="15" spans="2:24" ht="21" customHeight="1" x14ac:dyDescent="0.2">
      <c r="B15" s="106" t="s">
        <v>12</v>
      </c>
      <c r="C15" s="191">
        <v>0</v>
      </c>
      <c r="D15" s="191">
        <v>0</v>
      </c>
      <c r="E15" s="196">
        <v>0</v>
      </c>
      <c r="F15" s="193">
        <v>0</v>
      </c>
      <c r="G15" s="191">
        <v>190</v>
      </c>
      <c r="H15" s="191">
        <v>148</v>
      </c>
      <c r="I15" s="191">
        <v>76</v>
      </c>
      <c r="J15" s="191">
        <v>77</v>
      </c>
      <c r="K15" s="191">
        <v>4</v>
      </c>
      <c r="L15" s="196">
        <v>495</v>
      </c>
      <c r="M15" s="195">
        <v>495</v>
      </c>
      <c r="N15" s="191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0</v>
      </c>
      <c r="T15" s="191">
        <v>0</v>
      </c>
      <c r="U15" s="191">
        <v>0</v>
      </c>
      <c r="V15" s="191">
        <v>0</v>
      </c>
      <c r="W15" s="196">
        <v>0</v>
      </c>
      <c r="X15" s="195">
        <v>0</v>
      </c>
    </row>
    <row r="16" spans="2:24" ht="21" customHeight="1" x14ac:dyDescent="0.2">
      <c r="B16" s="106" t="s">
        <v>13</v>
      </c>
      <c r="C16" s="191">
        <v>0</v>
      </c>
      <c r="D16" s="191">
        <v>0</v>
      </c>
      <c r="E16" s="196">
        <v>0</v>
      </c>
      <c r="F16" s="193">
        <v>0</v>
      </c>
      <c r="G16" s="191">
        <v>123</v>
      </c>
      <c r="H16" s="191">
        <v>123</v>
      </c>
      <c r="I16" s="191">
        <v>54</v>
      </c>
      <c r="J16" s="191">
        <v>8</v>
      </c>
      <c r="K16" s="191">
        <v>0</v>
      </c>
      <c r="L16" s="196">
        <v>308</v>
      </c>
      <c r="M16" s="195">
        <v>308</v>
      </c>
      <c r="N16" s="191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4</v>
      </c>
      <c r="T16" s="191">
        <v>6</v>
      </c>
      <c r="U16" s="191">
        <v>0</v>
      </c>
      <c r="V16" s="191">
        <v>15</v>
      </c>
      <c r="W16" s="196">
        <v>25</v>
      </c>
      <c r="X16" s="195">
        <v>25</v>
      </c>
    </row>
    <row r="17" spans="2:24" ht="21" customHeight="1" x14ac:dyDescent="0.2">
      <c r="B17" s="106" t="s">
        <v>15</v>
      </c>
      <c r="C17" s="191">
        <v>0</v>
      </c>
      <c r="D17" s="191">
        <v>0</v>
      </c>
      <c r="E17" s="196">
        <v>0</v>
      </c>
      <c r="F17" s="193">
        <v>0</v>
      </c>
      <c r="G17" s="191">
        <v>80</v>
      </c>
      <c r="H17" s="191">
        <v>90</v>
      </c>
      <c r="I17" s="191">
        <v>8</v>
      </c>
      <c r="J17" s="191">
        <v>35</v>
      </c>
      <c r="K17" s="191">
        <v>0</v>
      </c>
      <c r="L17" s="196">
        <v>213</v>
      </c>
      <c r="M17" s="195">
        <v>213</v>
      </c>
      <c r="N17" s="191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8</v>
      </c>
      <c r="V17" s="191">
        <v>0</v>
      </c>
      <c r="W17" s="196">
        <v>8</v>
      </c>
      <c r="X17" s="195">
        <v>8</v>
      </c>
    </row>
    <row r="18" spans="2:24" ht="21" customHeight="1" x14ac:dyDescent="0.2">
      <c r="B18" s="106" t="s">
        <v>16</v>
      </c>
      <c r="C18" s="191">
        <v>0</v>
      </c>
      <c r="D18" s="191">
        <v>0</v>
      </c>
      <c r="E18" s="196">
        <v>0</v>
      </c>
      <c r="F18" s="193">
        <v>0</v>
      </c>
      <c r="G18" s="191">
        <v>71</v>
      </c>
      <c r="H18" s="191">
        <v>87</v>
      </c>
      <c r="I18" s="191">
        <v>47</v>
      </c>
      <c r="J18" s="191">
        <v>8</v>
      </c>
      <c r="K18" s="191">
        <v>0</v>
      </c>
      <c r="L18" s="196">
        <v>213</v>
      </c>
      <c r="M18" s="195">
        <v>213</v>
      </c>
      <c r="N18" s="191">
        <v>0</v>
      </c>
      <c r="O18" s="191">
        <v>0</v>
      </c>
      <c r="P18" s="196">
        <v>0</v>
      </c>
      <c r="Q18" s="193">
        <v>0</v>
      </c>
      <c r="R18" s="191">
        <v>0</v>
      </c>
      <c r="S18" s="191">
        <v>0</v>
      </c>
      <c r="T18" s="191">
        <v>9</v>
      </c>
      <c r="U18" s="191">
        <v>0</v>
      </c>
      <c r="V18" s="191">
        <v>0</v>
      </c>
      <c r="W18" s="196">
        <v>9</v>
      </c>
      <c r="X18" s="195">
        <v>9</v>
      </c>
    </row>
    <row r="19" spans="2:24" ht="21" customHeight="1" x14ac:dyDescent="0.2">
      <c r="B19" s="106" t="s">
        <v>17</v>
      </c>
      <c r="C19" s="191">
        <v>0</v>
      </c>
      <c r="D19" s="191">
        <v>0</v>
      </c>
      <c r="E19" s="196">
        <v>0</v>
      </c>
      <c r="F19" s="193">
        <v>0</v>
      </c>
      <c r="G19" s="191">
        <v>156</v>
      </c>
      <c r="H19" s="191">
        <v>211</v>
      </c>
      <c r="I19" s="191">
        <v>43</v>
      </c>
      <c r="J19" s="191">
        <v>27</v>
      </c>
      <c r="K19" s="191">
        <v>31</v>
      </c>
      <c r="L19" s="196">
        <v>468</v>
      </c>
      <c r="M19" s="195">
        <v>468</v>
      </c>
      <c r="N19" s="191">
        <v>0</v>
      </c>
      <c r="O19" s="191">
        <v>0</v>
      </c>
      <c r="P19" s="196">
        <v>0</v>
      </c>
      <c r="Q19" s="193">
        <v>0</v>
      </c>
      <c r="R19" s="191">
        <v>8</v>
      </c>
      <c r="S19" s="191">
        <v>10</v>
      </c>
      <c r="T19" s="191">
        <v>0</v>
      </c>
      <c r="U19" s="191">
        <v>0</v>
      </c>
      <c r="V19" s="191">
        <v>0</v>
      </c>
      <c r="W19" s="196">
        <v>18</v>
      </c>
      <c r="X19" s="195">
        <v>18</v>
      </c>
    </row>
    <row r="20" spans="2:24" ht="21" customHeight="1" x14ac:dyDescent="0.2">
      <c r="B20" s="106" t="s">
        <v>18</v>
      </c>
      <c r="C20" s="191">
        <v>0</v>
      </c>
      <c r="D20" s="191">
        <v>0</v>
      </c>
      <c r="E20" s="196">
        <v>0</v>
      </c>
      <c r="F20" s="193">
        <v>0</v>
      </c>
      <c r="G20" s="191">
        <v>150</v>
      </c>
      <c r="H20" s="191">
        <v>80</v>
      </c>
      <c r="I20" s="191">
        <v>46</v>
      </c>
      <c r="J20" s="191">
        <v>14</v>
      </c>
      <c r="K20" s="191">
        <v>3</v>
      </c>
      <c r="L20" s="196">
        <v>293</v>
      </c>
      <c r="M20" s="195">
        <v>293</v>
      </c>
      <c r="N20" s="191">
        <v>0</v>
      </c>
      <c r="O20" s="191">
        <v>0</v>
      </c>
      <c r="P20" s="196">
        <v>0</v>
      </c>
      <c r="Q20" s="193">
        <v>0</v>
      </c>
      <c r="R20" s="191">
        <v>4</v>
      </c>
      <c r="S20" s="191">
        <v>9</v>
      </c>
      <c r="T20" s="191">
        <v>18</v>
      </c>
      <c r="U20" s="191">
        <v>24</v>
      </c>
      <c r="V20" s="191">
        <v>18</v>
      </c>
      <c r="W20" s="196">
        <v>73</v>
      </c>
      <c r="X20" s="195">
        <v>73</v>
      </c>
    </row>
    <row r="21" spans="2:24" ht="21" customHeight="1" x14ac:dyDescent="0.2">
      <c r="B21" s="106" t="s">
        <v>19</v>
      </c>
      <c r="C21" s="191">
        <v>0</v>
      </c>
      <c r="D21" s="191">
        <v>0</v>
      </c>
      <c r="E21" s="196">
        <v>0</v>
      </c>
      <c r="F21" s="193">
        <v>0</v>
      </c>
      <c r="G21" s="191">
        <v>51</v>
      </c>
      <c r="H21" s="191">
        <v>13</v>
      </c>
      <c r="I21" s="191">
        <v>0</v>
      </c>
      <c r="J21" s="191">
        <v>0</v>
      </c>
      <c r="K21" s="191">
        <v>0</v>
      </c>
      <c r="L21" s="196">
        <v>64</v>
      </c>
      <c r="M21" s="195">
        <v>64</v>
      </c>
      <c r="N21" s="191">
        <v>0</v>
      </c>
      <c r="O21" s="191">
        <v>0</v>
      </c>
      <c r="P21" s="196">
        <v>0</v>
      </c>
      <c r="Q21" s="193">
        <v>0</v>
      </c>
      <c r="R21" s="191">
        <v>12</v>
      </c>
      <c r="S21" s="191">
        <v>15</v>
      </c>
      <c r="T21" s="191">
        <v>0</v>
      </c>
      <c r="U21" s="191">
        <v>8</v>
      </c>
      <c r="V21" s="191">
        <v>0</v>
      </c>
      <c r="W21" s="196">
        <v>35</v>
      </c>
      <c r="X21" s="195">
        <v>35</v>
      </c>
    </row>
    <row r="22" spans="2:24" ht="21" customHeight="1" x14ac:dyDescent="0.2">
      <c r="B22" s="106" t="s">
        <v>20</v>
      </c>
      <c r="C22" s="191">
        <v>0</v>
      </c>
      <c r="D22" s="191">
        <v>0</v>
      </c>
      <c r="E22" s="196">
        <v>0</v>
      </c>
      <c r="F22" s="193">
        <v>0</v>
      </c>
      <c r="G22" s="191">
        <v>98</v>
      </c>
      <c r="H22" s="191">
        <v>131</v>
      </c>
      <c r="I22" s="191">
        <v>47</v>
      </c>
      <c r="J22" s="191">
        <v>19</v>
      </c>
      <c r="K22" s="191">
        <v>0</v>
      </c>
      <c r="L22" s="196">
        <v>295</v>
      </c>
      <c r="M22" s="195">
        <v>295</v>
      </c>
      <c r="N22" s="191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0</v>
      </c>
      <c r="U22" s="191">
        <v>0</v>
      </c>
      <c r="V22" s="191">
        <v>4</v>
      </c>
      <c r="W22" s="196">
        <v>4</v>
      </c>
      <c r="X22" s="195">
        <v>4</v>
      </c>
    </row>
    <row r="23" spans="2:24" ht="21" customHeight="1" x14ac:dyDescent="0.2">
      <c r="B23" s="106" t="s">
        <v>21</v>
      </c>
      <c r="C23" s="191">
        <v>0</v>
      </c>
      <c r="D23" s="191">
        <v>0</v>
      </c>
      <c r="E23" s="196">
        <v>0</v>
      </c>
      <c r="F23" s="193">
        <v>0</v>
      </c>
      <c r="G23" s="191">
        <v>116</v>
      </c>
      <c r="H23" s="191">
        <v>63</v>
      </c>
      <c r="I23" s="191">
        <v>12</v>
      </c>
      <c r="J23" s="191">
        <v>8</v>
      </c>
      <c r="K23" s="191">
        <v>0</v>
      </c>
      <c r="L23" s="196">
        <v>199</v>
      </c>
      <c r="M23" s="195">
        <v>199</v>
      </c>
      <c r="N23" s="191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</row>
    <row r="24" spans="2:24" ht="21" customHeight="1" x14ac:dyDescent="0.2">
      <c r="B24" s="106" t="s">
        <v>22</v>
      </c>
      <c r="C24" s="191">
        <v>0</v>
      </c>
      <c r="D24" s="191">
        <v>0</v>
      </c>
      <c r="E24" s="196">
        <v>0</v>
      </c>
      <c r="F24" s="193">
        <v>0</v>
      </c>
      <c r="G24" s="191">
        <v>67</v>
      </c>
      <c r="H24" s="191">
        <v>25</v>
      </c>
      <c r="I24" s="191">
        <v>21</v>
      </c>
      <c r="J24" s="191">
        <v>0</v>
      </c>
      <c r="K24" s="191">
        <v>25</v>
      </c>
      <c r="L24" s="196">
        <v>138</v>
      </c>
      <c r="M24" s="195">
        <v>138</v>
      </c>
      <c r="N24" s="191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25</v>
      </c>
      <c r="U24" s="191">
        <v>0</v>
      </c>
      <c r="V24" s="191">
        <v>0</v>
      </c>
      <c r="W24" s="196">
        <v>25</v>
      </c>
      <c r="X24" s="195">
        <v>25</v>
      </c>
    </row>
    <row r="25" spans="2:24" ht="21" customHeight="1" x14ac:dyDescent="0.2">
      <c r="B25" s="106" t="s">
        <v>23</v>
      </c>
      <c r="C25" s="191">
        <v>0</v>
      </c>
      <c r="D25" s="191">
        <v>0</v>
      </c>
      <c r="E25" s="196">
        <v>0</v>
      </c>
      <c r="F25" s="193">
        <v>0</v>
      </c>
      <c r="G25" s="191">
        <v>15</v>
      </c>
      <c r="H25" s="191">
        <v>11</v>
      </c>
      <c r="I25" s="191">
        <v>6</v>
      </c>
      <c r="J25" s="191">
        <v>20</v>
      </c>
      <c r="K25" s="191">
        <v>0</v>
      </c>
      <c r="L25" s="196">
        <v>52</v>
      </c>
      <c r="M25" s="195">
        <v>52</v>
      </c>
      <c r="N25" s="191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0</v>
      </c>
      <c r="V25" s="191">
        <v>0</v>
      </c>
      <c r="W25" s="196">
        <v>0</v>
      </c>
      <c r="X25" s="195">
        <v>0</v>
      </c>
    </row>
    <row r="26" spans="2:24" ht="21" customHeight="1" x14ac:dyDescent="0.2">
      <c r="B26" s="106" t="s">
        <v>24</v>
      </c>
      <c r="C26" s="191">
        <v>0</v>
      </c>
      <c r="D26" s="191">
        <v>0</v>
      </c>
      <c r="E26" s="196">
        <v>0</v>
      </c>
      <c r="F26" s="193">
        <v>0</v>
      </c>
      <c r="G26" s="191">
        <v>30</v>
      </c>
      <c r="H26" s="191">
        <v>8</v>
      </c>
      <c r="I26" s="191">
        <v>3</v>
      </c>
      <c r="J26" s="191">
        <v>0</v>
      </c>
      <c r="K26" s="191">
        <v>6</v>
      </c>
      <c r="L26" s="196">
        <v>47</v>
      </c>
      <c r="M26" s="195">
        <v>47</v>
      </c>
      <c r="N26" s="191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6</v>
      </c>
      <c r="U26" s="191">
        <v>0</v>
      </c>
      <c r="V26" s="191">
        <v>3</v>
      </c>
      <c r="W26" s="196">
        <v>9</v>
      </c>
      <c r="X26" s="195">
        <v>9</v>
      </c>
    </row>
    <row r="27" spans="2:24" ht="21" customHeight="1" x14ac:dyDescent="0.2">
      <c r="B27" s="106" t="s">
        <v>25</v>
      </c>
      <c r="C27" s="191">
        <v>0</v>
      </c>
      <c r="D27" s="191">
        <v>0</v>
      </c>
      <c r="E27" s="196">
        <v>0</v>
      </c>
      <c r="F27" s="193">
        <v>0</v>
      </c>
      <c r="G27" s="191">
        <v>12</v>
      </c>
      <c r="H27" s="191">
        <v>10</v>
      </c>
      <c r="I27" s="191">
        <v>11</v>
      </c>
      <c r="J27" s="191">
        <v>0</v>
      </c>
      <c r="K27" s="191">
        <v>0</v>
      </c>
      <c r="L27" s="196">
        <v>33</v>
      </c>
      <c r="M27" s="195">
        <v>33</v>
      </c>
      <c r="N27" s="191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</row>
    <row r="28" spans="2:24" ht="21" customHeight="1" x14ac:dyDescent="0.2">
      <c r="B28" s="106" t="s">
        <v>26</v>
      </c>
      <c r="C28" s="191">
        <v>0</v>
      </c>
      <c r="D28" s="191">
        <v>0</v>
      </c>
      <c r="E28" s="196">
        <v>0</v>
      </c>
      <c r="F28" s="193">
        <v>0</v>
      </c>
      <c r="G28" s="191">
        <v>25</v>
      </c>
      <c r="H28" s="191">
        <v>14</v>
      </c>
      <c r="I28" s="191">
        <v>13</v>
      </c>
      <c r="J28" s="191">
        <v>8</v>
      </c>
      <c r="K28" s="191">
        <v>0</v>
      </c>
      <c r="L28" s="196">
        <v>60</v>
      </c>
      <c r="M28" s="195">
        <v>60</v>
      </c>
      <c r="N28" s="191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</row>
    <row r="29" spans="2:24" ht="21" customHeight="1" x14ac:dyDescent="0.2">
      <c r="B29" s="106" t="s">
        <v>27</v>
      </c>
      <c r="C29" s="191">
        <v>0</v>
      </c>
      <c r="D29" s="191">
        <v>0</v>
      </c>
      <c r="E29" s="196">
        <v>0</v>
      </c>
      <c r="F29" s="193">
        <v>0</v>
      </c>
      <c r="G29" s="191">
        <v>0</v>
      </c>
      <c r="H29" s="191">
        <v>8</v>
      </c>
      <c r="I29" s="191">
        <v>0</v>
      </c>
      <c r="J29" s="191">
        <v>0</v>
      </c>
      <c r="K29" s="191">
        <v>0</v>
      </c>
      <c r="L29" s="196">
        <v>8</v>
      </c>
      <c r="M29" s="195">
        <v>8</v>
      </c>
      <c r="N29" s="191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7</v>
      </c>
      <c r="T29" s="191">
        <v>9</v>
      </c>
      <c r="U29" s="191">
        <v>21</v>
      </c>
      <c r="V29" s="191">
        <v>0</v>
      </c>
      <c r="W29" s="196">
        <v>37</v>
      </c>
      <c r="X29" s="195">
        <v>37</v>
      </c>
    </row>
    <row r="30" spans="2:24" ht="21" customHeight="1" x14ac:dyDescent="0.2">
      <c r="B30" s="106" t="s">
        <v>28</v>
      </c>
      <c r="C30" s="191">
        <v>0</v>
      </c>
      <c r="D30" s="191">
        <v>0</v>
      </c>
      <c r="E30" s="196">
        <v>0</v>
      </c>
      <c r="F30" s="193">
        <v>0</v>
      </c>
      <c r="G30" s="191">
        <v>27</v>
      </c>
      <c r="H30" s="191">
        <v>17</v>
      </c>
      <c r="I30" s="191">
        <v>0</v>
      </c>
      <c r="J30" s="191">
        <v>0</v>
      </c>
      <c r="K30" s="191">
        <v>0</v>
      </c>
      <c r="L30" s="196">
        <v>44</v>
      </c>
      <c r="M30" s="195">
        <v>44</v>
      </c>
      <c r="N30" s="191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</row>
    <row r="31" spans="2:24" ht="21" customHeight="1" x14ac:dyDescent="0.2">
      <c r="B31" s="106" t="s">
        <v>29</v>
      </c>
      <c r="C31" s="191">
        <v>0</v>
      </c>
      <c r="D31" s="191">
        <v>0</v>
      </c>
      <c r="E31" s="196">
        <v>0</v>
      </c>
      <c r="F31" s="193">
        <v>0</v>
      </c>
      <c r="G31" s="191">
        <v>0</v>
      </c>
      <c r="H31" s="191">
        <v>7</v>
      </c>
      <c r="I31" s="191">
        <v>9</v>
      </c>
      <c r="J31" s="191">
        <v>0</v>
      </c>
      <c r="K31" s="191">
        <v>0</v>
      </c>
      <c r="L31" s="196">
        <v>16</v>
      </c>
      <c r="M31" s="195">
        <v>16</v>
      </c>
      <c r="N31" s="191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8</v>
      </c>
      <c r="T31" s="191">
        <v>0</v>
      </c>
      <c r="U31" s="191">
        <v>0</v>
      </c>
      <c r="V31" s="191">
        <v>0</v>
      </c>
      <c r="W31" s="196">
        <v>8</v>
      </c>
      <c r="X31" s="195">
        <v>8</v>
      </c>
    </row>
    <row r="32" spans="2:24" ht="21" customHeight="1" x14ac:dyDescent="0.2">
      <c r="B32" s="106" t="s">
        <v>30</v>
      </c>
      <c r="C32" s="191">
        <v>0</v>
      </c>
      <c r="D32" s="191">
        <v>0</v>
      </c>
      <c r="E32" s="196">
        <v>0</v>
      </c>
      <c r="F32" s="193">
        <v>0</v>
      </c>
      <c r="G32" s="191">
        <v>0</v>
      </c>
      <c r="H32" s="191">
        <v>0</v>
      </c>
      <c r="I32" s="191">
        <v>8</v>
      </c>
      <c r="J32" s="191">
        <v>0</v>
      </c>
      <c r="K32" s="191">
        <v>0</v>
      </c>
      <c r="L32" s="196">
        <v>8</v>
      </c>
      <c r="M32" s="195">
        <v>8</v>
      </c>
      <c r="N32" s="191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0</v>
      </c>
      <c r="U32" s="191">
        <v>0</v>
      </c>
      <c r="V32" s="191">
        <v>0</v>
      </c>
      <c r="W32" s="196">
        <v>0</v>
      </c>
      <c r="X32" s="195">
        <v>0</v>
      </c>
    </row>
    <row r="33" spans="2:24" ht="21" customHeight="1" x14ac:dyDescent="0.2">
      <c r="B33" s="106" t="s">
        <v>31</v>
      </c>
      <c r="C33" s="191">
        <v>0</v>
      </c>
      <c r="D33" s="191">
        <v>0</v>
      </c>
      <c r="E33" s="196">
        <v>0</v>
      </c>
      <c r="F33" s="193">
        <v>0</v>
      </c>
      <c r="G33" s="191">
        <v>0</v>
      </c>
      <c r="H33" s="191">
        <v>2</v>
      </c>
      <c r="I33" s="191">
        <v>0</v>
      </c>
      <c r="J33" s="191">
        <v>0</v>
      </c>
      <c r="K33" s="191">
        <v>0</v>
      </c>
      <c r="L33" s="196">
        <v>2</v>
      </c>
      <c r="M33" s="195">
        <v>2</v>
      </c>
      <c r="N33" s="191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15</v>
      </c>
      <c r="V33" s="191">
        <v>0</v>
      </c>
      <c r="W33" s="196">
        <v>15</v>
      </c>
      <c r="X33" s="195">
        <v>15</v>
      </c>
    </row>
    <row r="34" spans="2:24" ht="21" customHeight="1" x14ac:dyDescent="0.2">
      <c r="B34" s="106" t="s">
        <v>32</v>
      </c>
      <c r="C34" s="191">
        <v>0</v>
      </c>
      <c r="D34" s="191">
        <v>0</v>
      </c>
      <c r="E34" s="196">
        <v>0</v>
      </c>
      <c r="F34" s="193">
        <v>0</v>
      </c>
      <c r="G34" s="191">
        <v>17</v>
      </c>
      <c r="H34" s="191">
        <v>16</v>
      </c>
      <c r="I34" s="191">
        <v>0</v>
      </c>
      <c r="J34" s="191">
        <v>0</v>
      </c>
      <c r="K34" s="191">
        <v>0</v>
      </c>
      <c r="L34" s="196">
        <v>33</v>
      </c>
      <c r="M34" s="195">
        <v>33</v>
      </c>
      <c r="N34" s="191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0</v>
      </c>
      <c r="U34" s="191">
        <v>0</v>
      </c>
      <c r="V34" s="191">
        <v>0</v>
      </c>
      <c r="W34" s="196">
        <v>0</v>
      </c>
      <c r="X34" s="195">
        <v>0</v>
      </c>
    </row>
    <row r="35" spans="2:24" ht="21" customHeight="1" x14ac:dyDescent="0.2">
      <c r="B35" s="106" t="s">
        <v>33</v>
      </c>
      <c r="C35" s="191">
        <v>0</v>
      </c>
      <c r="D35" s="191">
        <v>0</v>
      </c>
      <c r="E35" s="196">
        <v>0</v>
      </c>
      <c r="F35" s="193">
        <v>0</v>
      </c>
      <c r="G35" s="191">
        <v>17</v>
      </c>
      <c r="H35" s="191">
        <v>0</v>
      </c>
      <c r="I35" s="191">
        <v>0</v>
      </c>
      <c r="J35" s="191">
        <v>0</v>
      </c>
      <c r="K35" s="191">
        <v>0</v>
      </c>
      <c r="L35" s="196">
        <v>17</v>
      </c>
      <c r="M35" s="195">
        <v>17</v>
      </c>
      <c r="N35" s="191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</row>
    <row r="36" spans="2:24" ht="21" customHeight="1" x14ac:dyDescent="0.2">
      <c r="B36" s="106" t="s">
        <v>34</v>
      </c>
      <c r="C36" s="191">
        <v>0</v>
      </c>
      <c r="D36" s="191">
        <v>0</v>
      </c>
      <c r="E36" s="196">
        <v>0</v>
      </c>
      <c r="F36" s="193">
        <v>0</v>
      </c>
      <c r="G36" s="191">
        <v>18</v>
      </c>
      <c r="H36" s="191">
        <v>19</v>
      </c>
      <c r="I36" s="191">
        <v>0</v>
      </c>
      <c r="J36" s="191">
        <v>0</v>
      </c>
      <c r="K36" s="191">
        <v>0</v>
      </c>
      <c r="L36" s="196">
        <v>37</v>
      </c>
      <c r="M36" s="195">
        <v>37</v>
      </c>
      <c r="N36" s="191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</row>
    <row r="37" spans="2:24" ht="21" customHeight="1" x14ac:dyDescent="0.2">
      <c r="B37" s="106" t="s">
        <v>35</v>
      </c>
      <c r="C37" s="191">
        <v>0</v>
      </c>
      <c r="D37" s="191">
        <v>0</v>
      </c>
      <c r="E37" s="196">
        <v>0</v>
      </c>
      <c r="F37" s="193">
        <v>0</v>
      </c>
      <c r="G37" s="191">
        <v>0</v>
      </c>
      <c r="H37" s="191">
        <v>0</v>
      </c>
      <c r="I37" s="191">
        <v>0</v>
      </c>
      <c r="J37" s="191">
        <v>0</v>
      </c>
      <c r="K37" s="191">
        <v>0</v>
      </c>
      <c r="L37" s="196">
        <v>0</v>
      </c>
      <c r="M37" s="195">
        <v>0</v>
      </c>
      <c r="N37" s="191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</row>
    <row r="38" spans="2:24" ht="21" customHeight="1" x14ac:dyDescent="0.2">
      <c r="B38" s="106" t="s">
        <v>36</v>
      </c>
      <c r="C38" s="191">
        <v>0</v>
      </c>
      <c r="D38" s="191">
        <v>0</v>
      </c>
      <c r="E38" s="196">
        <v>0</v>
      </c>
      <c r="F38" s="193">
        <v>0</v>
      </c>
      <c r="G38" s="191">
        <v>17</v>
      </c>
      <c r="H38" s="191">
        <v>2</v>
      </c>
      <c r="I38" s="191">
        <v>0</v>
      </c>
      <c r="J38" s="191">
        <v>0</v>
      </c>
      <c r="K38" s="191">
        <v>0</v>
      </c>
      <c r="L38" s="196">
        <v>19</v>
      </c>
      <c r="M38" s="195">
        <v>19</v>
      </c>
      <c r="N38" s="191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</row>
    <row r="39" spans="2:24" ht="21" customHeight="1" thickBot="1" x14ac:dyDescent="0.25">
      <c r="B39" s="108" t="s">
        <v>37</v>
      </c>
      <c r="C39" s="198">
        <v>0</v>
      </c>
      <c r="D39" s="198">
        <v>0</v>
      </c>
      <c r="E39" s="203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3">
        <v>0</v>
      </c>
      <c r="M39" s="202">
        <v>0</v>
      </c>
      <c r="N39" s="198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</row>
  </sheetData>
  <mergeCells count="11">
    <mergeCell ref="B3:B5"/>
    <mergeCell ref="C3:M3"/>
    <mergeCell ref="C4:E4"/>
    <mergeCell ref="F4:L4"/>
    <mergeCell ref="M4:M5"/>
    <mergeCell ref="N3:X3"/>
    <mergeCell ref="N4:P4"/>
    <mergeCell ref="Q4:W4"/>
    <mergeCell ref="X4:X5"/>
    <mergeCell ref="H1:I1"/>
    <mergeCell ref="K1:L1"/>
  </mergeCells>
  <phoneticPr fontId="4"/>
  <pageMargins left="0.70866141732283472" right="0.70866141732283472" top="0.74803149606299213" bottom="0.74803149606299213" header="0.31496062992125984" footer="0.31496062992125984"/>
  <pageSetup paperSize="9" scale="80" orientation="portrait" r:id="rId1"/>
  <headerFooter>
    <oddFooter>&amp;L&amp;20&amp;A&amp;C&amp;P/&amp;N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X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" style="175" customWidth="1"/>
    <col min="6" max="6" width="7.77734375" style="175" customWidth="1"/>
    <col min="7" max="7" width="10.77734375" style="175" customWidth="1"/>
    <col min="8" max="16" width="9" style="175"/>
    <col min="17" max="17" width="7.6640625" style="175" customWidth="1"/>
    <col min="18" max="16384" width="9" style="175"/>
  </cols>
  <sheetData>
    <row r="1" spans="2:24" ht="24" customHeight="1" x14ac:dyDescent="0.2">
      <c r="B1" s="142" t="s">
        <v>123</v>
      </c>
      <c r="H1" s="442">
        <f>第１表!F2</f>
        <v>7</v>
      </c>
      <c r="I1" s="442"/>
      <c r="J1" s="18">
        <f>第１表!G2</f>
        <v>3</v>
      </c>
      <c r="K1" s="447">
        <f>IF(J1&lt;3,J1+12-2,J1-2)</f>
        <v>1</v>
      </c>
      <c r="L1" s="447"/>
    </row>
    <row r="2" spans="2:24" ht="24" customHeight="1" thickBot="1" x14ac:dyDescent="0.25">
      <c r="B2" s="142" t="s">
        <v>151</v>
      </c>
    </row>
    <row r="3" spans="2:24" ht="21" customHeight="1" x14ac:dyDescent="0.2">
      <c r="B3" s="465"/>
      <c r="C3" s="466" t="s">
        <v>138</v>
      </c>
      <c r="D3" s="466"/>
      <c r="E3" s="466"/>
      <c r="F3" s="466"/>
      <c r="G3" s="466"/>
      <c r="H3" s="466"/>
      <c r="I3" s="466"/>
      <c r="J3" s="466"/>
      <c r="K3" s="466"/>
      <c r="L3" s="466"/>
      <c r="M3" s="496"/>
      <c r="N3" s="466" t="s">
        <v>112</v>
      </c>
      <c r="O3" s="466"/>
      <c r="P3" s="466"/>
      <c r="Q3" s="466"/>
      <c r="R3" s="466"/>
      <c r="S3" s="466"/>
      <c r="T3" s="466"/>
      <c r="U3" s="466"/>
      <c r="V3" s="466"/>
      <c r="W3" s="466"/>
      <c r="X3" s="496"/>
    </row>
    <row r="4" spans="2:24" ht="21" customHeight="1" x14ac:dyDescent="0.2">
      <c r="B4" s="502"/>
      <c r="C4" s="497" t="s">
        <v>61</v>
      </c>
      <c r="D4" s="497"/>
      <c r="E4" s="498"/>
      <c r="F4" s="499" t="s">
        <v>62</v>
      </c>
      <c r="G4" s="497"/>
      <c r="H4" s="497"/>
      <c r="I4" s="497"/>
      <c r="J4" s="497"/>
      <c r="K4" s="497"/>
      <c r="L4" s="500"/>
      <c r="M4" s="501" t="s">
        <v>52</v>
      </c>
      <c r="N4" s="497" t="s">
        <v>61</v>
      </c>
      <c r="O4" s="497"/>
      <c r="P4" s="498"/>
      <c r="Q4" s="499" t="s">
        <v>62</v>
      </c>
      <c r="R4" s="497"/>
      <c r="S4" s="497"/>
      <c r="T4" s="497"/>
      <c r="U4" s="497"/>
      <c r="V4" s="497"/>
      <c r="W4" s="500"/>
      <c r="X4" s="501" t="s">
        <v>52</v>
      </c>
    </row>
    <row r="5" spans="2:24" ht="30" customHeight="1" thickBot="1" x14ac:dyDescent="0.25">
      <c r="B5" s="503"/>
      <c r="C5" s="178" t="s">
        <v>43</v>
      </c>
      <c r="D5" s="178" t="s">
        <v>44</v>
      </c>
      <c r="E5" s="182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2" t="s">
        <v>45</v>
      </c>
      <c r="M5" s="470"/>
      <c r="N5" s="178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</row>
    <row r="6" spans="2:24" ht="21" customHeight="1" x14ac:dyDescent="0.2">
      <c r="B6" s="84" t="s">
        <v>4</v>
      </c>
      <c r="C6" s="184">
        <v>0</v>
      </c>
      <c r="D6" s="184">
        <v>0</v>
      </c>
      <c r="E6" s="189">
        <v>0</v>
      </c>
      <c r="F6" s="186">
        <v>0</v>
      </c>
      <c r="G6" s="184">
        <v>5648</v>
      </c>
      <c r="H6" s="184">
        <v>5214</v>
      </c>
      <c r="I6" s="184">
        <v>2773</v>
      </c>
      <c r="J6" s="184">
        <v>1418</v>
      </c>
      <c r="K6" s="184">
        <v>426</v>
      </c>
      <c r="L6" s="189">
        <v>15479</v>
      </c>
      <c r="M6" s="188">
        <v>15479</v>
      </c>
      <c r="N6" s="184">
        <v>3</v>
      </c>
      <c r="O6" s="184">
        <v>0</v>
      </c>
      <c r="P6" s="189">
        <v>3</v>
      </c>
      <c r="Q6" s="186">
        <v>0</v>
      </c>
      <c r="R6" s="184">
        <v>375</v>
      </c>
      <c r="S6" s="184">
        <v>520</v>
      </c>
      <c r="T6" s="184">
        <v>524</v>
      </c>
      <c r="U6" s="184">
        <v>231</v>
      </c>
      <c r="V6" s="184">
        <v>319</v>
      </c>
      <c r="W6" s="189">
        <v>1969</v>
      </c>
      <c r="X6" s="188">
        <v>1972</v>
      </c>
    </row>
    <row r="7" spans="2:24" ht="21" customHeight="1" x14ac:dyDescent="0.2">
      <c r="B7" s="95" t="s">
        <v>5</v>
      </c>
      <c r="C7" s="191">
        <v>0</v>
      </c>
      <c r="D7" s="191">
        <v>0</v>
      </c>
      <c r="E7" s="196">
        <v>0</v>
      </c>
      <c r="F7" s="193">
        <v>0</v>
      </c>
      <c r="G7" s="191">
        <v>2176</v>
      </c>
      <c r="H7" s="191">
        <v>2753</v>
      </c>
      <c r="I7" s="191">
        <v>1493</v>
      </c>
      <c r="J7" s="191">
        <v>674</v>
      </c>
      <c r="K7" s="191">
        <v>141</v>
      </c>
      <c r="L7" s="196">
        <v>7237</v>
      </c>
      <c r="M7" s="195">
        <v>7237</v>
      </c>
      <c r="N7" s="191">
        <v>0</v>
      </c>
      <c r="O7" s="191">
        <v>0</v>
      </c>
      <c r="P7" s="196">
        <v>0</v>
      </c>
      <c r="Q7" s="193">
        <v>0</v>
      </c>
      <c r="R7" s="191">
        <v>154</v>
      </c>
      <c r="S7" s="191">
        <v>243</v>
      </c>
      <c r="T7" s="191">
        <v>265</v>
      </c>
      <c r="U7" s="191">
        <v>112</v>
      </c>
      <c r="V7" s="191">
        <v>248</v>
      </c>
      <c r="W7" s="196">
        <v>1022</v>
      </c>
      <c r="X7" s="195">
        <v>1022</v>
      </c>
    </row>
    <row r="8" spans="2:24" ht="21" customHeight="1" x14ac:dyDescent="0.2">
      <c r="B8" s="106" t="s">
        <v>6</v>
      </c>
      <c r="C8" s="191">
        <v>0</v>
      </c>
      <c r="D8" s="191">
        <v>0</v>
      </c>
      <c r="E8" s="196">
        <v>0</v>
      </c>
      <c r="F8" s="193">
        <v>0</v>
      </c>
      <c r="G8" s="191">
        <v>926</v>
      </c>
      <c r="H8" s="191">
        <v>693</v>
      </c>
      <c r="I8" s="191">
        <v>351</v>
      </c>
      <c r="J8" s="191">
        <v>294</v>
      </c>
      <c r="K8" s="191">
        <v>84</v>
      </c>
      <c r="L8" s="196">
        <v>2348</v>
      </c>
      <c r="M8" s="195">
        <v>2348</v>
      </c>
      <c r="N8" s="191">
        <v>0</v>
      </c>
      <c r="O8" s="191">
        <v>0</v>
      </c>
      <c r="P8" s="196">
        <v>0</v>
      </c>
      <c r="Q8" s="193">
        <v>0</v>
      </c>
      <c r="R8" s="191">
        <v>86</v>
      </c>
      <c r="S8" s="191">
        <v>180</v>
      </c>
      <c r="T8" s="191">
        <v>137</v>
      </c>
      <c r="U8" s="191">
        <v>80</v>
      </c>
      <c r="V8" s="191">
        <v>63</v>
      </c>
      <c r="W8" s="196">
        <v>546</v>
      </c>
      <c r="X8" s="195">
        <v>546</v>
      </c>
    </row>
    <row r="9" spans="2:24" ht="21" customHeight="1" x14ac:dyDescent="0.2">
      <c r="B9" s="106" t="s">
        <v>14</v>
      </c>
      <c r="C9" s="191">
        <v>0</v>
      </c>
      <c r="D9" s="191">
        <v>0</v>
      </c>
      <c r="E9" s="196">
        <v>0</v>
      </c>
      <c r="F9" s="193">
        <v>0</v>
      </c>
      <c r="G9" s="191">
        <v>332</v>
      </c>
      <c r="H9" s="191">
        <v>378</v>
      </c>
      <c r="I9" s="191">
        <v>173</v>
      </c>
      <c r="J9" s="191">
        <v>51</v>
      </c>
      <c r="K9" s="191">
        <v>92</v>
      </c>
      <c r="L9" s="196">
        <v>1026</v>
      </c>
      <c r="M9" s="195">
        <v>1026</v>
      </c>
      <c r="N9" s="191">
        <v>0</v>
      </c>
      <c r="O9" s="191">
        <v>0</v>
      </c>
      <c r="P9" s="196">
        <v>0</v>
      </c>
      <c r="Q9" s="193">
        <v>0</v>
      </c>
      <c r="R9" s="191">
        <v>0</v>
      </c>
      <c r="S9" s="191">
        <v>15</v>
      </c>
      <c r="T9" s="191">
        <v>0</v>
      </c>
      <c r="U9" s="191">
        <v>1</v>
      </c>
      <c r="V9" s="191">
        <v>0</v>
      </c>
      <c r="W9" s="196">
        <v>16</v>
      </c>
      <c r="X9" s="195">
        <v>16</v>
      </c>
    </row>
    <row r="10" spans="2:24" ht="21" customHeight="1" x14ac:dyDescent="0.2">
      <c r="B10" s="106" t="s">
        <v>7</v>
      </c>
      <c r="C10" s="191">
        <v>0</v>
      </c>
      <c r="D10" s="191">
        <v>0</v>
      </c>
      <c r="E10" s="196">
        <v>0</v>
      </c>
      <c r="F10" s="193">
        <v>0</v>
      </c>
      <c r="G10" s="191">
        <v>303</v>
      </c>
      <c r="H10" s="191">
        <v>162</v>
      </c>
      <c r="I10" s="191">
        <v>98</v>
      </c>
      <c r="J10" s="191">
        <v>35</v>
      </c>
      <c r="K10" s="191">
        <v>0</v>
      </c>
      <c r="L10" s="196">
        <v>598</v>
      </c>
      <c r="M10" s="195">
        <v>598</v>
      </c>
      <c r="N10" s="191">
        <v>0</v>
      </c>
      <c r="O10" s="191">
        <v>0</v>
      </c>
      <c r="P10" s="196">
        <v>0</v>
      </c>
      <c r="Q10" s="193">
        <v>0</v>
      </c>
      <c r="R10" s="191">
        <v>18</v>
      </c>
      <c r="S10" s="191">
        <v>9</v>
      </c>
      <c r="T10" s="191">
        <v>41</v>
      </c>
      <c r="U10" s="191">
        <v>5</v>
      </c>
      <c r="V10" s="191">
        <v>0</v>
      </c>
      <c r="W10" s="196">
        <v>73</v>
      </c>
      <c r="X10" s="195">
        <v>73</v>
      </c>
    </row>
    <row r="11" spans="2:24" ht="21" customHeight="1" x14ac:dyDescent="0.2">
      <c r="B11" s="106" t="s">
        <v>8</v>
      </c>
      <c r="C11" s="191">
        <v>0</v>
      </c>
      <c r="D11" s="191">
        <v>0</v>
      </c>
      <c r="E11" s="196">
        <v>0</v>
      </c>
      <c r="F11" s="193">
        <v>0</v>
      </c>
      <c r="G11" s="191">
        <v>230</v>
      </c>
      <c r="H11" s="191">
        <v>199</v>
      </c>
      <c r="I11" s="191">
        <v>70</v>
      </c>
      <c r="J11" s="191">
        <v>35</v>
      </c>
      <c r="K11" s="191">
        <v>0</v>
      </c>
      <c r="L11" s="196">
        <v>534</v>
      </c>
      <c r="M11" s="195">
        <v>534</v>
      </c>
      <c r="N11" s="191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0</v>
      </c>
      <c r="T11" s="191">
        <v>0</v>
      </c>
      <c r="U11" s="191">
        <v>0</v>
      </c>
      <c r="V11" s="191">
        <v>4</v>
      </c>
      <c r="W11" s="196">
        <v>4</v>
      </c>
      <c r="X11" s="195">
        <v>4</v>
      </c>
    </row>
    <row r="12" spans="2:24" ht="21" customHeight="1" x14ac:dyDescent="0.2">
      <c r="B12" s="106" t="s">
        <v>9</v>
      </c>
      <c r="C12" s="191">
        <v>0</v>
      </c>
      <c r="D12" s="191">
        <v>0</v>
      </c>
      <c r="E12" s="196">
        <v>0</v>
      </c>
      <c r="F12" s="193">
        <v>0</v>
      </c>
      <c r="G12" s="191">
        <v>265</v>
      </c>
      <c r="H12" s="191">
        <v>173</v>
      </c>
      <c r="I12" s="191">
        <v>111</v>
      </c>
      <c r="J12" s="191">
        <v>106</v>
      </c>
      <c r="K12" s="191">
        <v>15</v>
      </c>
      <c r="L12" s="196">
        <v>670</v>
      </c>
      <c r="M12" s="195">
        <v>670</v>
      </c>
      <c r="N12" s="191">
        <v>0</v>
      </c>
      <c r="O12" s="191">
        <v>0</v>
      </c>
      <c r="P12" s="196">
        <v>0</v>
      </c>
      <c r="Q12" s="193">
        <v>0</v>
      </c>
      <c r="R12" s="191">
        <v>4</v>
      </c>
      <c r="S12" s="191">
        <v>0</v>
      </c>
      <c r="T12" s="191">
        <v>11</v>
      </c>
      <c r="U12" s="191">
        <v>0</v>
      </c>
      <c r="V12" s="191">
        <v>0</v>
      </c>
      <c r="W12" s="196">
        <v>15</v>
      </c>
      <c r="X12" s="195">
        <v>15</v>
      </c>
    </row>
    <row r="13" spans="2:24" ht="21" customHeight="1" x14ac:dyDescent="0.2">
      <c r="B13" s="106" t="s">
        <v>10</v>
      </c>
      <c r="C13" s="191">
        <v>0</v>
      </c>
      <c r="D13" s="191">
        <v>0</v>
      </c>
      <c r="E13" s="196">
        <v>0</v>
      </c>
      <c r="F13" s="193">
        <v>0</v>
      </c>
      <c r="G13" s="191">
        <v>173</v>
      </c>
      <c r="H13" s="191">
        <v>105</v>
      </c>
      <c r="I13" s="191">
        <v>65</v>
      </c>
      <c r="J13" s="191">
        <v>27</v>
      </c>
      <c r="K13" s="191">
        <v>0</v>
      </c>
      <c r="L13" s="196">
        <v>370</v>
      </c>
      <c r="M13" s="195">
        <v>370</v>
      </c>
      <c r="N13" s="191">
        <v>0</v>
      </c>
      <c r="O13" s="191">
        <v>0</v>
      </c>
      <c r="P13" s="196">
        <v>0</v>
      </c>
      <c r="Q13" s="193">
        <v>0</v>
      </c>
      <c r="R13" s="191">
        <v>0</v>
      </c>
      <c r="S13" s="191">
        <v>22</v>
      </c>
      <c r="T13" s="191">
        <v>6</v>
      </c>
      <c r="U13" s="191">
        <v>33</v>
      </c>
      <c r="V13" s="191">
        <v>0</v>
      </c>
      <c r="W13" s="196">
        <v>61</v>
      </c>
      <c r="X13" s="195">
        <v>61</v>
      </c>
    </row>
    <row r="14" spans="2:24" ht="21" customHeight="1" x14ac:dyDescent="0.2">
      <c r="B14" s="106" t="s">
        <v>11</v>
      </c>
      <c r="C14" s="191">
        <v>0</v>
      </c>
      <c r="D14" s="191">
        <v>0</v>
      </c>
      <c r="E14" s="196">
        <v>0</v>
      </c>
      <c r="F14" s="193">
        <v>0</v>
      </c>
      <c r="G14" s="191">
        <v>192</v>
      </c>
      <c r="H14" s="191">
        <v>78</v>
      </c>
      <c r="I14" s="191">
        <v>63</v>
      </c>
      <c r="J14" s="191">
        <v>36</v>
      </c>
      <c r="K14" s="191">
        <v>4</v>
      </c>
      <c r="L14" s="196">
        <v>373</v>
      </c>
      <c r="M14" s="195">
        <v>373</v>
      </c>
      <c r="N14" s="191">
        <v>0</v>
      </c>
      <c r="O14" s="191">
        <v>0</v>
      </c>
      <c r="P14" s="196">
        <v>0</v>
      </c>
      <c r="Q14" s="193">
        <v>0</v>
      </c>
      <c r="R14" s="191">
        <v>42</v>
      </c>
      <c r="S14" s="191">
        <v>21</v>
      </c>
      <c r="T14" s="191">
        <v>0</v>
      </c>
      <c r="U14" s="191">
        <v>0</v>
      </c>
      <c r="V14" s="191">
        <v>0</v>
      </c>
      <c r="W14" s="196">
        <v>63</v>
      </c>
      <c r="X14" s="195">
        <v>63</v>
      </c>
    </row>
    <row r="15" spans="2:24" ht="21" customHeight="1" x14ac:dyDescent="0.2">
      <c r="B15" s="106" t="s">
        <v>12</v>
      </c>
      <c r="C15" s="191">
        <v>0</v>
      </c>
      <c r="D15" s="191">
        <v>0</v>
      </c>
      <c r="E15" s="196">
        <v>0</v>
      </c>
      <c r="F15" s="193">
        <v>0</v>
      </c>
      <c r="G15" s="191">
        <v>99</v>
      </c>
      <c r="H15" s="191">
        <v>70</v>
      </c>
      <c r="I15" s="191">
        <v>38</v>
      </c>
      <c r="J15" s="191">
        <v>43</v>
      </c>
      <c r="K15" s="191">
        <v>35</v>
      </c>
      <c r="L15" s="196">
        <v>285</v>
      </c>
      <c r="M15" s="195">
        <v>285</v>
      </c>
      <c r="N15" s="191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0</v>
      </c>
      <c r="T15" s="191">
        <v>0</v>
      </c>
      <c r="U15" s="191">
        <v>0</v>
      </c>
      <c r="V15" s="191">
        <v>0</v>
      </c>
      <c r="W15" s="196">
        <v>0</v>
      </c>
      <c r="X15" s="195">
        <v>0</v>
      </c>
    </row>
    <row r="16" spans="2:24" ht="21" customHeight="1" x14ac:dyDescent="0.2">
      <c r="B16" s="106" t="s">
        <v>13</v>
      </c>
      <c r="C16" s="191">
        <v>0</v>
      </c>
      <c r="D16" s="191">
        <v>0</v>
      </c>
      <c r="E16" s="196">
        <v>0</v>
      </c>
      <c r="F16" s="193">
        <v>0</v>
      </c>
      <c r="G16" s="191">
        <v>67</v>
      </c>
      <c r="H16" s="191">
        <v>70</v>
      </c>
      <c r="I16" s="191">
        <v>74</v>
      </c>
      <c r="J16" s="191">
        <v>3</v>
      </c>
      <c r="K16" s="191">
        <v>28</v>
      </c>
      <c r="L16" s="196">
        <v>242</v>
      </c>
      <c r="M16" s="195">
        <v>242</v>
      </c>
      <c r="N16" s="191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6</v>
      </c>
      <c r="T16" s="191">
        <v>24</v>
      </c>
      <c r="U16" s="191">
        <v>0</v>
      </c>
      <c r="V16" s="191">
        <v>0</v>
      </c>
      <c r="W16" s="196">
        <v>30</v>
      </c>
      <c r="X16" s="195">
        <v>30</v>
      </c>
    </row>
    <row r="17" spans="2:24" ht="21" customHeight="1" x14ac:dyDescent="0.2">
      <c r="B17" s="106" t="s">
        <v>15</v>
      </c>
      <c r="C17" s="191">
        <v>0</v>
      </c>
      <c r="D17" s="191">
        <v>0</v>
      </c>
      <c r="E17" s="196">
        <v>0</v>
      </c>
      <c r="F17" s="193">
        <v>0</v>
      </c>
      <c r="G17" s="191">
        <v>38</v>
      </c>
      <c r="H17" s="191">
        <v>26</v>
      </c>
      <c r="I17" s="191">
        <v>8</v>
      </c>
      <c r="J17" s="191">
        <v>0</v>
      </c>
      <c r="K17" s="191">
        <v>9</v>
      </c>
      <c r="L17" s="196">
        <v>81</v>
      </c>
      <c r="M17" s="195">
        <v>81</v>
      </c>
      <c r="N17" s="191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0</v>
      </c>
      <c r="V17" s="191">
        <v>0</v>
      </c>
      <c r="W17" s="196">
        <v>0</v>
      </c>
      <c r="X17" s="195">
        <v>0</v>
      </c>
    </row>
    <row r="18" spans="2:24" ht="21" customHeight="1" x14ac:dyDescent="0.2">
      <c r="B18" s="106" t="s">
        <v>16</v>
      </c>
      <c r="C18" s="191">
        <v>0</v>
      </c>
      <c r="D18" s="191">
        <v>0</v>
      </c>
      <c r="E18" s="196">
        <v>0</v>
      </c>
      <c r="F18" s="193">
        <v>0</v>
      </c>
      <c r="G18" s="191">
        <v>44</v>
      </c>
      <c r="H18" s="191">
        <v>63</v>
      </c>
      <c r="I18" s="191">
        <v>16</v>
      </c>
      <c r="J18" s="191">
        <v>0</v>
      </c>
      <c r="K18" s="191">
        <v>0</v>
      </c>
      <c r="L18" s="196">
        <v>123</v>
      </c>
      <c r="M18" s="195">
        <v>123</v>
      </c>
      <c r="N18" s="191">
        <v>0</v>
      </c>
      <c r="O18" s="191">
        <v>0</v>
      </c>
      <c r="P18" s="196">
        <v>0</v>
      </c>
      <c r="Q18" s="193">
        <v>0</v>
      </c>
      <c r="R18" s="191">
        <v>7</v>
      </c>
      <c r="S18" s="191">
        <v>0</v>
      </c>
      <c r="T18" s="191">
        <v>0</v>
      </c>
      <c r="U18" s="191">
        <v>0</v>
      </c>
      <c r="V18" s="191">
        <v>0</v>
      </c>
      <c r="W18" s="196">
        <v>7</v>
      </c>
      <c r="X18" s="195">
        <v>7</v>
      </c>
    </row>
    <row r="19" spans="2:24" ht="21" customHeight="1" x14ac:dyDescent="0.2">
      <c r="B19" s="106" t="s">
        <v>17</v>
      </c>
      <c r="C19" s="191">
        <v>0</v>
      </c>
      <c r="D19" s="191">
        <v>0</v>
      </c>
      <c r="E19" s="196">
        <v>0</v>
      </c>
      <c r="F19" s="193">
        <v>0</v>
      </c>
      <c r="G19" s="191">
        <v>172</v>
      </c>
      <c r="H19" s="191">
        <v>130</v>
      </c>
      <c r="I19" s="191">
        <v>107</v>
      </c>
      <c r="J19" s="191">
        <v>61</v>
      </c>
      <c r="K19" s="191">
        <v>11</v>
      </c>
      <c r="L19" s="196">
        <v>481</v>
      </c>
      <c r="M19" s="195">
        <v>481</v>
      </c>
      <c r="N19" s="191">
        <v>0</v>
      </c>
      <c r="O19" s="191">
        <v>0</v>
      </c>
      <c r="P19" s="196">
        <v>0</v>
      </c>
      <c r="Q19" s="193">
        <v>0</v>
      </c>
      <c r="R19" s="191">
        <v>21</v>
      </c>
      <c r="S19" s="191">
        <v>5</v>
      </c>
      <c r="T19" s="191">
        <v>0</v>
      </c>
      <c r="U19" s="191">
        <v>0</v>
      </c>
      <c r="V19" s="191">
        <v>0</v>
      </c>
      <c r="W19" s="196">
        <v>26</v>
      </c>
      <c r="X19" s="195">
        <v>26</v>
      </c>
    </row>
    <row r="20" spans="2:24" ht="21" customHeight="1" x14ac:dyDescent="0.2">
      <c r="B20" s="106" t="s">
        <v>18</v>
      </c>
      <c r="C20" s="191">
        <v>0</v>
      </c>
      <c r="D20" s="191">
        <v>0</v>
      </c>
      <c r="E20" s="196">
        <v>0</v>
      </c>
      <c r="F20" s="193">
        <v>0</v>
      </c>
      <c r="G20" s="191">
        <v>171</v>
      </c>
      <c r="H20" s="191">
        <v>46</v>
      </c>
      <c r="I20" s="191">
        <v>29</v>
      </c>
      <c r="J20" s="191">
        <v>15</v>
      </c>
      <c r="K20" s="191">
        <v>3</v>
      </c>
      <c r="L20" s="196">
        <v>264</v>
      </c>
      <c r="M20" s="195">
        <v>264</v>
      </c>
      <c r="N20" s="191">
        <v>0</v>
      </c>
      <c r="O20" s="191">
        <v>0</v>
      </c>
      <c r="P20" s="196">
        <v>0</v>
      </c>
      <c r="Q20" s="193">
        <v>0</v>
      </c>
      <c r="R20" s="191">
        <v>0</v>
      </c>
      <c r="S20" s="191">
        <v>2</v>
      </c>
      <c r="T20" s="191">
        <v>4</v>
      </c>
      <c r="U20" s="191">
        <v>0</v>
      </c>
      <c r="V20" s="191">
        <v>0</v>
      </c>
      <c r="W20" s="196">
        <v>6</v>
      </c>
      <c r="X20" s="195">
        <v>6</v>
      </c>
    </row>
    <row r="21" spans="2:24" ht="21" customHeight="1" x14ac:dyDescent="0.2">
      <c r="B21" s="106" t="s">
        <v>19</v>
      </c>
      <c r="C21" s="191">
        <v>0</v>
      </c>
      <c r="D21" s="191">
        <v>0</v>
      </c>
      <c r="E21" s="196">
        <v>0</v>
      </c>
      <c r="F21" s="193">
        <v>0</v>
      </c>
      <c r="G21" s="191">
        <v>82</v>
      </c>
      <c r="H21" s="191">
        <v>28</v>
      </c>
      <c r="I21" s="191">
        <v>3</v>
      </c>
      <c r="J21" s="191">
        <v>21</v>
      </c>
      <c r="K21" s="191">
        <v>0</v>
      </c>
      <c r="L21" s="196">
        <v>134</v>
      </c>
      <c r="M21" s="195">
        <v>134</v>
      </c>
      <c r="N21" s="191">
        <v>3</v>
      </c>
      <c r="O21" s="191">
        <v>0</v>
      </c>
      <c r="P21" s="196">
        <v>3</v>
      </c>
      <c r="Q21" s="193">
        <v>0</v>
      </c>
      <c r="R21" s="191">
        <v>9</v>
      </c>
      <c r="S21" s="191">
        <v>8</v>
      </c>
      <c r="T21" s="191">
        <v>2</v>
      </c>
      <c r="U21" s="191">
        <v>0</v>
      </c>
      <c r="V21" s="191">
        <v>0</v>
      </c>
      <c r="W21" s="196">
        <v>19</v>
      </c>
      <c r="X21" s="195">
        <v>22</v>
      </c>
    </row>
    <row r="22" spans="2:24" ht="21" customHeight="1" x14ac:dyDescent="0.2">
      <c r="B22" s="106" t="s">
        <v>20</v>
      </c>
      <c r="C22" s="191">
        <v>0</v>
      </c>
      <c r="D22" s="191">
        <v>0</v>
      </c>
      <c r="E22" s="196">
        <v>0</v>
      </c>
      <c r="F22" s="193">
        <v>0</v>
      </c>
      <c r="G22" s="191">
        <v>53</v>
      </c>
      <c r="H22" s="191">
        <v>90</v>
      </c>
      <c r="I22" s="191">
        <v>15</v>
      </c>
      <c r="J22" s="191">
        <v>0</v>
      </c>
      <c r="K22" s="191">
        <v>2</v>
      </c>
      <c r="L22" s="196">
        <v>160</v>
      </c>
      <c r="M22" s="195">
        <v>160</v>
      </c>
      <c r="N22" s="191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8</v>
      </c>
      <c r="U22" s="191">
        <v>0</v>
      </c>
      <c r="V22" s="191">
        <v>0</v>
      </c>
      <c r="W22" s="196">
        <v>8</v>
      </c>
      <c r="X22" s="195">
        <v>8</v>
      </c>
    </row>
    <row r="23" spans="2:24" ht="21" customHeight="1" x14ac:dyDescent="0.2">
      <c r="B23" s="106" t="s">
        <v>21</v>
      </c>
      <c r="C23" s="191">
        <v>0</v>
      </c>
      <c r="D23" s="191">
        <v>0</v>
      </c>
      <c r="E23" s="196">
        <v>0</v>
      </c>
      <c r="F23" s="193">
        <v>0</v>
      </c>
      <c r="G23" s="191">
        <v>77</v>
      </c>
      <c r="H23" s="191">
        <v>39</v>
      </c>
      <c r="I23" s="191">
        <v>35</v>
      </c>
      <c r="J23" s="191">
        <v>4</v>
      </c>
      <c r="K23" s="191">
        <v>0</v>
      </c>
      <c r="L23" s="196">
        <v>155</v>
      </c>
      <c r="M23" s="195">
        <v>155</v>
      </c>
      <c r="N23" s="191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0</v>
      </c>
      <c r="V23" s="191">
        <v>0</v>
      </c>
      <c r="W23" s="196">
        <v>0</v>
      </c>
      <c r="X23" s="195">
        <v>0</v>
      </c>
    </row>
    <row r="24" spans="2:24" ht="21" customHeight="1" x14ac:dyDescent="0.2">
      <c r="B24" s="106" t="s">
        <v>22</v>
      </c>
      <c r="C24" s="191">
        <v>0</v>
      </c>
      <c r="D24" s="191">
        <v>0</v>
      </c>
      <c r="E24" s="196">
        <v>0</v>
      </c>
      <c r="F24" s="193">
        <v>0</v>
      </c>
      <c r="G24" s="191">
        <v>27</v>
      </c>
      <c r="H24" s="191">
        <v>50</v>
      </c>
      <c r="I24" s="191">
        <v>1</v>
      </c>
      <c r="J24" s="191">
        <v>0</v>
      </c>
      <c r="K24" s="191">
        <v>2</v>
      </c>
      <c r="L24" s="196">
        <v>80</v>
      </c>
      <c r="M24" s="195">
        <v>80</v>
      </c>
      <c r="N24" s="191">
        <v>0</v>
      </c>
      <c r="O24" s="191">
        <v>0</v>
      </c>
      <c r="P24" s="196">
        <v>0</v>
      </c>
      <c r="Q24" s="193">
        <v>0</v>
      </c>
      <c r="R24" s="191">
        <v>3</v>
      </c>
      <c r="S24" s="191">
        <v>0</v>
      </c>
      <c r="T24" s="191">
        <v>0</v>
      </c>
      <c r="U24" s="191">
        <v>0</v>
      </c>
      <c r="V24" s="191">
        <v>4</v>
      </c>
      <c r="W24" s="196">
        <v>7</v>
      </c>
      <c r="X24" s="195">
        <v>7</v>
      </c>
    </row>
    <row r="25" spans="2:24" ht="21" customHeight="1" x14ac:dyDescent="0.2">
      <c r="B25" s="106" t="s">
        <v>23</v>
      </c>
      <c r="C25" s="191">
        <v>0</v>
      </c>
      <c r="D25" s="191">
        <v>0</v>
      </c>
      <c r="E25" s="196">
        <v>0</v>
      </c>
      <c r="F25" s="193">
        <v>0</v>
      </c>
      <c r="G25" s="191">
        <v>26</v>
      </c>
      <c r="H25" s="191">
        <v>15</v>
      </c>
      <c r="I25" s="191">
        <v>0</v>
      </c>
      <c r="J25" s="191">
        <v>0</v>
      </c>
      <c r="K25" s="191">
        <v>0</v>
      </c>
      <c r="L25" s="196">
        <v>41</v>
      </c>
      <c r="M25" s="195">
        <v>41</v>
      </c>
      <c r="N25" s="191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0</v>
      </c>
      <c r="U25" s="191">
        <v>0</v>
      </c>
      <c r="V25" s="191">
        <v>0</v>
      </c>
      <c r="W25" s="196">
        <v>0</v>
      </c>
      <c r="X25" s="195">
        <v>0</v>
      </c>
    </row>
    <row r="26" spans="2:24" ht="21" customHeight="1" x14ac:dyDescent="0.2">
      <c r="B26" s="106" t="s">
        <v>24</v>
      </c>
      <c r="C26" s="191">
        <v>0</v>
      </c>
      <c r="D26" s="191">
        <v>0</v>
      </c>
      <c r="E26" s="196">
        <v>0</v>
      </c>
      <c r="F26" s="193">
        <v>0</v>
      </c>
      <c r="G26" s="191">
        <v>0</v>
      </c>
      <c r="H26" s="191">
        <v>2</v>
      </c>
      <c r="I26" s="191">
        <v>0</v>
      </c>
      <c r="J26" s="191">
        <v>9</v>
      </c>
      <c r="K26" s="191">
        <v>0</v>
      </c>
      <c r="L26" s="196">
        <v>11</v>
      </c>
      <c r="M26" s="195">
        <v>11</v>
      </c>
      <c r="N26" s="191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0</v>
      </c>
      <c r="T26" s="191">
        <v>0</v>
      </c>
      <c r="U26" s="191">
        <v>0</v>
      </c>
      <c r="V26" s="191">
        <v>0</v>
      </c>
      <c r="W26" s="196">
        <v>0</v>
      </c>
      <c r="X26" s="195">
        <v>0</v>
      </c>
    </row>
    <row r="27" spans="2:24" ht="21" customHeight="1" x14ac:dyDescent="0.2">
      <c r="B27" s="106" t="s">
        <v>25</v>
      </c>
      <c r="C27" s="191">
        <v>0</v>
      </c>
      <c r="D27" s="191">
        <v>0</v>
      </c>
      <c r="E27" s="196">
        <v>0</v>
      </c>
      <c r="F27" s="193">
        <v>0</v>
      </c>
      <c r="G27" s="191">
        <v>28</v>
      </c>
      <c r="H27" s="191">
        <v>4</v>
      </c>
      <c r="I27" s="191">
        <v>0</v>
      </c>
      <c r="J27" s="191">
        <v>4</v>
      </c>
      <c r="K27" s="191">
        <v>0</v>
      </c>
      <c r="L27" s="196">
        <v>36</v>
      </c>
      <c r="M27" s="195">
        <v>36</v>
      </c>
      <c r="N27" s="191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0</v>
      </c>
      <c r="W27" s="196">
        <v>0</v>
      </c>
      <c r="X27" s="195">
        <v>0</v>
      </c>
    </row>
    <row r="28" spans="2:24" ht="21" customHeight="1" x14ac:dyDescent="0.2">
      <c r="B28" s="106" t="s">
        <v>26</v>
      </c>
      <c r="C28" s="191">
        <v>0</v>
      </c>
      <c r="D28" s="191">
        <v>0</v>
      </c>
      <c r="E28" s="196">
        <v>0</v>
      </c>
      <c r="F28" s="193">
        <v>0</v>
      </c>
      <c r="G28" s="191">
        <v>8</v>
      </c>
      <c r="H28" s="191">
        <v>11</v>
      </c>
      <c r="I28" s="191">
        <v>12</v>
      </c>
      <c r="J28" s="191">
        <v>0</v>
      </c>
      <c r="K28" s="191">
        <v>0</v>
      </c>
      <c r="L28" s="196">
        <v>31</v>
      </c>
      <c r="M28" s="195">
        <v>31</v>
      </c>
      <c r="N28" s="191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</row>
    <row r="29" spans="2:24" ht="21" customHeight="1" x14ac:dyDescent="0.2">
      <c r="B29" s="106" t="s">
        <v>27</v>
      </c>
      <c r="C29" s="191">
        <v>0</v>
      </c>
      <c r="D29" s="191">
        <v>0</v>
      </c>
      <c r="E29" s="196">
        <v>0</v>
      </c>
      <c r="F29" s="193">
        <v>0</v>
      </c>
      <c r="G29" s="191">
        <v>36</v>
      </c>
      <c r="H29" s="191">
        <v>12</v>
      </c>
      <c r="I29" s="191">
        <v>3</v>
      </c>
      <c r="J29" s="191">
        <v>0</v>
      </c>
      <c r="K29" s="191">
        <v>0</v>
      </c>
      <c r="L29" s="196">
        <v>51</v>
      </c>
      <c r="M29" s="195">
        <v>51</v>
      </c>
      <c r="N29" s="191">
        <v>0</v>
      </c>
      <c r="O29" s="191">
        <v>0</v>
      </c>
      <c r="P29" s="196">
        <v>0</v>
      </c>
      <c r="Q29" s="193">
        <v>0</v>
      </c>
      <c r="R29" s="191">
        <v>19</v>
      </c>
      <c r="S29" s="191">
        <v>6</v>
      </c>
      <c r="T29" s="191">
        <v>0</v>
      </c>
      <c r="U29" s="191">
        <v>0</v>
      </c>
      <c r="V29" s="191">
        <v>0</v>
      </c>
      <c r="W29" s="196">
        <v>25</v>
      </c>
      <c r="X29" s="195">
        <v>25</v>
      </c>
    </row>
    <row r="30" spans="2:24" ht="21" customHeight="1" x14ac:dyDescent="0.2">
      <c r="B30" s="106" t="s">
        <v>28</v>
      </c>
      <c r="C30" s="191">
        <v>0</v>
      </c>
      <c r="D30" s="191">
        <v>0</v>
      </c>
      <c r="E30" s="196">
        <v>0</v>
      </c>
      <c r="F30" s="193">
        <v>0</v>
      </c>
      <c r="G30" s="191">
        <v>43</v>
      </c>
      <c r="H30" s="191">
        <v>2</v>
      </c>
      <c r="I30" s="191">
        <v>3</v>
      </c>
      <c r="J30" s="191">
        <v>0</v>
      </c>
      <c r="K30" s="191">
        <v>0</v>
      </c>
      <c r="L30" s="196">
        <v>48</v>
      </c>
      <c r="M30" s="195">
        <v>48</v>
      </c>
      <c r="N30" s="191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</row>
    <row r="31" spans="2:24" ht="21" customHeight="1" x14ac:dyDescent="0.2">
      <c r="B31" s="106" t="s">
        <v>29</v>
      </c>
      <c r="C31" s="191">
        <v>0</v>
      </c>
      <c r="D31" s="191">
        <v>0</v>
      </c>
      <c r="E31" s="196">
        <v>0</v>
      </c>
      <c r="F31" s="193">
        <v>0</v>
      </c>
      <c r="G31" s="191">
        <v>15</v>
      </c>
      <c r="H31" s="191">
        <v>0</v>
      </c>
      <c r="I31" s="191">
        <v>0</v>
      </c>
      <c r="J31" s="191">
        <v>0</v>
      </c>
      <c r="K31" s="191">
        <v>0</v>
      </c>
      <c r="L31" s="196">
        <v>15</v>
      </c>
      <c r="M31" s="195">
        <v>15</v>
      </c>
      <c r="N31" s="191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</row>
    <row r="32" spans="2:24" ht="21" customHeight="1" x14ac:dyDescent="0.2">
      <c r="B32" s="106" t="s">
        <v>30</v>
      </c>
      <c r="C32" s="191">
        <v>0</v>
      </c>
      <c r="D32" s="191">
        <v>0</v>
      </c>
      <c r="E32" s="196">
        <v>0</v>
      </c>
      <c r="F32" s="193">
        <v>0</v>
      </c>
      <c r="G32" s="191">
        <v>9</v>
      </c>
      <c r="H32" s="191">
        <v>0</v>
      </c>
      <c r="I32" s="191">
        <v>0</v>
      </c>
      <c r="J32" s="191">
        <v>0</v>
      </c>
      <c r="K32" s="191">
        <v>0</v>
      </c>
      <c r="L32" s="196">
        <v>9</v>
      </c>
      <c r="M32" s="195">
        <v>9</v>
      </c>
      <c r="N32" s="191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3</v>
      </c>
      <c r="T32" s="191">
        <v>0</v>
      </c>
      <c r="U32" s="191">
        <v>0</v>
      </c>
      <c r="V32" s="191">
        <v>0</v>
      </c>
      <c r="W32" s="196">
        <v>3</v>
      </c>
      <c r="X32" s="195">
        <v>3</v>
      </c>
    </row>
    <row r="33" spans="2:24" ht="21" customHeight="1" x14ac:dyDescent="0.2">
      <c r="B33" s="106" t="s">
        <v>31</v>
      </c>
      <c r="C33" s="191">
        <v>0</v>
      </c>
      <c r="D33" s="191">
        <v>0</v>
      </c>
      <c r="E33" s="196">
        <v>0</v>
      </c>
      <c r="F33" s="193">
        <v>0</v>
      </c>
      <c r="G33" s="191">
        <v>21</v>
      </c>
      <c r="H33" s="191">
        <v>0</v>
      </c>
      <c r="I33" s="191">
        <v>0</v>
      </c>
      <c r="J33" s="191">
        <v>0</v>
      </c>
      <c r="K33" s="191">
        <v>0</v>
      </c>
      <c r="L33" s="196">
        <v>21</v>
      </c>
      <c r="M33" s="195">
        <v>21</v>
      </c>
      <c r="N33" s="191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0</v>
      </c>
      <c r="V33" s="191">
        <v>0</v>
      </c>
      <c r="W33" s="196">
        <v>0</v>
      </c>
      <c r="X33" s="195">
        <v>0</v>
      </c>
    </row>
    <row r="34" spans="2:24" ht="21" customHeight="1" x14ac:dyDescent="0.2">
      <c r="B34" s="106" t="s">
        <v>32</v>
      </c>
      <c r="C34" s="191">
        <v>0</v>
      </c>
      <c r="D34" s="191">
        <v>0</v>
      </c>
      <c r="E34" s="196">
        <v>0</v>
      </c>
      <c r="F34" s="193">
        <v>0</v>
      </c>
      <c r="G34" s="191">
        <v>21</v>
      </c>
      <c r="H34" s="191">
        <v>12</v>
      </c>
      <c r="I34" s="191">
        <v>0</v>
      </c>
      <c r="J34" s="191">
        <v>0</v>
      </c>
      <c r="K34" s="191">
        <v>0</v>
      </c>
      <c r="L34" s="196">
        <v>33</v>
      </c>
      <c r="M34" s="195">
        <v>33</v>
      </c>
      <c r="N34" s="191">
        <v>0</v>
      </c>
      <c r="O34" s="191">
        <v>0</v>
      </c>
      <c r="P34" s="196">
        <v>0</v>
      </c>
      <c r="Q34" s="193">
        <v>0</v>
      </c>
      <c r="R34" s="191">
        <v>12</v>
      </c>
      <c r="S34" s="191">
        <v>0</v>
      </c>
      <c r="T34" s="191">
        <v>26</v>
      </c>
      <c r="U34" s="191">
        <v>0</v>
      </c>
      <c r="V34" s="191">
        <v>0</v>
      </c>
      <c r="W34" s="196">
        <v>38</v>
      </c>
      <c r="X34" s="195">
        <v>38</v>
      </c>
    </row>
    <row r="35" spans="2:24" ht="21" customHeight="1" x14ac:dyDescent="0.2">
      <c r="B35" s="106" t="s">
        <v>33</v>
      </c>
      <c r="C35" s="191">
        <v>0</v>
      </c>
      <c r="D35" s="191">
        <v>0</v>
      </c>
      <c r="E35" s="196">
        <v>0</v>
      </c>
      <c r="F35" s="193">
        <v>0</v>
      </c>
      <c r="G35" s="191">
        <v>0</v>
      </c>
      <c r="H35" s="191">
        <v>0</v>
      </c>
      <c r="I35" s="191">
        <v>5</v>
      </c>
      <c r="J35" s="191">
        <v>0</v>
      </c>
      <c r="K35" s="191">
        <v>0</v>
      </c>
      <c r="L35" s="196">
        <v>5</v>
      </c>
      <c r="M35" s="195">
        <v>5</v>
      </c>
      <c r="N35" s="191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</row>
    <row r="36" spans="2:24" ht="21" customHeight="1" x14ac:dyDescent="0.2">
      <c r="B36" s="106" t="s">
        <v>34</v>
      </c>
      <c r="C36" s="191">
        <v>0</v>
      </c>
      <c r="D36" s="191">
        <v>0</v>
      </c>
      <c r="E36" s="196">
        <v>0</v>
      </c>
      <c r="F36" s="193">
        <v>0</v>
      </c>
      <c r="G36" s="191">
        <v>0</v>
      </c>
      <c r="H36" s="191">
        <v>0</v>
      </c>
      <c r="I36" s="191">
        <v>0</v>
      </c>
      <c r="J36" s="191">
        <v>0</v>
      </c>
      <c r="K36" s="191">
        <v>0</v>
      </c>
      <c r="L36" s="196">
        <v>0</v>
      </c>
      <c r="M36" s="195">
        <v>0</v>
      </c>
      <c r="N36" s="191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</row>
    <row r="37" spans="2:24" ht="21" customHeight="1" x14ac:dyDescent="0.2">
      <c r="B37" s="106" t="s">
        <v>35</v>
      </c>
      <c r="C37" s="191">
        <v>0</v>
      </c>
      <c r="D37" s="191">
        <v>0</v>
      </c>
      <c r="E37" s="196">
        <v>0</v>
      </c>
      <c r="F37" s="193">
        <v>0</v>
      </c>
      <c r="G37" s="191">
        <v>4</v>
      </c>
      <c r="H37" s="191">
        <v>0</v>
      </c>
      <c r="I37" s="191">
        <v>0</v>
      </c>
      <c r="J37" s="191">
        <v>0</v>
      </c>
      <c r="K37" s="191">
        <v>0</v>
      </c>
      <c r="L37" s="196">
        <v>4</v>
      </c>
      <c r="M37" s="195">
        <v>4</v>
      </c>
      <c r="N37" s="191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</row>
    <row r="38" spans="2:24" ht="21" customHeight="1" x14ac:dyDescent="0.2">
      <c r="B38" s="106" t="s">
        <v>36</v>
      </c>
      <c r="C38" s="191">
        <v>0</v>
      </c>
      <c r="D38" s="191">
        <v>0</v>
      </c>
      <c r="E38" s="196">
        <v>0</v>
      </c>
      <c r="F38" s="193">
        <v>0</v>
      </c>
      <c r="G38" s="191">
        <v>10</v>
      </c>
      <c r="H38" s="191">
        <v>0</v>
      </c>
      <c r="I38" s="191">
        <v>0</v>
      </c>
      <c r="J38" s="191">
        <v>0</v>
      </c>
      <c r="K38" s="191">
        <v>0</v>
      </c>
      <c r="L38" s="196">
        <v>10</v>
      </c>
      <c r="M38" s="195">
        <v>10</v>
      </c>
      <c r="N38" s="191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0</v>
      </c>
      <c r="U38" s="191">
        <v>0</v>
      </c>
      <c r="V38" s="191">
        <v>0</v>
      </c>
      <c r="W38" s="196">
        <v>0</v>
      </c>
      <c r="X38" s="195">
        <v>0</v>
      </c>
    </row>
    <row r="39" spans="2:24" ht="21" customHeight="1" thickBot="1" x14ac:dyDescent="0.25">
      <c r="B39" s="108" t="s">
        <v>37</v>
      </c>
      <c r="C39" s="198">
        <v>0</v>
      </c>
      <c r="D39" s="198">
        <v>0</v>
      </c>
      <c r="E39" s="203">
        <v>0</v>
      </c>
      <c r="F39" s="200">
        <v>0</v>
      </c>
      <c r="G39" s="198">
        <v>0</v>
      </c>
      <c r="H39" s="198">
        <v>3</v>
      </c>
      <c r="I39" s="198">
        <v>0</v>
      </c>
      <c r="J39" s="198">
        <v>0</v>
      </c>
      <c r="K39" s="198">
        <v>0</v>
      </c>
      <c r="L39" s="203">
        <v>3</v>
      </c>
      <c r="M39" s="202">
        <v>3</v>
      </c>
      <c r="N39" s="198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</row>
  </sheetData>
  <mergeCells count="11">
    <mergeCell ref="X4:X5"/>
    <mergeCell ref="H1:I1"/>
    <mergeCell ref="K1:L1"/>
    <mergeCell ref="B3:B5"/>
    <mergeCell ref="C3:M3"/>
    <mergeCell ref="N3:X3"/>
    <mergeCell ref="C4:E4"/>
    <mergeCell ref="F4:L4"/>
    <mergeCell ref="M4:M5"/>
    <mergeCell ref="N4:P4"/>
    <mergeCell ref="Q4:W4"/>
  </mergeCells>
  <phoneticPr fontId="4"/>
  <pageMargins left="0.70866141732283472" right="0.70866141732283472" top="0.74803149606299213" bottom="0.74803149606299213" header="0.31496062992125984" footer="0.31496062992125984"/>
  <pageSetup paperSize="9" scale="80" orientation="portrait" r:id="rId1"/>
  <headerFooter>
    <oddFooter>&amp;L&amp;20&amp;A&amp;C&amp;P/&amp;N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EC219"/>
  <sheetViews>
    <sheetView zoomScaleNormal="100" zoomScaleSheetLayoutView="55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 activeCell="C7" sqref="C7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3" width="9" style="71" customWidth="1"/>
    <col min="4" max="4" width="8.109375" style="71" customWidth="1"/>
    <col min="5" max="5" width="10.109375" style="71" bestFit="1" customWidth="1"/>
    <col min="6" max="6" width="9" style="71"/>
    <col min="7" max="8" width="9" style="71" customWidth="1"/>
    <col min="9" max="9" width="9" style="71"/>
    <col min="10" max="10" width="9.6640625" style="71" bestFit="1" customWidth="1"/>
    <col min="11" max="11" width="9" style="71"/>
    <col min="12" max="12" width="9.6640625" style="71" customWidth="1"/>
    <col min="13" max="15" width="8.109375" style="71" customWidth="1"/>
    <col min="16" max="21" width="9.21875" style="71" customWidth="1"/>
    <col min="22" max="22" width="7.77734375" style="71" customWidth="1"/>
    <col min="23" max="25" width="8.33203125" style="71" customWidth="1"/>
    <col min="26" max="30" width="8.44140625" style="71" customWidth="1"/>
    <col min="31" max="32" width="7.109375" style="71" customWidth="1"/>
    <col min="33" max="42" width="8.77734375" style="71" customWidth="1"/>
    <col min="43" max="52" width="8.44140625" style="71" customWidth="1"/>
    <col min="53" max="132" width="9.6640625" style="71" customWidth="1"/>
    <col min="133" max="16384" width="9" style="71"/>
  </cols>
  <sheetData>
    <row r="1" spans="2:133" ht="24" customHeight="1" x14ac:dyDescent="0.2">
      <c r="B1" s="10" t="s">
        <v>56</v>
      </c>
      <c r="F1" s="442">
        <f>第１表!F2</f>
        <v>7</v>
      </c>
      <c r="G1" s="442"/>
      <c r="H1" s="18">
        <f>第１表!G2</f>
        <v>3</v>
      </c>
      <c r="I1" s="447">
        <f>IF(H1&lt;3,H1-2+12,H1-2)</f>
        <v>1</v>
      </c>
      <c r="J1" s="447"/>
    </row>
    <row r="2" spans="2:133" ht="24" customHeight="1" thickBot="1" x14ac:dyDescent="0.25"/>
    <row r="3" spans="2:133" ht="21" customHeight="1" thickBot="1" x14ac:dyDescent="0.25">
      <c r="B3" s="504"/>
      <c r="C3" s="507" t="s">
        <v>57</v>
      </c>
      <c r="D3" s="508"/>
      <c r="E3" s="508"/>
      <c r="F3" s="508"/>
      <c r="G3" s="508"/>
      <c r="H3" s="508"/>
      <c r="I3" s="508"/>
      <c r="J3" s="508"/>
      <c r="K3" s="508"/>
      <c r="L3" s="508"/>
      <c r="M3" s="508"/>
      <c r="N3" s="508"/>
      <c r="O3" s="508"/>
      <c r="P3" s="508"/>
      <c r="Q3" s="508"/>
      <c r="R3" s="508"/>
      <c r="S3" s="508"/>
      <c r="T3" s="508"/>
      <c r="U3" s="508"/>
      <c r="V3" s="508"/>
      <c r="W3" s="508"/>
      <c r="X3" s="508"/>
      <c r="Y3" s="508"/>
      <c r="Z3" s="508"/>
      <c r="AA3" s="508"/>
      <c r="AB3" s="508"/>
      <c r="AC3" s="508"/>
      <c r="AD3" s="508"/>
      <c r="AE3" s="508"/>
      <c r="AF3" s="509"/>
      <c r="AG3" s="507" t="s">
        <v>58</v>
      </c>
      <c r="AH3" s="510"/>
      <c r="AI3" s="510"/>
      <c r="AJ3" s="510"/>
      <c r="AK3" s="510"/>
      <c r="AL3" s="510"/>
      <c r="AM3" s="510"/>
      <c r="AN3" s="510"/>
      <c r="AO3" s="510"/>
      <c r="AP3" s="510"/>
      <c r="AQ3" s="510"/>
      <c r="AR3" s="510"/>
      <c r="AS3" s="510"/>
      <c r="AT3" s="510"/>
      <c r="AU3" s="510"/>
      <c r="AV3" s="510"/>
      <c r="AW3" s="510"/>
      <c r="AX3" s="510"/>
      <c r="AY3" s="510"/>
      <c r="AZ3" s="510"/>
      <c r="BA3" s="510"/>
      <c r="BB3" s="510"/>
      <c r="BC3" s="510"/>
      <c r="BD3" s="510"/>
      <c r="BE3" s="510"/>
      <c r="BF3" s="510"/>
      <c r="BG3" s="510"/>
      <c r="BH3" s="510"/>
      <c r="BI3" s="510"/>
      <c r="BJ3" s="511"/>
      <c r="BK3" s="507" t="s">
        <v>59</v>
      </c>
      <c r="BL3" s="508"/>
      <c r="BM3" s="508"/>
      <c r="BN3" s="508"/>
      <c r="BO3" s="508"/>
      <c r="BP3" s="508"/>
      <c r="BQ3" s="508"/>
      <c r="BR3" s="508"/>
      <c r="BS3" s="508"/>
      <c r="BT3" s="508"/>
      <c r="BU3" s="508"/>
      <c r="BV3" s="508"/>
      <c r="BW3" s="508"/>
      <c r="BX3" s="508"/>
      <c r="BY3" s="508"/>
      <c r="BZ3" s="508"/>
      <c r="CA3" s="508"/>
      <c r="CB3" s="508"/>
      <c r="CC3" s="508"/>
      <c r="CD3" s="508"/>
      <c r="CE3" s="508"/>
      <c r="CF3" s="508"/>
      <c r="CG3" s="508"/>
      <c r="CH3" s="508"/>
      <c r="CI3" s="508"/>
      <c r="CJ3" s="508"/>
      <c r="CK3" s="508"/>
      <c r="CL3" s="508"/>
      <c r="CM3" s="508"/>
      <c r="CN3" s="509"/>
      <c r="CO3" s="507" t="s">
        <v>147</v>
      </c>
      <c r="CP3" s="508"/>
      <c r="CQ3" s="508"/>
      <c r="CR3" s="508"/>
      <c r="CS3" s="508"/>
      <c r="CT3" s="508"/>
      <c r="CU3" s="508"/>
      <c r="CV3" s="508"/>
      <c r="CW3" s="508"/>
      <c r="CX3" s="508"/>
      <c r="CY3" s="508"/>
      <c r="CZ3" s="508"/>
      <c r="DA3" s="508"/>
      <c r="DB3" s="508"/>
      <c r="DC3" s="508"/>
      <c r="DD3" s="508"/>
      <c r="DE3" s="508"/>
      <c r="DF3" s="508"/>
      <c r="DG3" s="508"/>
      <c r="DH3" s="508"/>
      <c r="DI3" s="508"/>
      <c r="DJ3" s="508"/>
      <c r="DK3" s="508"/>
      <c r="DL3" s="508"/>
      <c r="DM3" s="508"/>
      <c r="DN3" s="508"/>
      <c r="DO3" s="508"/>
      <c r="DP3" s="508"/>
      <c r="DQ3" s="508"/>
      <c r="DR3" s="509"/>
      <c r="DS3" s="425" t="s">
        <v>60</v>
      </c>
      <c r="DT3" s="426"/>
      <c r="DU3" s="426"/>
      <c r="DV3" s="426"/>
      <c r="DW3" s="426"/>
      <c r="DX3" s="426"/>
      <c r="DY3" s="426"/>
      <c r="DZ3" s="426"/>
      <c r="EA3" s="426"/>
      <c r="EB3" s="427"/>
    </row>
    <row r="4" spans="2:133" ht="21" customHeight="1" thickBot="1" x14ac:dyDescent="0.25">
      <c r="B4" s="505"/>
      <c r="C4" s="431"/>
      <c r="D4" s="432"/>
      <c r="E4" s="432"/>
      <c r="F4" s="432"/>
      <c r="G4" s="432"/>
      <c r="H4" s="432"/>
      <c r="I4" s="432"/>
      <c r="J4" s="432"/>
      <c r="K4" s="432"/>
      <c r="L4" s="432"/>
      <c r="M4" s="434" t="s">
        <v>39</v>
      </c>
      <c r="N4" s="435"/>
      <c r="O4" s="435"/>
      <c r="P4" s="435"/>
      <c r="Q4" s="435"/>
      <c r="R4" s="435"/>
      <c r="S4" s="435"/>
      <c r="T4" s="435"/>
      <c r="U4" s="435"/>
      <c r="V4" s="436"/>
      <c r="W4" s="434" t="s">
        <v>40</v>
      </c>
      <c r="X4" s="435"/>
      <c r="Y4" s="435"/>
      <c r="Z4" s="435"/>
      <c r="AA4" s="435"/>
      <c r="AB4" s="435"/>
      <c r="AC4" s="435"/>
      <c r="AD4" s="435"/>
      <c r="AE4" s="435"/>
      <c r="AF4" s="436"/>
      <c r="AG4" s="431"/>
      <c r="AH4" s="432"/>
      <c r="AI4" s="432"/>
      <c r="AJ4" s="432"/>
      <c r="AK4" s="432"/>
      <c r="AL4" s="432"/>
      <c r="AM4" s="432"/>
      <c r="AN4" s="432"/>
      <c r="AO4" s="432"/>
      <c r="AP4" s="432"/>
      <c r="AQ4" s="434" t="s">
        <v>39</v>
      </c>
      <c r="AR4" s="435"/>
      <c r="AS4" s="435"/>
      <c r="AT4" s="435"/>
      <c r="AU4" s="435"/>
      <c r="AV4" s="435"/>
      <c r="AW4" s="435"/>
      <c r="AX4" s="435"/>
      <c r="AY4" s="435"/>
      <c r="AZ4" s="436"/>
      <c r="BA4" s="434" t="s">
        <v>40</v>
      </c>
      <c r="BB4" s="435"/>
      <c r="BC4" s="435"/>
      <c r="BD4" s="435"/>
      <c r="BE4" s="435"/>
      <c r="BF4" s="435"/>
      <c r="BG4" s="435"/>
      <c r="BH4" s="435"/>
      <c r="BI4" s="435"/>
      <c r="BJ4" s="436"/>
      <c r="BK4" s="431"/>
      <c r="BL4" s="432"/>
      <c r="BM4" s="432"/>
      <c r="BN4" s="432"/>
      <c r="BO4" s="432"/>
      <c r="BP4" s="432"/>
      <c r="BQ4" s="432"/>
      <c r="BR4" s="432"/>
      <c r="BS4" s="432"/>
      <c r="BT4" s="432"/>
      <c r="BU4" s="434" t="s">
        <v>39</v>
      </c>
      <c r="BV4" s="435"/>
      <c r="BW4" s="435"/>
      <c r="BX4" s="435"/>
      <c r="BY4" s="435"/>
      <c r="BZ4" s="435"/>
      <c r="CA4" s="435"/>
      <c r="CB4" s="435"/>
      <c r="CC4" s="435"/>
      <c r="CD4" s="436"/>
      <c r="CE4" s="434" t="s">
        <v>40</v>
      </c>
      <c r="CF4" s="435"/>
      <c r="CG4" s="435"/>
      <c r="CH4" s="435"/>
      <c r="CI4" s="435"/>
      <c r="CJ4" s="435"/>
      <c r="CK4" s="435"/>
      <c r="CL4" s="435"/>
      <c r="CM4" s="435"/>
      <c r="CN4" s="436"/>
      <c r="CO4" s="431"/>
      <c r="CP4" s="432"/>
      <c r="CQ4" s="432"/>
      <c r="CR4" s="432"/>
      <c r="CS4" s="432"/>
      <c r="CT4" s="432"/>
      <c r="CU4" s="432"/>
      <c r="CV4" s="432"/>
      <c r="CW4" s="432"/>
      <c r="CX4" s="432"/>
      <c r="CY4" s="434" t="s">
        <v>39</v>
      </c>
      <c r="CZ4" s="435"/>
      <c r="DA4" s="435"/>
      <c r="DB4" s="435"/>
      <c r="DC4" s="435"/>
      <c r="DD4" s="435"/>
      <c r="DE4" s="435"/>
      <c r="DF4" s="435"/>
      <c r="DG4" s="435"/>
      <c r="DH4" s="436"/>
      <c r="DI4" s="434" t="s">
        <v>40</v>
      </c>
      <c r="DJ4" s="435"/>
      <c r="DK4" s="435"/>
      <c r="DL4" s="435"/>
      <c r="DM4" s="435"/>
      <c r="DN4" s="435"/>
      <c r="DO4" s="435"/>
      <c r="DP4" s="435"/>
      <c r="DQ4" s="435"/>
      <c r="DR4" s="436"/>
      <c r="DS4" s="431"/>
      <c r="DT4" s="432"/>
      <c r="DU4" s="432"/>
      <c r="DV4" s="432"/>
      <c r="DW4" s="432"/>
      <c r="DX4" s="432"/>
      <c r="DY4" s="432"/>
      <c r="DZ4" s="432"/>
      <c r="EA4" s="432"/>
      <c r="EB4" s="433"/>
    </row>
    <row r="5" spans="2:133" ht="21" customHeight="1" x14ac:dyDescent="0.2">
      <c r="B5" s="506"/>
      <c r="C5" s="512" t="s">
        <v>61</v>
      </c>
      <c r="D5" s="513"/>
      <c r="E5" s="514"/>
      <c r="F5" s="515" t="s">
        <v>62</v>
      </c>
      <c r="G5" s="516"/>
      <c r="H5" s="516"/>
      <c r="I5" s="516"/>
      <c r="J5" s="516"/>
      <c r="K5" s="517"/>
      <c r="L5" s="527" t="s">
        <v>52</v>
      </c>
      <c r="M5" s="520" t="s">
        <v>61</v>
      </c>
      <c r="N5" s="521"/>
      <c r="O5" s="522"/>
      <c r="P5" s="523" t="s">
        <v>62</v>
      </c>
      <c r="Q5" s="432"/>
      <c r="R5" s="432"/>
      <c r="S5" s="432"/>
      <c r="T5" s="432"/>
      <c r="U5" s="524"/>
      <c r="V5" s="528" t="s">
        <v>52</v>
      </c>
      <c r="W5" s="529" t="s">
        <v>61</v>
      </c>
      <c r="X5" s="521"/>
      <c r="Y5" s="522"/>
      <c r="Z5" s="523" t="s">
        <v>62</v>
      </c>
      <c r="AA5" s="432"/>
      <c r="AB5" s="432"/>
      <c r="AC5" s="432"/>
      <c r="AD5" s="432"/>
      <c r="AE5" s="524"/>
      <c r="AF5" s="528" t="s">
        <v>52</v>
      </c>
      <c r="AG5" s="512" t="s">
        <v>61</v>
      </c>
      <c r="AH5" s="513"/>
      <c r="AI5" s="514"/>
      <c r="AJ5" s="515" t="s">
        <v>62</v>
      </c>
      <c r="AK5" s="516"/>
      <c r="AL5" s="516"/>
      <c r="AM5" s="516"/>
      <c r="AN5" s="516"/>
      <c r="AO5" s="517"/>
      <c r="AP5" s="518" t="s">
        <v>52</v>
      </c>
      <c r="AQ5" s="520" t="s">
        <v>61</v>
      </c>
      <c r="AR5" s="521"/>
      <c r="AS5" s="522"/>
      <c r="AT5" s="523" t="s">
        <v>62</v>
      </c>
      <c r="AU5" s="432"/>
      <c r="AV5" s="432"/>
      <c r="AW5" s="432"/>
      <c r="AX5" s="432"/>
      <c r="AY5" s="524"/>
      <c r="AZ5" s="525" t="s">
        <v>52</v>
      </c>
      <c r="BA5" s="520" t="s">
        <v>61</v>
      </c>
      <c r="BB5" s="521"/>
      <c r="BC5" s="522"/>
      <c r="BD5" s="523" t="s">
        <v>62</v>
      </c>
      <c r="BE5" s="432"/>
      <c r="BF5" s="432"/>
      <c r="BG5" s="432"/>
      <c r="BH5" s="432"/>
      <c r="BI5" s="524"/>
      <c r="BJ5" s="528" t="s">
        <v>52</v>
      </c>
      <c r="BK5" s="512" t="s">
        <v>61</v>
      </c>
      <c r="BL5" s="513"/>
      <c r="BM5" s="514"/>
      <c r="BN5" s="515" t="s">
        <v>62</v>
      </c>
      <c r="BO5" s="516"/>
      <c r="BP5" s="516"/>
      <c r="BQ5" s="516"/>
      <c r="BR5" s="516"/>
      <c r="BS5" s="517"/>
      <c r="BT5" s="527" t="s">
        <v>52</v>
      </c>
      <c r="BU5" s="520" t="s">
        <v>61</v>
      </c>
      <c r="BV5" s="521"/>
      <c r="BW5" s="522"/>
      <c r="BX5" s="523" t="s">
        <v>62</v>
      </c>
      <c r="BY5" s="432"/>
      <c r="BZ5" s="432"/>
      <c r="CA5" s="432"/>
      <c r="CB5" s="432"/>
      <c r="CC5" s="524"/>
      <c r="CD5" s="528" t="s">
        <v>52</v>
      </c>
      <c r="CE5" s="529" t="s">
        <v>61</v>
      </c>
      <c r="CF5" s="521"/>
      <c r="CG5" s="522"/>
      <c r="CH5" s="523" t="s">
        <v>62</v>
      </c>
      <c r="CI5" s="432"/>
      <c r="CJ5" s="432"/>
      <c r="CK5" s="432"/>
      <c r="CL5" s="432"/>
      <c r="CM5" s="524"/>
      <c r="CN5" s="528" t="s">
        <v>52</v>
      </c>
      <c r="CO5" s="512" t="s">
        <v>61</v>
      </c>
      <c r="CP5" s="513"/>
      <c r="CQ5" s="514"/>
      <c r="CR5" s="515" t="s">
        <v>62</v>
      </c>
      <c r="CS5" s="516"/>
      <c r="CT5" s="516"/>
      <c r="CU5" s="516"/>
      <c r="CV5" s="516"/>
      <c r="CW5" s="517"/>
      <c r="CX5" s="527" t="s">
        <v>52</v>
      </c>
      <c r="CY5" s="520" t="s">
        <v>61</v>
      </c>
      <c r="CZ5" s="521"/>
      <c r="DA5" s="522"/>
      <c r="DB5" s="523" t="s">
        <v>62</v>
      </c>
      <c r="DC5" s="432"/>
      <c r="DD5" s="432"/>
      <c r="DE5" s="432"/>
      <c r="DF5" s="432"/>
      <c r="DG5" s="524"/>
      <c r="DH5" s="528" t="s">
        <v>52</v>
      </c>
      <c r="DI5" s="529" t="s">
        <v>61</v>
      </c>
      <c r="DJ5" s="521"/>
      <c r="DK5" s="522"/>
      <c r="DL5" s="523" t="s">
        <v>62</v>
      </c>
      <c r="DM5" s="432"/>
      <c r="DN5" s="432"/>
      <c r="DO5" s="432"/>
      <c r="DP5" s="432"/>
      <c r="DQ5" s="524"/>
      <c r="DR5" s="528" t="s">
        <v>52</v>
      </c>
      <c r="DS5" s="512" t="s">
        <v>61</v>
      </c>
      <c r="DT5" s="513"/>
      <c r="DU5" s="514"/>
      <c r="DV5" s="515" t="s">
        <v>62</v>
      </c>
      <c r="DW5" s="516"/>
      <c r="DX5" s="516"/>
      <c r="DY5" s="516"/>
      <c r="DZ5" s="516"/>
      <c r="EA5" s="517"/>
      <c r="EB5" s="518" t="s">
        <v>52</v>
      </c>
    </row>
    <row r="6" spans="2:133" ht="30" customHeight="1" thickBot="1" x14ac:dyDescent="0.25">
      <c r="B6" s="72" t="s">
        <v>42</v>
      </c>
      <c r="C6" s="229" t="s">
        <v>43</v>
      </c>
      <c r="D6" s="230" t="s">
        <v>44</v>
      </c>
      <c r="E6" s="230" t="s">
        <v>45</v>
      </c>
      <c r="F6" s="231" t="s">
        <v>47</v>
      </c>
      <c r="G6" s="232" t="s">
        <v>48</v>
      </c>
      <c r="H6" s="232" t="s">
        <v>49</v>
      </c>
      <c r="I6" s="233" t="s">
        <v>50</v>
      </c>
      <c r="J6" s="230" t="s">
        <v>51</v>
      </c>
      <c r="K6" s="234" t="s">
        <v>95</v>
      </c>
      <c r="L6" s="526"/>
      <c r="M6" s="229" t="s">
        <v>43</v>
      </c>
      <c r="N6" s="230" t="s">
        <v>44</v>
      </c>
      <c r="O6" s="234" t="s">
        <v>45</v>
      </c>
      <c r="P6" s="231" t="s">
        <v>47</v>
      </c>
      <c r="Q6" s="232" t="s">
        <v>48</v>
      </c>
      <c r="R6" s="232" t="s">
        <v>49</v>
      </c>
      <c r="S6" s="233" t="s">
        <v>50</v>
      </c>
      <c r="T6" s="230" t="s">
        <v>51</v>
      </c>
      <c r="U6" s="234" t="s">
        <v>45</v>
      </c>
      <c r="V6" s="519"/>
      <c r="W6" s="235" t="s">
        <v>43</v>
      </c>
      <c r="X6" s="230" t="s">
        <v>44</v>
      </c>
      <c r="Y6" s="234" t="s">
        <v>45</v>
      </c>
      <c r="Z6" s="235" t="s">
        <v>47</v>
      </c>
      <c r="AA6" s="232" t="s">
        <v>48</v>
      </c>
      <c r="AB6" s="232" t="s">
        <v>49</v>
      </c>
      <c r="AC6" s="233" t="s">
        <v>50</v>
      </c>
      <c r="AD6" s="230" t="s">
        <v>51</v>
      </c>
      <c r="AE6" s="234" t="s">
        <v>45</v>
      </c>
      <c r="AF6" s="519"/>
      <c r="AG6" s="229" t="s">
        <v>43</v>
      </c>
      <c r="AH6" s="230" t="s">
        <v>44</v>
      </c>
      <c r="AI6" s="234" t="s">
        <v>45</v>
      </c>
      <c r="AJ6" s="235" t="s">
        <v>47</v>
      </c>
      <c r="AK6" s="232" t="s">
        <v>48</v>
      </c>
      <c r="AL6" s="232" t="s">
        <v>49</v>
      </c>
      <c r="AM6" s="233" t="s">
        <v>50</v>
      </c>
      <c r="AN6" s="230" t="s">
        <v>51</v>
      </c>
      <c r="AO6" s="234" t="s">
        <v>45</v>
      </c>
      <c r="AP6" s="519"/>
      <c r="AQ6" s="229" t="s">
        <v>43</v>
      </c>
      <c r="AR6" s="230" t="s">
        <v>44</v>
      </c>
      <c r="AS6" s="234" t="s">
        <v>45</v>
      </c>
      <c r="AT6" s="231" t="s">
        <v>47</v>
      </c>
      <c r="AU6" s="232" t="s">
        <v>48</v>
      </c>
      <c r="AV6" s="232" t="s">
        <v>49</v>
      </c>
      <c r="AW6" s="233" t="s">
        <v>50</v>
      </c>
      <c r="AX6" s="230" t="s">
        <v>51</v>
      </c>
      <c r="AY6" s="234" t="s">
        <v>45</v>
      </c>
      <c r="AZ6" s="526"/>
      <c r="BA6" s="229" t="s">
        <v>43</v>
      </c>
      <c r="BB6" s="230" t="s">
        <v>44</v>
      </c>
      <c r="BC6" s="230" t="s">
        <v>45</v>
      </c>
      <c r="BD6" s="231" t="s">
        <v>47</v>
      </c>
      <c r="BE6" s="232" t="s">
        <v>48</v>
      </c>
      <c r="BF6" s="232" t="s">
        <v>49</v>
      </c>
      <c r="BG6" s="233" t="s">
        <v>50</v>
      </c>
      <c r="BH6" s="230" t="s">
        <v>51</v>
      </c>
      <c r="BI6" s="234" t="s">
        <v>45</v>
      </c>
      <c r="BJ6" s="519"/>
      <c r="BK6" s="229" t="s">
        <v>43</v>
      </c>
      <c r="BL6" s="230" t="s">
        <v>44</v>
      </c>
      <c r="BM6" s="230" t="s">
        <v>45</v>
      </c>
      <c r="BN6" s="231" t="s">
        <v>47</v>
      </c>
      <c r="BO6" s="232" t="s">
        <v>48</v>
      </c>
      <c r="BP6" s="232" t="s">
        <v>49</v>
      </c>
      <c r="BQ6" s="233" t="s">
        <v>50</v>
      </c>
      <c r="BR6" s="230" t="s">
        <v>51</v>
      </c>
      <c r="BS6" s="234" t="s">
        <v>45</v>
      </c>
      <c r="BT6" s="526"/>
      <c r="BU6" s="229" t="s">
        <v>43</v>
      </c>
      <c r="BV6" s="230" t="s">
        <v>44</v>
      </c>
      <c r="BW6" s="230" t="s">
        <v>45</v>
      </c>
      <c r="BX6" s="231" t="s">
        <v>47</v>
      </c>
      <c r="BY6" s="232" t="s">
        <v>48</v>
      </c>
      <c r="BZ6" s="232" t="s">
        <v>49</v>
      </c>
      <c r="CA6" s="233" t="s">
        <v>50</v>
      </c>
      <c r="CB6" s="230" t="s">
        <v>51</v>
      </c>
      <c r="CC6" s="234" t="s">
        <v>45</v>
      </c>
      <c r="CD6" s="519"/>
      <c r="CE6" s="235" t="s">
        <v>43</v>
      </c>
      <c r="CF6" s="230" t="s">
        <v>44</v>
      </c>
      <c r="CG6" s="230" t="s">
        <v>45</v>
      </c>
      <c r="CH6" s="231" t="s">
        <v>47</v>
      </c>
      <c r="CI6" s="232" t="s">
        <v>48</v>
      </c>
      <c r="CJ6" s="232" t="s">
        <v>49</v>
      </c>
      <c r="CK6" s="233" t="s">
        <v>50</v>
      </c>
      <c r="CL6" s="230" t="s">
        <v>51</v>
      </c>
      <c r="CM6" s="234" t="s">
        <v>45</v>
      </c>
      <c r="CN6" s="519"/>
      <c r="CO6" s="229" t="s">
        <v>43</v>
      </c>
      <c r="CP6" s="230" t="s">
        <v>44</v>
      </c>
      <c r="CQ6" s="230" t="s">
        <v>45</v>
      </c>
      <c r="CR6" s="231" t="s">
        <v>47</v>
      </c>
      <c r="CS6" s="232" t="s">
        <v>48</v>
      </c>
      <c r="CT6" s="232" t="s">
        <v>49</v>
      </c>
      <c r="CU6" s="233" t="s">
        <v>50</v>
      </c>
      <c r="CV6" s="230" t="s">
        <v>51</v>
      </c>
      <c r="CW6" s="234" t="s">
        <v>45</v>
      </c>
      <c r="CX6" s="526"/>
      <c r="CY6" s="229" t="s">
        <v>43</v>
      </c>
      <c r="CZ6" s="230" t="s">
        <v>44</v>
      </c>
      <c r="DA6" s="230" t="s">
        <v>45</v>
      </c>
      <c r="DB6" s="231" t="s">
        <v>47</v>
      </c>
      <c r="DC6" s="232" t="s">
        <v>48</v>
      </c>
      <c r="DD6" s="232" t="s">
        <v>49</v>
      </c>
      <c r="DE6" s="233" t="s">
        <v>50</v>
      </c>
      <c r="DF6" s="230" t="s">
        <v>51</v>
      </c>
      <c r="DG6" s="234" t="s">
        <v>45</v>
      </c>
      <c r="DH6" s="519"/>
      <c r="DI6" s="235" t="s">
        <v>43</v>
      </c>
      <c r="DJ6" s="230" t="s">
        <v>44</v>
      </c>
      <c r="DK6" s="230" t="s">
        <v>45</v>
      </c>
      <c r="DL6" s="231" t="s">
        <v>47</v>
      </c>
      <c r="DM6" s="232" t="s">
        <v>48</v>
      </c>
      <c r="DN6" s="232" t="s">
        <v>49</v>
      </c>
      <c r="DO6" s="233" t="s">
        <v>50</v>
      </c>
      <c r="DP6" s="230" t="s">
        <v>51</v>
      </c>
      <c r="DQ6" s="234" t="s">
        <v>45</v>
      </c>
      <c r="DR6" s="519"/>
      <c r="DS6" s="229" t="s">
        <v>43</v>
      </c>
      <c r="DT6" s="230" t="s">
        <v>44</v>
      </c>
      <c r="DU6" s="230" t="s">
        <v>45</v>
      </c>
      <c r="DV6" s="231" t="s">
        <v>47</v>
      </c>
      <c r="DW6" s="232" t="s">
        <v>48</v>
      </c>
      <c r="DX6" s="232" t="s">
        <v>49</v>
      </c>
      <c r="DY6" s="233" t="s">
        <v>50</v>
      </c>
      <c r="DZ6" s="230" t="s">
        <v>51</v>
      </c>
      <c r="EA6" s="234" t="s">
        <v>45</v>
      </c>
      <c r="EB6" s="519"/>
    </row>
    <row r="7" spans="2:133" ht="21" customHeight="1" x14ac:dyDescent="0.2">
      <c r="B7" s="84" t="s">
        <v>4</v>
      </c>
      <c r="C7" s="211">
        <v>0</v>
      </c>
      <c r="D7" s="213">
        <v>0</v>
      </c>
      <c r="E7" s="213">
        <v>0</v>
      </c>
      <c r="F7" s="214">
        <v>520</v>
      </c>
      <c r="G7" s="212">
        <v>1764</v>
      </c>
      <c r="H7" s="212">
        <v>10731</v>
      </c>
      <c r="I7" s="212">
        <v>15278</v>
      </c>
      <c r="J7" s="213">
        <v>9634</v>
      </c>
      <c r="K7" s="236">
        <v>37927</v>
      </c>
      <c r="L7" s="237">
        <v>37927</v>
      </c>
      <c r="M7" s="211">
        <v>0</v>
      </c>
      <c r="N7" s="213">
        <v>0</v>
      </c>
      <c r="O7" s="236">
        <v>0</v>
      </c>
      <c r="P7" s="214">
        <v>516</v>
      </c>
      <c r="Q7" s="212">
        <v>1747</v>
      </c>
      <c r="R7" s="212">
        <v>10648</v>
      </c>
      <c r="S7" s="212">
        <v>15147</v>
      </c>
      <c r="T7" s="213">
        <v>9487</v>
      </c>
      <c r="U7" s="236">
        <v>37545</v>
      </c>
      <c r="V7" s="238">
        <v>37545</v>
      </c>
      <c r="W7" s="216">
        <v>0</v>
      </c>
      <c r="X7" s="213">
        <v>0</v>
      </c>
      <c r="Y7" s="236">
        <v>0</v>
      </c>
      <c r="Z7" s="216">
        <v>4</v>
      </c>
      <c r="AA7" s="212">
        <v>17</v>
      </c>
      <c r="AB7" s="212">
        <v>83</v>
      </c>
      <c r="AC7" s="212">
        <v>131</v>
      </c>
      <c r="AD7" s="213">
        <v>147</v>
      </c>
      <c r="AE7" s="236">
        <v>382</v>
      </c>
      <c r="AF7" s="215">
        <v>382</v>
      </c>
      <c r="AG7" s="216">
        <v>0</v>
      </c>
      <c r="AH7" s="213">
        <v>0</v>
      </c>
      <c r="AI7" s="236">
        <v>0</v>
      </c>
      <c r="AJ7" s="216">
        <v>1677</v>
      </c>
      <c r="AK7" s="212">
        <v>3296</v>
      </c>
      <c r="AL7" s="212">
        <v>4804</v>
      </c>
      <c r="AM7" s="212">
        <v>5788</v>
      </c>
      <c r="AN7" s="213">
        <v>2902</v>
      </c>
      <c r="AO7" s="236">
        <v>18467</v>
      </c>
      <c r="AP7" s="215">
        <v>18467</v>
      </c>
      <c r="AQ7" s="216">
        <v>0</v>
      </c>
      <c r="AR7" s="213">
        <v>0</v>
      </c>
      <c r="AS7" s="236">
        <v>0</v>
      </c>
      <c r="AT7" s="214">
        <v>1656</v>
      </c>
      <c r="AU7" s="212">
        <v>3251</v>
      </c>
      <c r="AV7" s="212">
        <v>4724</v>
      </c>
      <c r="AW7" s="212">
        <v>5698</v>
      </c>
      <c r="AX7" s="213">
        <v>2821</v>
      </c>
      <c r="AY7" s="236">
        <v>18150</v>
      </c>
      <c r="AZ7" s="237">
        <v>18150</v>
      </c>
      <c r="BA7" s="211">
        <v>0</v>
      </c>
      <c r="BB7" s="213">
        <v>0</v>
      </c>
      <c r="BC7" s="213">
        <v>0</v>
      </c>
      <c r="BD7" s="214">
        <v>21</v>
      </c>
      <c r="BE7" s="212">
        <v>45</v>
      </c>
      <c r="BF7" s="212">
        <v>80</v>
      </c>
      <c r="BG7" s="212">
        <v>90</v>
      </c>
      <c r="BH7" s="213">
        <v>81</v>
      </c>
      <c r="BI7" s="236">
        <v>317</v>
      </c>
      <c r="BJ7" s="238">
        <v>317</v>
      </c>
      <c r="BK7" s="216">
        <v>0</v>
      </c>
      <c r="BL7" s="213">
        <v>0</v>
      </c>
      <c r="BM7" s="213">
        <v>0</v>
      </c>
      <c r="BN7" s="214">
        <v>0</v>
      </c>
      <c r="BO7" s="212">
        <v>0</v>
      </c>
      <c r="BP7" s="212">
        <v>0</v>
      </c>
      <c r="BQ7" s="212">
        <v>0</v>
      </c>
      <c r="BR7" s="213">
        <v>0</v>
      </c>
      <c r="BS7" s="236">
        <v>0</v>
      </c>
      <c r="BT7" s="237">
        <v>0</v>
      </c>
      <c r="BU7" s="211">
        <v>0</v>
      </c>
      <c r="BV7" s="213">
        <v>0</v>
      </c>
      <c r="BW7" s="213">
        <v>0</v>
      </c>
      <c r="BX7" s="214">
        <v>0</v>
      </c>
      <c r="BY7" s="212">
        <v>0</v>
      </c>
      <c r="BZ7" s="212">
        <v>0</v>
      </c>
      <c r="CA7" s="212">
        <v>0</v>
      </c>
      <c r="CB7" s="213">
        <v>0</v>
      </c>
      <c r="CC7" s="236">
        <v>0</v>
      </c>
      <c r="CD7" s="238">
        <v>0</v>
      </c>
      <c r="CE7" s="216">
        <v>0</v>
      </c>
      <c r="CF7" s="213">
        <v>0</v>
      </c>
      <c r="CG7" s="213">
        <v>0</v>
      </c>
      <c r="CH7" s="214">
        <v>0</v>
      </c>
      <c r="CI7" s="212">
        <v>0</v>
      </c>
      <c r="CJ7" s="212">
        <v>0</v>
      </c>
      <c r="CK7" s="212">
        <v>0</v>
      </c>
      <c r="CL7" s="213">
        <v>0</v>
      </c>
      <c r="CM7" s="236">
        <v>0</v>
      </c>
      <c r="CN7" s="238">
        <v>0</v>
      </c>
      <c r="CO7" s="216">
        <v>0</v>
      </c>
      <c r="CP7" s="213">
        <v>0</v>
      </c>
      <c r="CQ7" s="213">
        <v>0</v>
      </c>
      <c r="CR7" s="214">
        <v>16</v>
      </c>
      <c r="CS7" s="212">
        <v>30</v>
      </c>
      <c r="CT7" s="212">
        <v>66</v>
      </c>
      <c r="CU7" s="212">
        <v>387</v>
      </c>
      <c r="CV7" s="213">
        <v>501</v>
      </c>
      <c r="CW7" s="236">
        <v>1000</v>
      </c>
      <c r="CX7" s="237">
        <v>1000</v>
      </c>
      <c r="CY7" s="211">
        <v>0</v>
      </c>
      <c r="CZ7" s="213">
        <v>0</v>
      </c>
      <c r="DA7" s="213">
        <v>0</v>
      </c>
      <c r="DB7" s="214">
        <v>15</v>
      </c>
      <c r="DC7" s="212">
        <v>29</v>
      </c>
      <c r="DD7" s="212">
        <v>65</v>
      </c>
      <c r="DE7" s="212">
        <v>381</v>
      </c>
      <c r="DF7" s="213">
        <v>489</v>
      </c>
      <c r="DG7" s="236">
        <v>979</v>
      </c>
      <c r="DH7" s="238">
        <v>979</v>
      </c>
      <c r="DI7" s="216">
        <v>0</v>
      </c>
      <c r="DJ7" s="213">
        <v>0</v>
      </c>
      <c r="DK7" s="213">
        <v>0</v>
      </c>
      <c r="DL7" s="214">
        <v>1</v>
      </c>
      <c r="DM7" s="212">
        <v>1</v>
      </c>
      <c r="DN7" s="212">
        <v>1</v>
      </c>
      <c r="DO7" s="212">
        <v>6</v>
      </c>
      <c r="DP7" s="213">
        <v>12</v>
      </c>
      <c r="DQ7" s="236">
        <v>21</v>
      </c>
      <c r="DR7" s="238">
        <v>21</v>
      </c>
      <c r="DS7" s="216">
        <v>0</v>
      </c>
      <c r="DT7" s="213">
        <v>0</v>
      </c>
      <c r="DU7" s="213">
        <v>0</v>
      </c>
      <c r="DV7" s="214">
        <v>2213</v>
      </c>
      <c r="DW7" s="212">
        <v>5090</v>
      </c>
      <c r="DX7" s="212">
        <v>15579</v>
      </c>
      <c r="DY7" s="212">
        <v>21419</v>
      </c>
      <c r="DZ7" s="213">
        <v>13023</v>
      </c>
      <c r="EA7" s="236">
        <v>57324</v>
      </c>
      <c r="EB7" s="238">
        <v>57324</v>
      </c>
      <c r="EC7" s="239"/>
    </row>
    <row r="8" spans="2:133" ht="21" customHeight="1" x14ac:dyDescent="0.2">
      <c r="B8" s="95" t="s">
        <v>5</v>
      </c>
      <c r="C8" s="217">
        <v>0</v>
      </c>
      <c r="D8" s="219">
        <v>0</v>
      </c>
      <c r="E8" s="219">
        <v>0</v>
      </c>
      <c r="F8" s="220">
        <v>296</v>
      </c>
      <c r="G8" s="218">
        <v>1191</v>
      </c>
      <c r="H8" s="218">
        <v>4817</v>
      </c>
      <c r="I8" s="218">
        <v>6414</v>
      </c>
      <c r="J8" s="219">
        <v>4096</v>
      </c>
      <c r="K8" s="240">
        <v>16814</v>
      </c>
      <c r="L8" s="241">
        <v>16814</v>
      </c>
      <c r="M8" s="217">
        <v>0</v>
      </c>
      <c r="N8" s="219">
        <v>0</v>
      </c>
      <c r="O8" s="240">
        <v>0</v>
      </c>
      <c r="P8" s="220">
        <v>296</v>
      </c>
      <c r="Q8" s="218">
        <v>1181</v>
      </c>
      <c r="R8" s="218">
        <v>4773</v>
      </c>
      <c r="S8" s="218">
        <v>6363</v>
      </c>
      <c r="T8" s="219">
        <v>4021</v>
      </c>
      <c r="U8" s="240">
        <v>16634</v>
      </c>
      <c r="V8" s="242">
        <v>16634</v>
      </c>
      <c r="W8" s="222">
        <v>0</v>
      </c>
      <c r="X8" s="219">
        <v>0</v>
      </c>
      <c r="Y8" s="240">
        <v>0</v>
      </c>
      <c r="Z8" s="222">
        <v>0</v>
      </c>
      <c r="AA8" s="218">
        <v>10</v>
      </c>
      <c r="AB8" s="218">
        <v>44</v>
      </c>
      <c r="AC8" s="218">
        <v>51</v>
      </c>
      <c r="AD8" s="219">
        <v>75</v>
      </c>
      <c r="AE8" s="240">
        <v>180</v>
      </c>
      <c r="AF8" s="221">
        <v>180</v>
      </c>
      <c r="AG8" s="222">
        <v>0</v>
      </c>
      <c r="AH8" s="219">
        <v>0</v>
      </c>
      <c r="AI8" s="240">
        <v>0</v>
      </c>
      <c r="AJ8" s="222">
        <v>566</v>
      </c>
      <c r="AK8" s="218">
        <v>1517</v>
      </c>
      <c r="AL8" s="218">
        <v>2133</v>
      </c>
      <c r="AM8" s="218">
        <v>2630</v>
      </c>
      <c r="AN8" s="219">
        <v>1403</v>
      </c>
      <c r="AO8" s="240">
        <v>8249</v>
      </c>
      <c r="AP8" s="221">
        <v>8249</v>
      </c>
      <c r="AQ8" s="222">
        <v>0</v>
      </c>
      <c r="AR8" s="219">
        <v>0</v>
      </c>
      <c r="AS8" s="240">
        <v>0</v>
      </c>
      <c r="AT8" s="220">
        <v>565</v>
      </c>
      <c r="AU8" s="218">
        <v>1498</v>
      </c>
      <c r="AV8" s="218">
        <v>2110</v>
      </c>
      <c r="AW8" s="218">
        <v>2594</v>
      </c>
      <c r="AX8" s="219">
        <v>1367</v>
      </c>
      <c r="AY8" s="240">
        <v>8134</v>
      </c>
      <c r="AZ8" s="241">
        <v>8134</v>
      </c>
      <c r="BA8" s="217">
        <v>0</v>
      </c>
      <c r="BB8" s="219">
        <v>0</v>
      </c>
      <c r="BC8" s="219">
        <v>0</v>
      </c>
      <c r="BD8" s="220">
        <v>1</v>
      </c>
      <c r="BE8" s="218">
        <v>19</v>
      </c>
      <c r="BF8" s="218">
        <v>23</v>
      </c>
      <c r="BG8" s="218">
        <v>36</v>
      </c>
      <c r="BH8" s="219">
        <v>36</v>
      </c>
      <c r="BI8" s="240">
        <v>115</v>
      </c>
      <c r="BJ8" s="242">
        <v>115</v>
      </c>
      <c r="BK8" s="222">
        <v>0</v>
      </c>
      <c r="BL8" s="219">
        <v>0</v>
      </c>
      <c r="BM8" s="219">
        <v>0</v>
      </c>
      <c r="BN8" s="220">
        <v>0</v>
      </c>
      <c r="BO8" s="218">
        <v>0</v>
      </c>
      <c r="BP8" s="218">
        <v>0</v>
      </c>
      <c r="BQ8" s="218">
        <v>0</v>
      </c>
      <c r="BR8" s="219">
        <v>0</v>
      </c>
      <c r="BS8" s="240">
        <v>0</v>
      </c>
      <c r="BT8" s="241">
        <v>0</v>
      </c>
      <c r="BU8" s="217">
        <v>0</v>
      </c>
      <c r="BV8" s="219">
        <v>0</v>
      </c>
      <c r="BW8" s="219">
        <v>0</v>
      </c>
      <c r="BX8" s="220">
        <v>0</v>
      </c>
      <c r="BY8" s="218">
        <v>0</v>
      </c>
      <c r="BZ8" s="218">
        <v>0</v>
      </c>
      <c r="CA8" s="218">
        <v>0</v>
      </c>
      <c r="CB8" s="219">
        <v>0</v>
      </c>
      <c r="CC8" s="240">
        <v>0</v>
      </c>
      <c r="CD8" s="242">
        <v>0</v>
      </c>
      <c r="CE8" s="222">
        <v>0</v>
      </c>
      <c r="CF8" s="219">
        <v>0</v>
      </c>
      <c r="CG8" s="219">
        <v>0</v>
      </c>
      <c r="CH8" s="220">
        <v>0</v>
      </c>
      <c r="CI8" s="218">
        <v>0</v>
      </c>
      <c r="CJ8" s="218">
        <v>0</v>
      </c>
      <c r="CK8" s="218">
        <v>0</v>
      </c>
      <c r="CL8" s="219">
        <v>0</v>
      </c>
      <c r="CM8" s="240">
        <v>0</v>
      </c>
      <c r="CN8" s="242">
        <v>0</v>
      </c>
      <c r="CO8" s="222">
        <v>0</v>
      </c>
      <c r="CP8" s="219">
        <v>0</v>
      </c>
      <c r="CQ8" s="219">
        <v>0</v>
      </c>
      <c r="CR8" s="220">
        <v>3</v>
      </c>
      <c r="CS8" s="218">
        <v>4</v>
      </c>
      <c r="CT8" s="218">
        <v>13</v>
      </c>
      <c r="CU8" s="218">
        <v>118</v>
      </c>
      <c r="CV8" s="219">
        <v>126</v>
      </c>
      <c r="CW8" s="240">
        <v>264</v>
      </c>
      <c r="CX8" s="241">
        <v>264</v>
      </c>
      <c r="CY8" s="217">
        <v>0</v>
      </c>
      <c r="CZ8" s="219">
        <v>0</v>
      </c>
      <c r="DA8" s="219">
        <v>0</v>
      </c>
      <c r="DB8" s="220">
        <v>3</v>
      </c>
      <c r="DC8" s="218">
        <v>4</v>
      </c>
      <c r="DD8" s="218">
        <v>13</v>
      </c>
      <c r="DE8" s="218">
        <v>116</v>
      </c>
      <c r="DF8" s="219">
        <v>124</v>
      </c>
      <c r="DG8" s="240">
        <v>260</v>
      </c>
      <c r="DH8" s="242">
        <v>260</v>
      </c>
      <c r="DI8" s="222">
        <v>0</v>
      </c>
      <c r="DJ8" s="219">
        <v>0</v>
      </c>
      <c r="DK8" s="219">
        <v>0</v>
      </c>
      <c r="DL8" s="220">
        <v>0</v>
      </c>
      <c r="DM8" s="218">
        <v>0</v>
      </c>
      <c r="DN8" s="218">
        <v>0</v>
      </c>
      <c r="DO8" s="218">
        <v>2</v>
      </c>
      <c r="DP8" s="219">
        <v>2</v>
      </c>
      <c r="DQ8" s="240">
        <v>4</v>
      </c>
      <c r="DR8" s="242">
        <v>4</v>
      </c>
      <c r="DS8" s="222">
        <v>0</v>
      </c>
      <c r="DT8" s="219">
        <v>0</v>
      </c>
      <c r="DU8" s="219">
        <v>0</v>
      </c>
      <c r="DV8" s="220">
        <v>865</v>
      </c>
      <c r="DW8" s="218">
        <v>2712</v>
      </c>
      <c r="DX8" s="218">
        <v>6963</v>
      </c>
      <c r="DY8" s="218">
        <v>9162</v>
      </c>
      <c r="DZ8" s="219">
        <v>5625</v>
      </c>
      <c r="EA8" s="240">
        <v>25327</v>
      </c>
      <c r="EB8" s="242">
        <v>25327</v>
      </c>
      <c r="EC8" s="239"/>
    </row>
    <row r="9" spans="2:133" ht="21" customHeight="1" x14ac:dyDescent="0.2">
      <c r="B9" s="106" t="s">
        <v>6</v>
      </c>
      <c r="C9" s="217">
        <v>0</v>
      </c>
      <c r="D9" s="219">
        <v>0</v>
      </c>
      <c r="E9" s="219">
        <v>0</v>
      </c>
      <c r="F9" s="220">
        <v>114</v>
      </c>
      <c r="G9" s="218">
        <v>231</v>
      </c>
      <c r="H9" s="218">
        <v>1339</v>
      </c>
      <c r="I9" s="218">
        <v>1805</v>
      </c>
      <c r="J9" s="219">
        <v>1265</v>
      </c>
      <c r="K9" s="240">
        <v>4754</v>
      </c>
      <c r="L9" s="241">
        <v>4754</v>
      </c>
      <c r="M9" s="217">
        <v>0</v>
      </c>
      <c r="N9" s="219">
        <v>0</v>
      </c>
      <c r="O9" s="240">
        <v>0</v>
      </c>
      <c r="P9" s="220">
        <v>113</v>
      </c>
      <c r="Q9" s="218">
        <v>229</v>
      </c>
      <c r="R9" s="218">
        <v>1328</v>
      </c>
      <c r="S9" s="218">
        <v>1793</v>
      </c>
      <c r="T9" s="219">
        <v>1246</v>
      </c>
      <c r="U9" s="240">
        <v>4709</v>
      </c>
      <c r="V9" s="242">
        <v>4709</v>
      </c>
      <c r="W9" s="222">
        <v>0</v>
      </c>
      <c r="X9" s="219">
        <v>0</v>
      </c>
      <c r="Y9" s="240">
        <v>0</v>
      </c>
      <c r="Z9" s="222">
        <v>1</v>
      </c>
      <c r="AA9" s="218">
        <v>2</v>
      </c>
      <c r="AB9" s="218">
        <v>11</v>
      </c>
      <c r="AC9" s="218">
        <v>12</v>
      </c>
      <c r="AD9" s="219">
        <v>19</v>
      </c>
      <c r="AE9" s="240">
        <v>45</v>
      </c>
      <c r="AF9" s="221">
        <v>45</v>
      </c>
      <c r="AG9" s="222">
        <v>0</v>
      </c>
      <c r="AH9" s="219">
        <v>0</v>
      </c>
      <c r="AI9" s="240">
        <v>0</v>
      </c>
      <c r="AJ9" s="222">
        <v>265</v>
      </c>
      <c r="AK9" s="218">
        <v>305</v>
      </c>
      <c r="AL9" s="218">
        <v>534</v>
      </c>
      <c r="AM9" s="218">
        <v>624</v>
      </c>
      <c r="AN9" s="219">
        <v>340</v>
      </c>
      <c r="AO9" s="240">
        <v>2068</v>
      </c>
      <c r="AP9" s="221">
        <v>2068</v>
      </c>
      <c r="AQ9" s="222">
        <v>0</v>
      </c>
      <c r="AR9" s="219">
        <v>0</v>
      </c>
      <c r="AS9" s="240">
        <v>0</v>
      </c>
      <c r="AT9" s="220">
        <v>258</v>
      </c>
      <c r="AU9" s="218">
        <v>300</v>
      </c>
      <c r="AV9" s="218">
        <v>516</v>
      </c>
      <c r="AW9" s="218">
        <v>611</v>
      </c>
      <c r="AX9" s="219">
        <v>321</v>
      </c>
      <c r="AY9" s="240">
        <v>2006</v>
      </c>
      <c r="AZ9" s="241">
        <v>2006</v>
      </c>
      <c r="BA9" s="217">
        <v>0</v>
      </c>
      <c r="BB9" s="219">
        <v>0</v>
      </c>
      <c r="BC9" s="219">
        <v>0</v>
      </c>
      <c r="BD9" s="220">
        <v>7</v>
      </c>
      <c r="BE9" s="218">
        <v>5</v>
      </c>
      <c r="BF9" s="218">
        <v>18</v>
      </c>
      <c r="BG9" s="218">
        <v>13</v>
      </c>
      <c r="BH9" s="219">
        <v>19</v>
      </c>
      <c r="BI9" s="240">
        <v>62</v>
      </c>
      <c r="BJ9" s="242">
        <v>62</v>
      </c>
      <c r="BK9" s="222">
        <v>0</v>
      </c>
      <c r="BL9" s="219">
        <v>0</v>
      </c>
      <c r="BM9" s="219">
        <v>0</v>
      </c>
      <c r="BN9" s="220">
        <v>0</v>
      </c>
      <c r="BO9" s="218">
        <v>0</v>
      </c>
      <c r="BP9" s="218">
        <v>0</v>
      </c>
      <c r="BQ9" s="218">
        <v>0</v>
      </c>
      <c r="BR9" s="219">
        <v>0</v>
      </c>
      <c r="BS9" s="240">
        <v>0</v>
      </c>
      <c r="BT9" s="241">
        <v>0</v>
      </c>
      <c r="BU9" s="217">
        <v>0</v>
      </c>
      <c r="BV9" s="219">
        <v>0</v>
      </c>
      <c r="BW9" s="219">
        <v>0</v>
      </c>
      <c r="BX9" s="220">
        <v>0</v>
      </c>
      <c r="BY9" s="218">
        <v>0</v>
      </c>
      <c r="BZ9" s="218">
        <v>0</v>
      </c>
      <c r="CA9" s="218">
        <v>0</v>
      </c>
      <c r="CB9" s="219">
        <v>0</v>
      </c>
      <c r="CC9" s="240">
        <v>0</v>
      </c>
      <c r="CD9" s="242">
        <v>0</v>
      </c>
      <c r="CE9" s="222">
        <v>0</v>
      </c>
      <c r="CF9" s="219">
        <v>0</v>
      </c>
      <c r="CG9" s="219">
        <v>0</v>
      </c>
      <c r="CH9" s="220">
        <v>0</v>
      </c>
      <c r="CI9" s="218">
        <v>0</v>
      </c>
      <c r="CJ9" s="218">
        <v>0</v>
      </c>
      <c r="CK9" s="218">
        <v>0</v>
      </c>
      <c r="CL9" s="219">
        <v>0</v>
      </c>
      <c r="CM9" s="240">
        <v>0</v>
      </c>
      <c r="CN9" s="242">
        <v>0</v>
      </c>
      <c r="CO9" s="222">
        <v>0</v>
      </c>
      <c r="CP9" s="219">
        <v>0</v>
      </c>
      <c r="CQ9" s="219">
        <v>0</v>
      </c>
      <c r="CR9" s="220">
        <v>0</v>
      </c>
      <c r="CS9" s="218">
        <v>0</v>
      </c>
      <c r="CT9" s="218">
        <v>3</v>
      </c>
      <c r="CU9" s="218">
        <v>38</v>
      </c>
      <c r="CV9" s="219">
        <v>50</v>
      </c>
      <c r="CW9" s="240">
        <v>91</v>
      </c>
      <c r="CX9" s="241">
        <v>91</v>
      </c>
      <c r="CY9" s="217">
        <v>0</v>
      </c>
      <c r="CZ9" s="219">
        <v>0</v>
      </c>
      <c r="DA9" s="219">
        <v>0</v>
      </c>
      <c r="DB9" s="220">
        <v>0</v>
      </c>
      <c r="DC9" s="218">
        <v>0</v>
      </c>
      <c r="DD9" s="218">
        <v>3</v>
      </c>
      <c r="DE9" s="218">
        <v>37</v>
      </c>
      <c r="DF9" s="219">
        <v>49</v>
      </c>
      <c r="DG9" s="240">
        <v>89</v>
      </c>
      <c r="DH9" s="242">
        <v>89</v>
      </c>
      <c r="DI9" s="222">
        <v>0</v>
      </c>
      <c r="DJ9" s="219">
        <v>0</v>
      </c>
      <c r="DK9" s="219">
        <v>0</v>
      </c>
      <c r="DL9" s="220">
        <v>0</v>
      </c>
      <c r="DM9" s="218">
        <v>0</v>
      </c>
      <c r="DN9" s="218">
        <v>0</v>
      </c>
      <c r="DO9" s="218">
        <v>1</v>
      </c>
      <c r="DP9" s="219">
        <v>1</v>
      </c>
      <c r="DQ9" s="240">
        <v>2</v>
      </c>
      <c r="DR9" s="242">
        <v>2</v>
      </c>
      <c r="DS9" s="222">
        <v>0</v>
      </c>
      <c r="DT9" s="219">
        <v>0</v>
      </c>
      <c r="DU9" s="219">
        <v>0</v>
      </c>
      <c r="DV9" s="220">
        <v>379</v>
      </c>
      <c r="DW9" s="218">
        <v>536</v>
      </c>
      <c r="DX9" s="218">
        <v>1876</v>
      </c>
      <c r="DY9" s="218">
        <v>2467</v>
      </c>
      <c r="DZ9" s="219">
        <v>1655</v>
      </c>
      <c r="EA9" s="240">
        <v>6913</v>
      </c>
      <c r="EB9" s="242">
        <v>6913</v>
      </c>
      <c r="EC9" s="239"/>
    </row>
    <row r="10" spans="2:133" ht="21" customHeight="1" x14ac:dyDescent="0.2">
      <c r="B10" s="106" t="s">
        <v>14</v>
      </c>
      <c r="C10" s="217">
        <v>0</v>
      </c>
      <c r="D10" s="219">
        <v>0</v>
      </c>
      <c r="E10" s="219">
        <v>0</v>
      </c>
      <c r="F10" s="220">
        <v>9</v>
      </c>
      <c r="G10" s="218">
        <v>40</v>
      </c>
      <c r="H10" s="218">
        <v>886</v>
      </c>
      <c r="I10" s="218">
        <v>1277</v>
      </c>
      <c r="J10" s="219">
        <v>743</v>
      </c>
      <c r="K10" s="240">
        <v>2955</v>
      </c>
      <c r="L10" s="241">
        <v>2955</v>
      </c>
      <c r="M10" s="217">
        <v>0</v>
      </c>
      <c r="N10" s="219">
        <v>0</v>
      </c>
      <c r="O10" s="240">
        <v>0</v>
      </c>
      <c r="P10" s="220">
        <v>9</v>
      </c>
      <c r="Q10" s="218">
        <v>40</v>
      </c>
      <c r="R10" s="218">
        <v>880</v>
      </c>
      <c r="S10" s="218">
        <v>1265</v>
      </c>
      <c r="T10" s="219">
        <v>736</v>
      </c>
      <c r="U10" s="240">
        <v>2930</v>
      </c>
      <c r="V10" s="242">
        <v>2930</v>
      </c>
      <c r="W10" s="222">
        <v>0</v>
      </c>
      <c r="X10" s="219">
        <v>0</v>
      </c>
      <c r="Y10" s="240">
        <v>0</v>
      </c>
      <c r="Z10" s="222">
        <v>0</v>
      </c>
      <c r="AA10" s="218">
        <v>0</v>
      </c>
      <c r="AB10" s="218">
        <v>6</v>
      </c>
      <c r="AC10" s="218">
        <v>12</v>
      </c>
      <c r="AD10" s="219">
        <v>7</v>
      </c>
      <c r="AE10" s="240">
        <v>25</v>
      </c>
      <c r="AF10" s="221">
        <v>25</v>
      </c>
      <c r="AG10" s="222">
        <v>0</v>
      </c>
      <c r="AH10" s="219">
        <v>0</v>
      </c>
      <c r="AI10" s="240">
        <v>0</v>
      </c>
      <c r="AJ10" s="222">
        <v>82</v>
      </c>
      <c r="AK10" s="218">
        <v>205</v>
      </c>
      <c r="AL10" s="218">
        <v>301</v>
      </c>
      <c r="AM10" s="218">
        <v>409</v>
      </c>
      <c r="AN10" s="219">
        <v>167</v>
      </c>
      <c r="AO10" s="240">
        <v>1164</v>
      </c>
      <c r="AP10" s="221">
        <v>1164</v>
      </c>
      <c r="AQ10" s="222">
        <v>0</v>
      </c>
      <c r="AR10" s="219">
        <v>0</v>
      </c>
      <c r="AS10" s="240">
        <v>0</v>
      </c>
      <c r="AT10" s="220">
        <v>82</v>
      </c>
      <c r="AU10" s="218">
        <v>199</v>
      </c>
      <c r="AV10" s="218">
        <v>294</v>
      </c>
      <c r="AW10" s="218">
        <v>400</v>
      </c>
      <c r="AX10" s="219">
        <v>166</v>
      </c>
      <c r="AY10" s="240">
        <v>1141</v>
      </c>
      <c r="AZ10" s="241">
        <v>1141</v>
      </c>
      <c r="BA10" s="217">
        <v>0</v>
      </c>
      <c r="BB10" s="219">
        <v>0</v>
      </c>
      <c r="BC10" s="219">
        <v>0</v>
      </c>
      <c r="BD10" s="220">
        <v>0</v>
      </c>
      <c r="BE10" s="218">
        <v>6</v>
      </c>
      <c r="BF10" s="218">
        <v>7</v>
      </c>
      <c r="BG10" s="218">
        <v>9</v>
      </c>
      <c r="BH10" s="219">
        <v>1</v>
      </c>
      <c r="BI10" s="240">
        <v>23</v>
      </c>
      <c r="BJ10" s="242">
        <v>23</v>
      </c>
      <c r="BK10" s="222">
        <v>0</v>
      </c>
      <c r="BL10" s="219">
        <v>0</v>
      </c>
      <c r="BM10" s="219">
        <v>0</v>
      </c>
      <c r="BN10" s="220">
        <v>0</v>
      </c>
      <c r="BO10" s="218">
        <v>0</v>
      </c>
      <c r="BP10" s="218">
        <v>0</v>
      </c>
      <c r="BQ10" s="218">
        <v>0</v>
      </c>
      <c r="BR10" s="219">
        <v>0</v>
      </c>
      <c r="BS10" s="240">
        <v>0</v>
      </c>
      <c r="BT10" s="241">
        <v>0</v>
      </c>
      <c r="BU10" s="217">
        <v>0</v>
      </c>
      <c r="BV10" s="219">
        <v>0</v>
      </c>
      <c r="BW10" s="219">
        <v>0</v>
      </c>
      <c r="BX10" s="220">
        <v>0</v>
      </c>
      <c r="BY10" s="218">
        <v>0</v>
      </c>
      <c r="BZ10" s="218">
        <v>0</v>
      </c>
      <c r="CA10" s="218">
        <v>0</v>
      </c>
      <c r="CB10" s="219">
        <v>0</v>
      </c>
      <c r="CC10" s="240">
        <v>0</v>
      </c>
      <c r="CD10" s="242">
        <v>0</v>
      </c>
      <c r="CE10" s="222">
        <v>0</v>
      </c>
      <c r="CF10" s="219">
        <v>0</v>
      </c>
      <c r="CG10" s="219">
        <v>0</v>
      </c>
      <c r="CH10" s="220">
        <v>0</v>
      </c>
      <c r="CI10" s="218">
        <v>0</v>
      </c>
      <c r="CJ10" s="218">
        <v>0</v>
      </c>
      <c r="CK10" s="218">
        <v>0</v>
      </c>
      <c r="CL10" s="219">
        <v>0</v>
      </c>
      <c r="CM10" s="240">
        <v>0</v>
      </c>
      <c r="CN10" s="242">
        <v>0</v>
      </c>
      <c r="CO10" s="222">
        <v>0</v>
      </c>
      <c r="CP10" s="219">
        <v>0</v>
      </c>
      <c r="CQ10" s="219">
        <v>0</v>
      </c>
      <c r="CR10" s="220">
        <v>1</v>
      </c>
      <c r="CS10" s="218">
        <v>0</v>
      </c>
      <c r="CT10" s="218">
        <v>15</v>
      </c>
      <c r="CU10" s="218">
        <v>105</v>
      </c>
      <c r="CV10" s="219">
        <v>98</v>
      </c>
      <c r="CW10" s="240">
        <v>219</v>
      </c>
      <c r="CX10" s="241">
        <v>219</v>
      </c>
      <c r="CY10" s="217">
        <v>0</v>
      </c>
      <c r="CZ10" s="219">
        <v>0</v>
      </c>
      <c r="DA10" s="219">
        <v>0</v>
      </c>
      <c r="DB10" s="220">
        <v>1</v>
      </c>
      <c r="DC10" s="218">
        <v>0</v>
      </c>
      <c r="DD10" s="218">
        <v>14</v>
      </c>
      <c r="DE10" s="218">
        <v>105</v>
      </c>
      <c r="DF10" s="219">
        <v>95</v>
      </c>
      <c r="DG10" s="240">
        <v>215</v>
      </c>
      <c r="DH10" s="242">
        <v>215</v>
      </c>
      <c r="DI10" s="222">
        <v>0</v>
      </c>
      <c r="DJ10" s="219">
        <v>0</v>
      </c>
      <c r="DK10" s="219">
        <v>0</v>
      </c>
      <c r="DL10" s="220">
        <v>0</v>
      </c>
      <c r="DM10" s="218">
        <v>0</v>
      </c>
      <c r="DN10" s="218">
        <v>1</v>
      </c>
      <c r="DO10" s="218">
        <v>0</v>
      </c>
      <c r="DP10" s="219">
        <v>3</v>
      </c>
      <c r="DQ10" s="240">
        <v>4</v>
      </c>
      <c r="DR10" s="242">
        <v>4</v>
      </c>
      <c r="DS10" s="222">
        <v>0</v>
      </c>
      <c r="DT10" s="219">
        <v>0</v>
      </c>
      <c r="DU10" s="219">
        <v>0</v>
      </c>
      <c r="DV10" s="220">
        <v>92</v>
      </c>
      <c r="DW10" s="218">
        <v>245</v>
      </c>
      <c r="DX10" s="218">
        <v>1199</v>
      </c>
      <c r="DY10" s="218">
        <v>1783</v>
      </c>
      <c r="DZ10" s="219">
        <v>1004</v>
      </c>
      <c r="EA10" s="240">
        <v>4323</v>
      </c>
      <c r="EB10" s="242">
        <v>4323</v>
      </c>
      <c r="EC10" s="239"/>
    </row>
    <row r="11" spans="2:133" ht="21" customHeight="1" x14ac:dyDescent="0.2">
      <c r="B11" s="106" t="s">
        <v>7</v>
      </c>
      <c r="C11" s="217">
        <v>0</v>
      </c>
      <c r="D11" s="219">
        <v>0</v>
      </c>
      <c r="E11" s="219">
        <v>0</v>
      </c>
      <c r="F11" s="220">
        <v>25</v>
      </c>
      <c r="G11" s="218">
        <v>47</v>
      </c>
      <c r="H11" s="218">
        <v>646</v>
      </c>
      <c r="I11" s="218">
        <v>942</v>
      </c>
      <c r="J11" s="219">
        <v>536</v>
      </c>
      <c r="K11" s="240">
        <v>2196</v>
      </c>
      <c r="L11" s="241">
        <v>2196</v>
      </c>
      <c r="M11" s="217">
        <v>0</v>
      </c>
      <c r="N11" s="219">
        <v>0</v>
      </c>
      <c r="O11" s="240">
        <v>0</v>
      </c>
      <c r="P11" s="220">
        <v>24</v>
      </c>
      <c r="Q11" s="218">
        <v>45</v>
      </c>
      <c r="R11" s="218">
        <v>640</v>
      </c>
      <c r="S11" s="218">
        <v>927</v>
      </c>
      <c r="T11" s="219">
        <v>530</v>
      </c>
      <c r="U11" s="240">
        <v>2166</v>
      </c>
      <c r="V11" s="242">
        <v>2166</v>
      </c>
      <c r="W11" s="222">
        <v>0</v>
      </c>
      <c r="X11" s="219">
        <v>0</v>
      </c>
      <c r="Y11" s="240">
        <v>0</v>
      </c>
      <c r="Z11" s="222">
        <v>1</v>
      </c>
      <c r="AA11" s="218">
        <v>2</v>
      </c>
      <c r="AB11" s="218">
        <v>6</v>
      </c>
      <c r="AC11" s="218">
        <v>15</v>
      </c>
      <c r="AD11" s="219">
        <v>6</v>
      </c>
      <c r="AE11" s="240">
        <v>30</v>
      </c>
      <c r="AF11" s="221">
        <v>30</v>
      </c>
      <c r="AG11" s="222">
        <v>0</v>
      </c>
      <c r="AH11" s="219">
        <v>0</v>
      </c>
      <c r="AI11" s="240">
        <v>0</v>
      </c>
      <c r="AJ11" s="222">
        <v>182</v>
      </c>
      <c r="AK11" s="218">
        <v>175</v>
      </c>
      <c r="AL11" s="218">
        <v>269</v>
      </c>
      <c r="AM11" s="218">
        <v>281</v>
      </c>
      <c r="AN11" s="219">
        <v>101</v>
      </c>
      <c r="AO11" s="240">
        <v>1008</v>
      </c>
      <c r="AP11" s="221">
        <v>1008</v>
      </c>
      <c r="AQ11" s="222">
        <v>0</v>
      </c>
      <c r="AR11" s="219">
        <v>0</v>
      </c>
      <c r="AS11" s="240">
        <v>0</v>
      </c>
      <c r="AT11" s="220">
        <v>180</v>
      </c>
      <c r="AU11" s="218">
        <v>172</v>
      </c>
      <c r="AV11" s="218">
        <v>264</v>
      </c>
      <c r="AW11" s="218">
        <v>273</v>
      </c>
      <c r="AX11" s="219">
        <v>101</v>
      </c>
      <c r="AY11" s="240">
        <v>990</v>
      </c>
      <c r="AZ11" s="241">
        <v>990</v>
      </c>
      <c r="BA11" s="217">
        <v>0</v>
      </c>
      <c r="BB11" s="219">
        <v>0</v>
      </c>
      <c r="BC11" s="219">
        <v>0</v>
      </c>
      <c r="BD11" s="220">
        <v>2</v>
      </c>
      <c r="BE11" s="218">
        <v>3</v>
      </c>
      <c r="BF11" s="218">
        <v>5</v>
      </c>
      <c r="BG11" s="218">
        <v>8</v>
      </c>
      <c r="BH11" s="219">
        <v>0</v>
      </c>
      <c r="BI11" s="240">
        <v>18</v>
      </c>
      <c r="BJ11" s="242">
        <v>18</v>
      </c>
      <c r="BK11" s="222">
        <v>0</v>
      </c>
      <c r="BL11" s="219">
        <v>0</v>
      </c>
      <c r="BM11" s="219">
        <v>0</v>
      </c>
      <c r="BN11" s="220">
        <v>0</v>
      </c>
      <c r="BO11" s="218">
        <v>0</v>
      </c>
      <c r="BP11" s="218">
        <v>0</v>
      </c>
      <c r="BQ11" s="218">
        <v>0</v>
      </c>
      <c r="BR11" s="219">
        <v>0</v>
      </c>
      <c r="BS11" s="240">
        <v>0</v>
      </c>
      <c r="BT11" s="241">
        <v>0</v>
      </c>
      <c r="BU11" s="217">
        <v>0</v>
      </c>
      <c r="BV11" s="219">
        <v>0</v>
      </c>
      <c r="BW11" s="219">
        <v>0</v>
      </c>
      <c r="BX11" s="220">
        <v>0</v>
      </c>
      <c r="BY11" s="218">
        <v>0</v>
      </c>
      <c r="BZ11" s="218">
        <v>0</v>
      </c>
      <c r="CA11" s="218">
        <v>0</v>
      </c>
      <c r="CB11" s="219">
        <v>0</v>
      </c>
      <c r="CC11" s="240">
        <v>0</v>
      </c>
      <c r="CD11" s="242">
        <v>0</v>
      </c>
      <c r="CE11" s="222">
        <v>0</v>
      </c>
      <c r="CF11" s="219">
        <v>0</v>
      </c>
      <c r="CG11" s="219">
        <v>0</v>
      </c>
      <c r="CH11" s="220">
        <v>0</v>
      </c>
      <c r="CI11" s="218">
        <v>0</v>
      </c>
      <c r="CJ11" s="218">
        <v>0</v>
      </c>
      <c r="CK11" s="218">
        <v>0</v>
      </c>
      <c r="CL11" s="219">
        <v>0</v>
      </c>
      <c r="CM11" s="240">
        <v>0</v>
      </c>
      <c r="CN11" s="242">
        <v>0</v>
      </c>
      <c r="CO11" s="222">
        <v>0</v>
      </c>
      <c r="CP11" s="219">
        <v>0</v>
      </c>
      <c r="CQ11" s="219">
        <v>0</v>
      </c>
      <c r="CR11" s="220">
        <v>0</v>
      </c>
      <c r="CS11" s="218">
        <v>0</v>
      </c>
      <c r="CT11" s="218">
        <v>2</v>
      </c>
      <c r="CU11" s="218">
        <v>4</v>
      </c>
      <c r="CV11" s="219">
        <v>2</v>
      </c>
      <c r="CW11" s="240">
        <v>8</v>
      </c>
      <c r="CX11" s="241">
        <v>8</v>
      </c>
      <c r="CY11" s="217">
        <v>0</v>
      </c>
      <c r="CZ11" s="219">
        <v>0</v>
      </c>
      <c r="DA11" s="219">
        <v>0</v>
      </c>
      <c r="DB11" s="220">
        <v>0</v>
      </c>
      <c r="DC11" s="218">
        <v>0</v>
      </c>
      <c r="DD11" s="218">
        <v>2</v>
      </c>
      <c r="DE11" s="218">
        <v>4</v>
      </c>
      <c r="DF11" s="219">
        <v>2</v>
      </c>
      <c r="DG11" s="240">
        <v>8</v>
      </c>
      <c r="DH11" s="242">
        <v>8</v>
      </c>
      <c r="DI11" s="222">
        <v>0</v>
      </c>
      <c r="DJ11" s="219">
        <v>0</v>
      </c>
      <c r="DK11" s="219">
        <v>0</v>
      </c>
      <c r="DL11" s="220">
        <v>0</v>
      </c>
      <c r="DM11" s="218">
        <v>0</v>
      </c>
      <c r="DN11" s="218">
        <v>0</v>
      </c>
      <c r="DO11" s="218">
        <v>0</v>
      </c>
      <c r="DP11" s="219">
        <v>0</v>
      </c>
      <c r="DQ11" s="240">
        <v>0</v>
      </c>
      <c r="DR11" s="242">
        <v>0</v>
      </c>
      <c r="DS11" s="222">
        <v>0</v>
      </c>
      <c r="DT11" s="219">
        <v>0</v>
      </c>
      <c r="DU11" s="219">
        <v>0</v>
      </c>
      <c r="DV11" s="220">
        <v>207</v>
      </c>
      <c r="DW11" s="218">
        <v>222</v>
      </c>
      <c r="DX11" s="218">
        <v>913</v>
      </c>
      <c r="DY11" s="218">
        <v>1220</v>
      </c>
      <c r="DZ11" s="219">
        <v>637</v>
      </c>
      <c r="EA11" s="240">
        <v>3199</v>
      </c>
      <c r="EB11" s="242">
        <v>3199</v>
      </c>
      <c r="EC11" s="239"/>
    </row>
    <row r="12" spans="2:133" ht="21" customHeight="1" x14ac:dyDescent="0.2">
      <c r="B12" s="106" t="s">
        <v>8</v>
      </c>
      <c r="C12" s="217">
        <v>0</v>
      </c>
      <c r="D12" s="219">
        <v>0</v>
      </c>
      <c r="E12" s="219">
        <v>0</v>
      </c>
      <c r="F12" s="220">
        <v>10</v>
      </c>
      <c r="G12" s="218">
        <v>52</v>
      </c>
      <c r="H12" s="218">
        <v>386</v>
      </c>
      <c r="I12" s="218">
        <v>447</v>
      </c>
      <c r="J12" s="219">
        <v>254</v>
      </c>
      <c r="K12" s="240">
        <v>1149</v>
      </c>
      <c r="L12" s="241">
        <v>1149</v>
      </c>
      <c r="M12" s="217">
        <v>0</v>
      </c>
      <c r="N12" s="219">
        <v>0</v>
      </c>
      <c r="O12" s="240">
        <v>0</v>
      </c>
      <c r="P12" s="220">
        <v>10</v>
      </c>
      <c r="Q12" s="218">
        <v>51</v>
      </c>
      <c r="R12" s="218">
        <v>384</v>
      </c>
      <c r="S12" s="218">
        <v>443</v>
      </c>
      <c r="T12" s="219">
        <v>250</v>
      </c>
      <c r="U12" s="240">
        <v>1138</v>
      </c>
      <c r="V12" s="242">
        <v>1138</v>
      </c>
      <c r="W12" s="222">
        <v>0</v>
      </c>
      <c r="X12" s="219">
        <v>0</v>
      </c>
      <c r="Y12" s="240">
        <v>0</v>
      </c>
      <c r="Z12" s="222">
        <v>0</v>
      </c>
      <c r="AA12" s="218">
        <v>1</v>
      </c>
      <c r="AB12" s="218">
        <v>2</v>
      </c>
      <c r="AC12" s="218">
        <v>4</v>
      </c>
      <c r="AD12" s="219">
        <v>4</v>
      </c>
      <c r="AE12" s="240">
        <v>11</v>
      </c>
      <c r="AF12" s="221">
        <v>11</v>
      </c>
      <c r="AG12" s="222">
        <v>0</v>
      </c>
      <c r="AH12" s="219">
        <v>0</v>
      </c>
      <c r="AI12" s="240">
        <v>0</v>
      </c>
      <c r="AJ12" s="222">
        <v>43</v>
      </c>
      <c r="AK12" s="218">
        <v>80</v>
      </c>
      <c r="AL12" s="218">
        <v>134</v>
      </c>
      <c r="AM12" s="218">
        <v>153</v>
      </c>
      <c r="AN12" s="219">
        <v>86</v>
      </c>
      <c r="AO12" s="240">
        <v>496</v>
      </c>
      <c r="AP12" s="221">
        <v>496</v>
      </c>
      <c r="AQ12" s="222">
        <v>0</v>
      </c>
      <c r="AR12" s="219">
        <v>0</v>
      </c>
      <c r="AS12" s="240">
        <v>0</v>
      </c>
      <c r="AT12" s="220">
        <v>42</v>
      </c>
      <c r="AU12" s="218">
        <v>80</v>
      </c>
      <c r="AV12" s="218">
        <v>131</v>
      </c>
      <c r="AW12" s="218">
        <v>152</v>
      </c>
      <c r="AX12" s="219">
        <v>84</v>
      </c>
      <c r="AY12" s="240">
        <v>489</v>
      </c>
      <c r="AZ12" s="241">
        <v>489</v>
      </c>
      <c r="BA12" s="217">
        <v>0</v>
      </c>
      <c r="BB12" s="219">
        <v>0</v>
      </c>
      <c r="BC12" s="219">
        <v>0</v>
      </c>
      <c r="BD12" s="220">
        <v>1</v>
      </c>
      <c r="BE12" s="218">
        <v>0</v>
      </c>
      <c r="BF12" s="218">
        <v>3</v>
      </c>
      <c r="BG12" s="218">
        <v>1</v>
      </c>
      <c r="BH12" s="219">
        <v>2</v>
      </c>
      <c r="BI12" s="240">
        <v>7</v>
      </c>
      <c r="BJ12" s="242">
        <v>7</v>
      </c>
      <c r="BK12" s="222">
        <v>0</v>
      </c>
      <c r="BL12" s="219">
        <v>0</v>
      </c>
      <c r="BM12" s="219">
        <v>0</v>
      </c>
      <c r="BN12" s="220">
        <v>0</v>
      </c>
      <c r="BO12" s="218">
        <v>0</v>
      </c>
      <c r="BP12" s="218">
        <v>0</v>
      </c>
      <c r="BQ12" s="218">
        <v>0</v>
      </c>
      <c r="BR12" s="219">
        <v>0</v>
      </c>
      <c r="BS12" s="240">
        <v>0</v>
      </c>
      <c r="BT12" s="241">
        <v>0</v>
      </c>
      <c r="BU12" s="217">
        <v>0</v>
      </c>
      <c r="BV12" s="219">
        <v>0</v>
      </c>
      <c r="BW12" s="219">
        <v>0</v>
      </c>
      <c r="BX12" s="220">
        <v>0</v>
      </c>
      <c r="BY12" s="218">
        <v>0</v>
      </c>
      <c r="BZ12" s="218">
        <v>0</v>
      </c>
      <c r="CA12" s="218">
        <v>0</v>
      </c>
      <c r="CB12" s="219">
        <v>0</v>
      </c>
      <c r="CC12" s="240">
        <v>0</v>
      </c>
      <c r="CD12" s="242">
        <v>0</v>
      </c>
      <c r="CE12" s="222">
        <v>0</v>
      </c>
      <c r="CF12" s="219">
        <v>0</v>
      </c>
      <c r="CG12" s="219">
        <v>0</v>
      </c>
      <c r="CH12" s="220">
        <v>0</v>
      </c>
      <c r="CI12" s="218">
        <v>0</v>
      </c>
      <c r="CJ12" s="218">
        <v>0</v>
      </c>
      <c r="CK12" s="218">
        <v>0</v>
      </c>
      <c r="CL12" s="219">
        <v>0</v>
      </c>
      <c r="CM12" s="240">
        <v>0</v>
      </c>
      <c r="CN12" s="242">
        <v>0</v>
      </c>
      <c r="CO12" s="222">
        <v>0</v>
      </c>
      <c r="CP12" s="219">
        <v>0</v>
      </c>
      <c r="CQ12" s="219">
        <v>0</v>
      </c>
      <c r="CR12" s="220">
        <v>0</v>
      </c>
      <c r="CS12" s="218">
        <v>1</v>
      </c>
      <c r="CT12" s="218">
        <v>1</v>
      </c>
      <c r="CU12" s="218">
        <v>8</v>
      </c>
      <c r="CV12" s="219">
        <v>9</v>
      </c>
      <c r="CW12" s="240">
        <v>19</v>
      </c>
      <c r="CX12" s="241">
        <v>19</v>
      </c>
      <c r="CY12" s="217">
        <v>0</v>
      </c>
      <c r="CZ12" s="219">
        <v>0</v>
      </c>
      <c r="DA12" s="219">
        <v>0</v>
      </c>
      <c r="DB12" s="220">
        <v>0</v>
      </c>
      <c r="DC12" s="218">
        <v>0</v>
      </c>
      <c r="DD12" s="218">
        <v>1</v>
      </c>
      <c r="DE12" s="218">
        <v>8</v>
      </c>
      <c r="DF12" s="219">
        <v>9</v>
      </c>
      <c r="DG12" s="240">
        <v>18</v>
      </c>
      <c r="DH12" s="242">
        <v>18</v>
      </c>
      <c r="DI12" s="222">
        <v>0</v>
      </c>
      <c r="DJ12" s="219">
        <v>0</v>
      </c>
      <c r="DK12" s="219">
        <v>0</v>
      </c>
      <c r="DL12" s="220">
        <v>0</v>
      </c>
      <c r="DM12" s="218">
        <v>1</v>
      </c>
      <c r="DN12" s="218">
        <v>0</v>
      </c>
      <c r="DO12" s="218">
        <v>0</v>
      </c>
      <c r="DP12" s="219">
        <v>0</v>
      </c>
      <c r="DQ12" s="240">
        <v>1</v>
      </c>
      <c r="DR12" s="242">
        <v>1</v>
      </c>
      <c r="DS12" s="222">
        <v>0</v>
      </c>
      <c r="DT12" s="219">
        <v>0</v>
      </c>
      <c r="DU12" s="219">
        <v>0</v>
      </c>
      <c r="DV12" s="220">
        <v>53</v>
      </c>
      <c r="DW12" s="218">
        <v>133</v>
      </c>
      <c r="DX12" s="218">
        <v>521</v>
      </c>
      <c r="DY12" s="218">
        <v>608</v>
      </c>
      <c r="DZ12" s="219">
        <v>349</v>
      </c>
      <c r="EA12" s="240">
        <v>1664</v>
      </c>
      <c r="EB12" s="242">
        <v>1664</v>
      </c>
      <c r="EC12" s="239"/>
    </row>
    <row r="13" spans="2:133" ht="21" customHeight="1" x14ac:dyDescent="0.2">
      <c r="B13" s="106" t="s">
        <v>9</v>
      </c>
      <c r="C13" s="217">
        <v>0</v>
      </c>
      <c r="D13" s="219">
        <v>0</v>
      </c>
      <c r="E13" s="219">
        <v>0</v>
      </c>
      <c r="F13" s="220">
        <v>2</v>
      </c>
      <c r="G13" s="218">
        <v>7</v>
      </c>
      <c r="H13" s="218">
        <v>218</v>
      </c>
      <c r="I13" s="218">
        <v>343</v>
      </c>
      <c r="J13" s="219">
        <v>262</v>
      </c>
      <c r="K13" s="240">
        <v>832</v>
      </c>
      <c r="L13" s="241">
        <v>832</v>
      </c>
      <c r="M13" s="217">
        <v>0</v>
      </c>
      <c r="N13" s="219">
        <v>0</v>
      </c>
      <c r="O13" s="240">
        <v>0</v>
      </c>
      <c r="P13" s="220">
        <v>2</v>
      </c>
      <c r="Q13" s="218">
        <v>7</v>
      </c>
      <c r="R13" s="218">
        <v>218</v>
      </c>
      <c r="S13" s="218">
        <v>339</v>
      </c>
      <c r="T13" s="219">
        <v>261</v>
      </c>
      <c r="U13" s="240">
        <v>827</v>
      </c>
      <c r="V13" s="242">
        <v>827</v>
      </c>
      <c r="W13" s="222">
        <v>0</v>
      </c>
      <c r="X13" s="219">
        <v>0</v>
      </c>
      <c r="Y13" s="240">
        <v>0</v>
      </c>
      <c r="Z13" s="222">
        <v>0</v>
      </c>
      <c r="AA13" s="218">
        <v>0</v>
      </c>
      <c r="AB13" s="218">
        <v>0</v>
      </c>
      <c r="AC13" s="218">
        <v>4</v>
      </c>
      <c r="AD13" s="219">
        <v>1</v>
      </c>
      <c r="AE13" s="240">
        <v>5</v>
      </c>
      <c r="AF13" s="221">
        <v>5</v>
      </c>
      <c r="AG13" s="222">
        <v>0</v>
      </c>
      <c r="AH13" s="219">
        <v>0</v>
      </c>
      <c r="AI13" s="240">
        <v>0</v>
      </c>
      <c r="AJ13" s="222">
        <v>38</v>
      </c>
      <c r="AK13" s="218">
        <v>62</v>
      </c>
      <c r="AL13" s="218">
        <v>118</v>
      </c>
      <c r="AM13" s="218">
        <v>121</v>
      </c>
      <c r="AN13" s="219">
        <v>64</v>
      </c>
      <c r="AO13" s="240">
        <v>403</v>
      </c>
      <c r="AP13" s="221">
        <v>403</v>
      </c>
      <c r="AQ13" s="222">
        <v>0</v>
      </c>
      <c r="AR13" s="219">
        <v>0</v>
      </c>
      <c r="AS13" s="240">
        <v>0</v>
      </c>
      <c r="AT13" s="220">
        <v>37</v>
      </c>
      <c r="AU13" s="218">
        <v>62</v>
      </c>
      <c r="AV13" s="218">
        <v>115</v>
      </c>
      <c r="AW13" s="218">
        <v>120</v>
      </c>
      <c r="AX13" s="219">
        <v>64</v>
      </c>
      <c r="AY13" s="240">
        <v>398</v>
      </c>
      <c r="AZ13" s="241">
        <v>398</v>
      </c>
      <c r="BA13" s="217">
        <v>0</v>
      </c>
      <c r="BB13" s="219">
        <v>0</v>
      </c>
      <c r="BC13" s="219">
        <v>0</v>
      </c>
      <c r="BD13" s="220">
        <v>1</v>
      </c>
      <c r="BE13" s="218">
        <v>0</v>
      </c>
      <c r="BF13" s="218">
        <v>3</v>
      </c>
      <c r="BG13" s="218">
        <v>1</v>
      </c>
      <c r="BH13" s="219">
        <v>0</v>
      </c>
      <c r="BI13" s="240">
        <v>5</v>
      </c>
      <c r="BJ13" s="242">
        <v>5</v>
      </c>
      <c r="BK13" s="222">
        <v>0</v>
      </c>
      <c r="BL13" s="219">
        <v>0</v>
      </c>
      <c r="BM13" s="219">
        <v>0</v>
      </c>
      <c r="BN13" s="220">
        <v>0</v>
      </c>
      <c r="BO13" s="218">
        <v>0</v>
      </c>
      <c r="BP13" s="218">
        <v>0</v>
      </c>
      <c r="BQ13" s="218">
        <v>0</v>
      </c>
      <c r="BR13" s="219">
        <v>0</v>
      </c>
      <c r="BS13" s="240">
        <v>0</v>
      </c>
      <c r="BT13" s="241">
        <v>0</v>
      </c>
      <c r="BU13" s="217">
        <v>0</v>
      </c>
      <c r="BV13" s="219">
        <v>0</v>
      </c>
      <c r="BW13" s="219">
        <v>0</v>
      </c>
      <c r="BX13" s="220">
        <v>0</v>
      </c>
      <c r="BY13" s="218">
        <v>0</v>
      </c>
      <c r="BZ13" s="218">
        <v>0</v>
      </c>
      <c r="CA13" s="218">
        <v>0</v>
      </c>
      <c r="CB13" s="219">
        <v>0</v>
      </c>
      <c r="CC13" s="240">
        <v>0</v>
      </c>
      <c r="CD13" s="242">
        <v>0</v>
      </c>
      <c r="CE13" s="222">
        <v>0</v>
      </c>
      <c r="CF13" s="219">
        <v>0</v>
      </c>
      <c r="CG13" s="219">
        <v>0</v>
      </c>
      <c r="CH13" s="220">
        <v>0</v>
      </c>
      <c r="CI13" s="218">
        <v>0</v>
      </c>
      <c r="CJ13" s="218">
        <v>0</v>
      </c>
      <c r="CK13" s="218">
        <v>0</v>
      </c>
      <c r="CL13" s="219">
        <v>0</v>
      </c>
      <c r="CM13" s="240">
        <v>0</v>
      </c>
      <c r="CN13" s="242">
        <v>0</v>
      </c>
      <c r="CO13" s="222">
        <v>0</v>
      </c>
      <c r="CP13" s="219">
        <v>0</v>
      </c>
      <c r="CQ13" s="219">
        <v>0</v>
      </c>
      <c r="CR13" s="220">
        <v>0</v>
      </c>
      <c r="CS13" s="218">
        <v>1</v>
      </c>
      <c r="CT13" s="218">
        <v>0</v>
      </c>
      <c r="CU13" s="218">
        <v>2</v>
      </c>
      <c r="CV13" s="219">
        <v>9</v>
      </c>
      <c r="CW13" s="240">
        <v>12</v>
      </c>
      <c r="CX13" s="241">
        <v>12</v>
      </c>
      <c r="CY13" s="217">
        <v>0</v>
      </c>
      <c r="CZ13" s="219">
        <v>0</v>
      </c>
      <c r="DA13" s="219">
        <v>0</v>
      </c>
      <c r="DB13" s="220">
        <v>0</v>
      </c>
      <c r="DC13" s="218">
        <v>1</v>
      </c>
      <c r="DD13" s="218">
        <v>0</v>
      </c>
      <c r="DE13" s="218">
        <v>2</v>
      </c>
      <c r="DF13" s="219">
        <v>9</v>
      </c>
      <c r="DG13" s="240">
        <v>12</v>
      </c>
      <c r="DH13" s="242">
        <v>12</v>
      </c>
      <c r="DI13" s="222">
        <v>0</v>
      </c>
      <c r="DJ13" s="219">
        <v>0</v>
      </c>
      <c r="DK13" s="219">
        <v>0</v>
      </c>
      <c r="DL13" s="220">
        <v>0</v>
      </c>
      <c r="DM13" s="218">
        <v>0</v>
      </c>
      <c r="DN13" s="218">
        <v>0</v>
      </c>
      <c r="DO13" s="218">
        <v>0</v>
      </c>
      <c r="DP13" s="219">
        <v>0</v>
      </c>
      <c r="DQ13" s="240">
        <v>0</v>
      </c>
      <c r="DR13" s="242">
        <v>0</v>
      </c>
      <c r="DS13" s="222">
        <v>0</v>
      </c>
      <c r="DT13" s="219">
        <v>0</v>
      </c>
      <c r="DU13" s="219">
        <v>0</v>
      </c>
      <c r="DV13" s="220">
        <v>40</v>
      </c>
      <c r="DW13" s="218">
        <v>70</v>
      </c>
      <c r="DX13" s="218">
        <v>335</v>
      </c>
      <c r="DY13" s="218">
        <v>466</v>
      </c>
      <c r="DZ13" s="219">
        <v>332</v>
      </c>
      <c r="EA13" s="240">
        <v>1243</v>
      </c>
      <c r="EB13" s="242">
        <v>1243</v>
      </c>
      <c r="EC13" s="239"/>
    </row>
    <row r="14" spans="2:133" ht="21" customHeight="1" x14ac:dyDescent="0.2">
      <c r="B14" s="106" t="s">
        <v>10</v>
      </c>
      <c r="C14" s="217">
        <v>0</v>
      </c>
      <c r="D14" s="219">
        <v>0</v>
      </c>
      <c r="E14" s="219">
        <v>0</v>
      </c>
      <c r="F14" s="220">
        <v>17</v>
      </c>
      <c r="G14" s="218">
        <v>45</v>
      </c>
      <c r="H14" s="218">
        <v>321</v>
      </c>
      <c r="I14" s="218">
        <v>629</v>
      </c>
      <c r="J14" s="219">
        <v>400</v>
      </c>
      <c r="K14" s="240">
        <v>1412</v>
      </c>
      <c r="L14" s="241">
        <v>1412</v>
      </c>
      <c r="M14" s="217">
        <v>0</v>
      </c>
      <c r="N14" s="219">
        <v>0</v>
      </c>
      <c r="O14" s="240">
        <v>0</v>
      </c>
      <c r="P14" s="220">
        <v>17</v>
      </c>
      <c r="Q14" s="218">
        <v>44</v>
      </c>
      <c r="R14" s="218">
        <v>317</v>
      </c>
      <c r="S14" s="218">
        <v>623</v>
      </c>
      <c r="T14" s="219">
        <v>396</v>
      </c>
      <c r="U14" s="240">
        <v>1397</v>
      </c>
      <c r="V14" s="242">
        <v>1397</v>
      </c>
      <c r="W14" s="222">
        <v>0</v>
      </c>
      <c r="X14" s="219">
        <v>0</v>
      </c>
      <c r="Y14" s="240">
        <v>0</v>
      </c>
      <c r="Z14" s="222">
        <v>0</v>
      </c>
      <c r="AA14" s="218">
        <v>1</v>
      </c>
      <c r="AB14" s="218">
        <v>4</v>
      </c>
      <c r="AC14" s="218">
        <v>6</v>
      </c>
      <c r="AD14" s="219">
        <v>4</v>
      </c>
      <c r="AE14" s="240">
        <v>15</v>
      </c>
      <c r="AF14" s="221">
        <v>15</v>
      </c>
      <c r="AG14" s="222">
        <v>0</v>
      </c>
      <c r="AH14" s="219">
        <v>0</v>
      </c>
      <c r="AI14" s="240">
        <v>0</v>
      </c>
      <c r="AJ14" s="222">
        <v>79</v>
      </c>
      <c r="AK14" s="218">
        <v>103</v>
      </c>
      <c r="AL14" s="218">
        <v>120</v>
      </c>
      <c r="AM14" s="218">
        <v>194</v>
      </c>
      <c r="AN14" s="219">
        <v>97</v>
      </c>
      <c r="AO14" s="240">
        <v>593</v>
      </c>
      <c r="AP14" s="221">
        <v>593</v>
      </c>
      <c r="AQ14" s="222">
        <v>0</v>
      </c>
      <c r="AR14" s="219">
        <v>0</v>
      </c>
      <c r="AS14" s="240">
        <v>0</v>
      </c>
      <c r="AT14" s="220">
        <v>76</v>
      </c>
      <c r="AU14" s="218">
        <v>102</v>
      </c>
      <c r="AV14" s="218">
        <v>117</v>
      </c>
      <c r="AW14" s="218">
        <v>193</v>
      </c>
      <c r="AX14" s="219">
        <v>95</v>
      </c>
      <c r="AY14" s="240">
        <v>583</v>
      </c>
      <c r="AZ14" s="241">
        <v>583</v>
      </c>
      <c r="BA14" s="217">
        <v>0</v>
      </c>
      <c r="BB14" s="219">
        <v>0</v>
      </c>
      <c r="BC14" s="219">
        <v>0</v>
      </c>
      <c r="BD14" s="220">
        <v>3</v>
      </c>
      <c r="BE14" s="218">
        <v>1</v>
      </c>
      <c r="BF14" s="218">
        <v>3</v>
      </c>
      <c r="BG14" s="218">
        <v>1</v>
      </c>
      <c r="BH14" s="219">
        <v>2</v>
      </c>
      <c r="BI14" s="240">
        <v>10</v>
      </c>
      <c r="BJ14" s="242">
        <v>10</v>
      </c>
      <c r="BK14" s="222">
        <v>0</v>
      </c>
      <c r="BL14" s="219">
        <v>0</v>
      </c>
      <c r="BM14" s="219">
        <v>0</v>
      </c>
      <c r="BN14" s="220">
        <v>0</v>
      </c>
      <c r="BO14" s="218">
        <v>0</v>
      </c>
      <c r="BP14" s="218">
        <v>0</v>
      </c>
      <c r="BQ14" s="218">
        <v>0</v>
      </c>
      <c r="BR14" s="219">
        <v>0</v>
      </c>
      <c r="BS14" s="240">
        <v>0</v>
      </c>
      <c r="BT14" s="241">
        <v>0</v>
      </c>
      <c r="BU14" s="217">
        <v>0</v>
      </c>
      <c r="BV14" s="219">
        <v>0</v>
      </c>
      <c r="BW14" s="219">
        <v>0</v>
      </c>
      <c r="BX14" s="220">
        <v>0</v>
      </c>
      <c r="BY14" s="218">
        <v>0</v>
      </c>
      <c r="BZ14" s="218">
        <v>0</v>
      </c>
      <c r="CA14" s="218">
        <v>0</v>
      </c>
      <c r="CB14" s="219">
        <v>0</v>
      </c>
      <c r="CC14" s="240">
        <v>0</v>
      </c>
      <c r="CD14" s="242">
        <v>0</v>
      </c>
      <c r="CE14" s="222">
        <v>0</v>
      </c>
      <c r="CF14" s="219">
        <v>0</v>
      </c>
      <c r="CG14" s="219">
        <v>0</v>
      </c>
      <c r="CH14" s="220">
        <v>0</v>
      </c>
      <c r="CI14" s="218">
        <v>0</v>
      </c>
      <c r="CJ14" s="218">
        <v>0</v>
      </c>
      <c r="CK14" s="218">
        <v>0</v>
      </c>
      <c r="CL14" s="219">
        <v>0</v>
      </c>
      <c r="CM14" s="240">
        <v>0</v>
      </c>
      <c r="CN14" s="242">
        <v>0</v>
      </c>
      <c r="CO14" s="222">
        <v>0</v>
      </c>
      <c r="CP14" s="219">
        <v>0</v>
      </c>
      <c r="CQ14" s="219">
        <v>0</v>
      </c>
      <c r="CR14" s="220">
        <v>0</v>
      </c>
      <c r="CS14" s="218">
        <v>0</v>
      </c>
      <c r="CT14" s="218">
        <v>2</v>
      </c>
      <c r="CU14" s="218">
        <v>4</v>
      </c>
      <c r="CV14" s="219">
        <v>27</v>
      </c>
      <c r="CW14" s="240">
        <v>33</v>
      </c>
      <c r="CX14" s="241">
        <v>33</v>
      </c>
      <c r="CY14" s="217">
        <v>0</v>
      </c>
      <c r="CZ14" s="219">
        <v>0</v>
      </c>
      <c r="DA14" s="219">
        <v>0</v>
      </c>
      <c r="DB14" s="220">
        <v>0</v>
      </c>
      <c r="DC14" s="218">
        <v>0</v>
      </c>
      <c r="DD14" s="218">
        <v>2</v>
      </c>
      <c r="DE14" s="218">
        <v>4</v>
      </c>
      <c r="DF14" s="219">
        <v>27</v>
      </c>
      <c r="DG14" s="240">
        <v>33</v>
      </c>
      <c r="DH14" s="242">
        <v>33</v>
      </c>
      <c r="DI14" s="222">
        <v>0</v>
      </c>
      <c r="DJ14" s="219">
        <v>0</v>
      </c>
      <c r="DK14" s="219">
        <v>0</v>
      </c>
      <c r="DL14" s="220">
        <v>0</v>
      </c>
      <c r="DM14" s="218">
        <v>0</v>
      </c>
      <c r="DN14" s="218">
        <v>0</v>
      </c>
      <c r="DO14" s="218">
        <v>0</v>
      </c>
      <c r="DP14" s="219">
        <v>0</v>
      </c>
      <c r="DQ14" s="240">
        <v>0</v>
      </c>
      <c r="DR14" s="242">
        <v>0</v>
      </c>
      <c r="DS14" s="222">
        <v>0</v>
      </c>
      <c r="DT14" s="219">
        <v>0</v>
      </c>
      <c r="DU14" s="219">
        <v>0</v>
      </c>
      <c r="DV14" s="220">
        <v>96</v>
      </c>
      <c r="DW14" s="218">
        <v>148</v>
      </c>
      <c r="DX14" s="218">
        <v>443</v>
      </c>
      <c r="DY14" s="218">
        <v>826</v>
      </c>
      <c r="DZ14" s="219">
        <v>524</v>
      </c>
      <c r="EA14" s="240">
        <v>2037</v>
      </c>
      <c r="EB14" s="242">
        <v>2037</v>
      </c>
      <c r="EC14" s="239"/>
    </row>
    <row r="15" spans="2:133" ht="21" customHeight="1" x14ac:dyDescent="0.2">
      <c r="B15" s="106" t="s">
        <v>11</v>
      </c>
      <c r="C15" s="217">
        <v>0</v>
      </c>
      <c r="D15" s="219">
        <v>0</v>
      </c>
      <c r="E15" s="219">
        <v>0</v>
      </c>
      <c r="F15" s="220">
        <v>3</v>
      </c>
      <c r="G15" s="218">
        <v>4</v>
      </c>
      <c r="H15" s="218">
        <v>173</v>
      </c>
      <c r="I15" s="218">
        <v>348</v>
      </c>
      <c r="J15" s="219">
        <v>192</v>
      </c>
      <c r="K15" s="240">
        <v>720</v>
      </c>
      <c r="L15" s="241">
        <v>720</v>
      </c>
      <c r="M15" s="217">
        <v>0</v>
      </c>
      <c r="N15" s="219">
        <v>0</v>
      </c>
      <c r="O15" s="240">
        <v>0</v>
      </c>
      <c r="P15" s="220">
        <v>2</v>
      </c>
      <c r="Q15" s="218">
        <v>4</v>
      </c>
      <c r="R15" s="218">
        <v>172</v>
      </c>
      <c r="S15" s="218">
        <v>346</v>
      </c>
      <c r="T15" s="219">
        <v>192</v>
      </c>
      <c r="U15" s="240">
        <v>716</v>
      </c>
      <c r="V15" s="242">
        <v>716</v>
      </c>
      <c r="W15" s="222">
        <v>0</v>
      </c>
      <c r="X15" s="219">
        <v>0</v>
      </c>
      <c r="Y15" s="240">
        <v>0</v>
      </c>
      <c r="Z15" s="222">
        <v>1</v>
      </c>
      <c r="AA15" s="218">
        <v>0</v>
      </c>
      <c r="AB15" s="218">
        <v>1</v>
      </c>
      <c r="AC15" s="218">
        <v>2</v>
      </c>
      <c r="AD15" s="219">
        <v>0</v>
      </c>
      <c r="AE15" s="240">
        <v>4</v>
      </c>
      <c r="AF15" s="221">
        <v>4</v>
      </c>
      <c r="AG15" s="222">
        <v>0</v>
      </c>
      <c r="AH15" s="219">
        <v>0</v>
      </c>
      <c r="AI15" s="240">
        <v>0</v>
      </c>
      <c r="AJ15" s="222">
        <v>40</v>
      </c>
      <c r="AK15" s="218">
        <v>90</v>
      </c>
      <c r="AL15" s="218">
        <v>137</v>
      </c>
      <c r="AM15" s="218">
        <v>159</v>
      </c>
      <c r="AN15" s="219">
        <v>91</v>
      </c>
      <c r="AO15" s="240">
        <v>517</v>
      </c>
      <c r="AP15" s="221">
        <v>517</v>
      </c>
      <c r="AQ15" s="222">
        <v>0</v>
      </c>
      <c r="AR15" s="219">
        <v>0</v>
      </c>
      <c r="AS15" s="240">
        <v>0</v>
      </c>
      <c r="AT15" s="220">
        <v>40</v>
      </c>
      <c r="AU15" s="218">
        <v>89</v>
      </c>
      <c r="AV15" s="218">
        <v>134</v>
      </c>
      <c r="AW15" s="218">
        <v>158</v>
      </c>
      <c r="AX15" s="219">
        <v>89</v>
      </c>
      <c r="AY15" s="240">
        <v>510</v>
      </c>
      <c r="AZ15" s="241">
        <v>510</v>
      </c>
      <c r="BA15" s="217">
        <v>0</v>
      </c>
      <c r="BB15" s="219">
        <v>0</v>
      </c>
      <c r="BC15" s="219">
        <v>0</v>
      </c>
      <c r="BD15" s="220">
        <v>0</v>
      </c>
      <c r="BE15" s="218">
        <v>1</v>
      </c>
      <c r="BF15" s="218">
        <v>3</v>
      </c>
      <c r="BG15" s="218">
        <v>1</v>
      </c>
      <c r="BH15" s="219">
        <v>2</v>
      </c>
      <c r="BI15" s="240">
        <v>7</v>
      </c>
      <c r="BJ15" s="242">
        <v>7</v>
      </c>
      <c r="BK15" s="222">
        <v>0</v>
      </c>
      <c r="BL15" s="219">
        <v>0</v>
      </c>
      <c r="BM15" s="219">
        <v>0</v>
      </c>
      <c r="BN15" s="220">
        <v>0</v>
      </c>
      <c r="BO15" s="218">
        <v>0</v>
      </c>
      <c r="BP15" s="218">
        <v>0</v>
      </c>
      <c r="BQ15" s="218">
        <v>0</v>
      </c>
      <c r="BR15" s="219">
        <v>0</v>
      </c>
      <c r="BS15" s="240">
        <v>0</v>
      </c>
      <c r="BT15" s="241">
        <v>0</v>
      </c>
      <c r="BU15" s="217">
        <v>0</v>
      </c>
      <c r="BV15" s="219">
        <v>0</v>
      </c>
      <c r="BW15" s="219">
        <v>0</v>
      </c>
      <c r="BX15" s="220">
        <v>0</v>
      </c>
      <c r="BY15" s="218">
        <v>0</v>
      </c>
      <c r="BZ15" s="218">
        <v>0</v>
      </c>
      <c r="CA15" s="218">
        <v>0</v>
      </c>
      <c r="CB15" s="219">
        <v>0</v>
      </c>
      <c r="CC15" s="240">
        <v>0</v>
      </c>
      <c r="CD15" s="242">
        <v>0</v>
      </c>
      <c r="CE15" s="222">
        <v>0</v>
      </c>
      <c r="CF15" s="219">
        <v>0</v>
      </c>
      <c r="CG15" s="219">
        <v>0</v>
      </c>
      <c r="CH15" s="220">
        <v>0</v>
      </c>
      <c r="CI15" s="218">
        <v>0</v>
      </c>
      <c r="CJ15" s="218">
        <v>0</v>
      </c>
      <c r="CK15" s="218">
        <v>0</v>
      </c>
      <c r="CL15" s="219">
        <v>0</v>
      </c>
      <c r="CM15" s="240">
        <v>0</v>
      </c>
      <c r="CN15" s="242">
        <v>0</v>
      </c>
      <c r="CO15" s="222">
        <v>0</v>
      </c>
      <c r="CP15" s="219">
        <v>0</v>
      </c>
      <c r="CQ15" s="219">
        <v>0</v>
      </c>
      <c r="CR15" s="220">
        <v>2</v>
      </c>
      <c r="CS15" s="218">
        <v>8</v>
      </c>
      <c r="CT15" s="218">
        <v>6</v>
      </c>
      <c r="CU15" s="218">
        <v>14</v>
      </c>
      <c r="CV15" s="219">
        <v>37</v>
      </c>
      <c r="CW15" s="240">
        <v>67</v>
      </c>
      <c r="CX15" s="241">
        <v>67</v>
      </c>
      <c r="CY15" s="217">
        <v>0</v>
      </c>
      <c r="CZ15" s="219">
        <v>0</v>
      </c>
      <c r="DA15" s="219">
        <v>0</v>
      </c>
      <c r="DB15" s="220">
        <v>2</v>
      </c>
      <c r="DC15" s="218">
        <v>8</v>
      </c>
      <c r="DD15" s="218">
        <v>6</v>
      </c>
      <c r="DE15" s="218">
        <v>14</v>
      </c>
      <c r="DF15" s="219">
        <v>36</v>
      </c>
      <c r="DG15" s="240">
        <v>66</v>
      </c>
      <c r="DH15" s="242">
        <v>66</v>
      </c>
      <c r="DI15" s="222">
        <v>0</v>
      </c>
      <c r="DJ15" s="219">
        <v>0</v>
      </c>
      <c r="DK15" s="219">
        <v>0</v>
      </c>
      <c r="DL15" s="220">
        <v>0</v>
      </c>
      <c r="DM15" s="218">
        <v>0</v>
      </c>
      <c r="DN15" s="218">
        <v>0</v>
      </c>
      <c r="DO15" s="218">
        <v>0</v>
      </c>
      <c r="DP15" s="219">
        <v>1</v>
      </c>
      <c r="DQ15" s="240">
        <v>1</v>
      </c>
      <c r="DR15" s="242">
        <v>1</v>
      </c>
      <c r="DS15" s="222">
        <v>0</v>
      </c>
      <c r="DT15" s="219">
        <v>0</v>
      </c>
      <c r="DU15" s="219">
        <v>0</v>
      </c>
      <c r="DV15" s="220">
        <v>45</v>
      </c>
      <c r="DW15" s="218">
        <v>102</v>
      </c>
      <c r="DX15" s="218">
        <v>313</v>
      </c>
      <c r="DY15" s="218">
        <v>521</v>
      </c>
      <c r="DZ15" s="219">
        <v>320</v>
      </c>
      <c r="EA15" s="240">
        <v>1301</v>
      </c>
      <c r="EB15" s="242">
        <v>1301</v>
      </c>
      <c r="EC15" s="239"/>
    </row>
    <row r="16" spans="2:133" ht="21" customHeight="1" x14ac:dyDescent="0.2">
      <c r="B16" s="106" t="s">
        <v>12</v>
      </c>
      <c r="C16" s="217">
        <v>0</v>
      </c>
      <c r="D16" s="219">
        <v>0</v>
      </c>
      <c r="E16" s="219">
        <v>0</v>
      </c>
      <c r="F16" s="220">
        <v>2</v>
      </c>
      <c r="G16" s="218">
        <v>12</v>
      </c>
      <c r="H16" s="218">
        <v>193</v>
      </c>
      <c r="I16" s="218">
        <v>356</v>
      </c>
      <c r="J16" s="219">
        <v>217</v>
      </c>
      <c r="K16" s="240">
        <v>780</v>
      </c>
      <c r="L16" s="241">
        <v>780</v>
      </c>
      <c r="M16" s="217">
        <v>0</v>
      </c>
      <c r="N16" s="219">
        <v>0</v>
      </c>
      <c r="O16" s="240">
        <v>0</v>
      </c>
      <c r="P16" s="220">
        <v>2</v>
      </c>
      <c r="Q16" s="218">
        <v>12</v>
      </c>
      <c r="R16" s="218">
        <v>193</v>
      </c>
      <c r="S16" s="218">
        <v>356</v>
      </c>
      <c r="T16" s="219">
        <v>214</v>
      </c>
      <c r="U16" s="240">
        <v>777</v>
      </c>
      <c r="V16" s="242">
        <v>777</v>
      </c>
      <c r="W16" s="222">
        <v>0</v>
      </c>
      <c r="X16" s="219">
        <v>0</v>
      </c>
      <c r="Y16" s="240">
        <v>0</v>
      </c>
      <c r="Z16" s="222">
        <v>0</v>
      </c>
      <c r="AA16" s="218">
        <v>0</v>
      </c>
      <c r="AB16" s="218">
        <v>0</v>
      </c>
      <c r="AC16" s="218">
        <v>0</v>
      </c>
      <c r="AD16" s="219">
        <v>3</v>
      </c>
      <c r="AE16" s="240">
        <v>3</v>
      </c>
      <c r="AF16" s="221">
        <v>3</v>
      </c>
      <c r="AG16" s="222">
        <v>0</v>
      </c>
      <c r="AH16" s="219">
        <v>0</v>
      </c>
      <c r="AI16" s="240">
        <v>0</v>
      </c>
      <c r="AJ16" s="222">
        <v>31</v>
      </c>
      <c r="AK16" s="218">
        <v>86</v>
      </c>
      <c r="AL16" s="218">
        <v>161</v>
      </c>
      <c r="AM16" s="218">
        <v>173</v>
      </c>
      <c r="AN16" s="219">
        <v>63</v>
      </c>
      <c r="AO16" s="240">
        <v>514</v>
      </c>
      <c r="AP16" s="221">
        <v>514</v>
      </c>
      <c r="AQ16" s="222">
        <v>0</v>
      </c>
      <c r="AR16" s="219">
        <v>0</v>
      </c>
      <c r="AS16" s="240">
        <v>0</v>
      </c>
      <c r="AT16" s="220">
        <v>31</v>
      </c>
      <c r="AU16" s="218">
        <v>86</v>
      </c>
      <c r="AV16" s="218">
        <v>159</v>
      </c>
      <c r="AW16" s="218">
        <v>170</v>
      </c>
      <c r="AX16" s="219">
        <v>61</v>
      </c>
      <c r="AY16" s="240">
        <v>507</v>
      </c>
      <c r="AZ16" s="241">
        <v>507</v>
      </c>
      <c r="BA16" s="217">
        <v>0</v>
      </c>
      <c r="BB16" s="219">
        <v>0</v>
      </c>
      <c r="BC16" s="219">
        <v>0</v>
      </c>
      <c r="BD16" s="220">
        <v>0</v>
      </c>
      <c r="BE16" s="218">
        <v>0</v>
      </c>
      <c r="BF16" s="218">
        <v>2</v>
      </c>
      <c r="BG16" s="218">
        <v>3</v>
      </c>
      <c r="BH16" s="219">
        <v>2</v>
      </c>
      <c r="BI16" s="240">
        <v>7</v>
      </c>
      <c r="BJ16" s="242">
        <v>7</v>
      </c>
      <c r="BK16" s="222">
        <v>0</v>
      </c>
      <c r="BL16" s="219">
        <v>0</v>
      </c>
      <c r="BM16" s="219">
        <v>0</v>
      </c>
      <c r="BN16" s="220">
        <v>0</v>
      </c>
      <c r="BO16" s="218">
        <v>0</v>
      </c>
      <c r="BP16" s="218">
        <v>0</v>
      </c>
      <c r="BQ16" s="218">
        <v>0</v>
      </c>
      <c r="BR16" s="219">
        <v>0</v>
      </c>
      <c r="BS16" s="240">
        <v>0</v>
      </c>
      <c r="BT16" s="241">
        <v>0</v>
      </c>
      <c r="BU16" s="217">
        <v>0</v>
      </c>
      <c r="BV16" s="219">
        <v>0</v>
      </c>
      <c r="BW16" s="219">
        <v>0</v>
      </c>
      <c r="BX16" s="220">
        <v>0</v>
      </c>
      <c r="BY16" s="218">
        <v>0</v>
      </c>
      <c r="BZ16" s="218">
        <v>0</v>
      </c>
      <c r="CA16" s="218">
        <v>0</v>
      </c>
      <c r="CB16" s="219">
        <v>0</v>
      </c>
      <c r="CC16" s="240">
        <v>0</v>
      </c>
      <c r="CD16" s="242">
        <v>0</v>
      </c>
      <c r="CE16" s="222">
        <v>0</v>
      </c>
      <c r="CF16" s="219">
        <v>0</v>
      </c>
      <c r="CG16" s="219">
        <v>0</v>
      </c>
      <c r="CH16" s="220">
        <v>0</v>
      </c>
      <c r="CI16" s="218">
        <v>0</v>
      </c>
      <c r="CJ16" s="218">
        <v>0</v>
      </c>
      <c r="CK16" s="218">
        <v>0</v>
      </c>
      <c r="CL16" s="219">
        <v>0</v>
      </c>
      <c r="CM16" s="240">
        <v>0</v>
      </c>
      <c r="CN16" s="242">
        <v>0</v>
      </c>
      <c r="CO16" s="222">
        <v>0</v>
      </c>
      <c r="CP16" s="219">
        <v>0</v>
      </c>
      <c r="CQ16" s="219">
        <v>0</v>
      </c>
      <c r="CR16" s="220">
        <v>0</v>
      </c>
      <c r="CS16" s="218">
        <v>0</v>
      </c>
      <c r="CT16" s="218">
        <v>3</v>
      </c>
      <c r="CU16" s="218">
        <v>15</v>
      </c>
      <c r="CV16" s="219">
        <v>11</v>
      </c>
      <c r="CW16" s="240">
        <v>29</v>
      </c>
      <c r="CX16" s="241">
        <v>29</v>
      </c>
      <c r="CY16" s="217">
        <v>0</v>
      </c>
      <c r="CZ16" s="219">
        <v>0</v>
      </c>
      <c r="DA16" s="219">
        <v>0</v>
      </c>
      <c r="DB16" s="220">
        <v>0</v>
      </c>
      <c r="DC16" s="218">
        <v>0</v>
      </c>
      <c r="DD16" s="218">
        <v>3</v>
      </c>
      <c r="DE16" s="218">
        <v>15</v>
      </c>
      <c r="DF16" s="219">
        <v>11</v>
      </c>
      <c r="DG16" s="240">
        <v>29</v>
      </c>
      <c r="DH16" s="242">
        <v>29</v>
      </c>
      <c r="DI16" s="222">
        <v>0</v>
      </c>
      <c r="DJ16" s="219">
        <v>0</v>
      </c>
      <c r="DK16" s="219">
        <v>0</v>
      </c>
      <c r="DL16" s="220">
        <v>0</v>
      </c>
      <c r="DM16" s="218">
        <v>0</v>
      </c>
      <c r="DN16" s="218">
        <v>0</v>
      </c>
      <c r="DO16" s="218">
        <v>0</v>
      </c>
      <c r="DP16" s="219">
        <v>0</v>
      </c>
      <c r="DQ16" s="240">
        <v>0</v>
      </c>
      <c r="DR16" s="242">
        <v>0</v>
      </c>
      <c r="DS16" s="222">
        <v>0</v>
      </c>
      <c r="DT16" s="219">
        <v>0</v>
      </c>
      <c r="DU16" s="219">
        <v>0</v>
      </c>
      <c r="DV16" s="220">
        <v>33</v>
      </c>
      <c r="DW16" s="218">
        <v>98</v>
      </c>
      <c r="DX16" s="218">
        <v>355</v>
      </c>
      <c r="DY16" s="218">
        <v>541</v>
      </c>
      <c r="DZ16" s="219">
        <v>291</v>
      </c>
      <c r="EA16" s="240">
        <v>1318</v>
      </c>
      <c r="EB16" s="242">
        <v>1318</v>
      </c>
      <c r="EC16" s="239"/>
    </row>
    <row r="17" spans="2:133" ht="21" customHeight="1" x14ac:dyDescent="0.2">
      <c r="B17" s="106" t="s">
        <v>13</v>
      </c>
      <c r="C17" s="217">
        <v>0</v>
      </c>
      <c r="D17" s="219">
        <v>0</v>
      </c>
      <c r="E17" s="219">
        <v>0</v>
      </c>
      <c r="F17" s="220">
        <v>2</v>
      </c>
      <c r="G17" s="218">
        <v>1</v>
      </c>
      <c r="H17" s="218">
        <v>72</v>
      </c>
      <c r="I17" s="218">
        <v>135</v>
      </c>
      <c r="J17" s="219">
        <v>112</v>
      </c>
      <c r="K17" s="240">
        <v>322</v>
      </c>
      <c r="L17" s="241">
        <v>322</v>
      </c>
      <c r="M17" s="217">
        <v>0</v>
      </c>
      <c r="N17" s="219">
        <v>0</v>
      </c>
      <c r="O17" s="240">
        <v>0</v>
      </c>
      <c r="P17" s="220">
        <v>2</v>
      </c>
      <c r="Q17" s="218">
        <v>1</v>
      </c>
      <c r="R17" s="218">
        <v>72</v>
      </c>
      <c r="S17" s="218">
        <v>134</v>
      </c>
      <c r="T17" s="219">
        <v>110</v>
      </c>
      <c r="U17" s="240">
        <v>319</v>
      </c>
      <c r="V17" s="242">
        <v>319</v>
      </c>
      <c r="W17" s="222">
        <v>0</v>
      </c>
      <c r="X17" s="219">
        <v>0</v>
      </c>
      <c r="Y17" s="240">
        <v>0</v>
      </c>
      <c r="Z17" s="222">
        <v>0</v>
      </c>
      <c r="AA17" s="218">
        <v>0</v>
      </c>
      <c r="AB17" s="218">
        <v>0</v>
      </c>
      <c r="AC17" s="218">
        <v>1</v>
      </c>
      <c r="AD17" s="219">
        <v>2</v>
      </c>
      <c r="AE17" s="240">
        <v>3</v>
      </c>
      <c r="AF17" s="221">
        <v>3</v>
      </c>
      <c r="AG17" s="222">
        <v>0</v>
      </c>
      <c r="AH17" s="219">
        <v>0</v>
      </c>
      <c r="AI17" s="240">
        <v>0</v>
      </c>
      <c r="AJ17" s="222">
        <v>7</v>
      </c>
      <c r="AK17" s="218">
        <v>16</v>
      </c>
      <c r="AL17" s="218">
        <v>31</v>
      </c>
      <c r="AM17" s="218">
        <v>36</v>
      </c>
      <c r="AN17" s="219">
        <v>20</v>
      </c>
      <c r="AO17" s="240">
        <v>110</v>
      </c>
      <c r="AP17" s="221">
        <v>110</v>
      </c>
      <c r="AQ17" s="222">
        <v>0</v>
      </c>
      <c r="AR17" s="219">
        <v>0</v>
      </c>
      <c r="AS17" s="240">
        <v>0</v>
      </c>
      <c r="AT17" s="220">
        <v>6</v>
      </c>
      <c r="AU17" s="218">
        <v>16</v>
      </c>
      <c r="AV17" s="218">
        <v>31</v>
      </c>
      <c r="AW17" s="218">
        <v>36</v>
      </c>
      <c r="AX17" s="219">
        <v>19</v>
      </c>
      <c r="AY17" s="240">
        <v>108</v>
      </c>
      <c r="AZ17" s="241">
        <v>108</v>
      </c>
      <c r="BA17" s="217">
        <v>0</v>
      </c>
      <c r="BB17" s="219">
        <v>0</v>
      </c>
      <c r="BC17" s="219">
        <v>0</v>
      </c>
      <c r="BD17" s="220">
        <v>1</v>
      </c>
      <c r="BE17" s="218">
        <v>0</v>
      </c>
      <c r="BF17" s="218">
        <v>0</v>
      </c>
      <c r="BG17" s="218">
        <v>0</v>
      </c>
      <c r="BH17" s="219">
        <v>1</v>
      </c>
      <c r="BI17" s="240">
        <v>2</v>
      </c>
      <c r="BJ17" s="242">
        <v>2</v>
      </c>
      <c r="BK17" s="222">
        <v>0</v>
      </c>
      <c r="BL17" s="219">
        <v>0</v>
      </c>
      <c r="BM17" s="219">
        <v>0</v>
      </c>
      <c r="BN17" s="220">
        <v>0</v>
      </c>
      <c r="BO17" s="218">
        <v>0</v>
      </c>
      <c r="BP17" s="218">
        <v>0</v>
      </c>
      <c r="BQ17" s="218">
        <v>0</v>
      </c>
      <c r="BR17" s="219">
        <v>0</v>
      </c>
      <c r="BS17" s="240">
        <v>0</v>
      </c>
      <c r="BT17" s="241">
        <v>0</v>
      </c>
      <c r="BU17" s="217">
        <v>0</v>
      </c>
      <c r="BV17" s="219">
        <v>0</v>
      </c>
      <c r="BW17" s="219">
        <v>0</v>
      </c>
      <c r="BX17" s="220">
        <v>0</v>
      </c>
      <c r="BY17" s="218">
        <v>0</v>
      </c>
      <c r="BZ17" s="218">
        <v>0</v>
      </c>
      <c r="CA17" s="218">
        <v>0</v>
      </c>
      <c r="CB17" s="219">
        <v>0</v>
      </c>
      <c r="CC17" s="240">
        <v>0</v>
      </c>
      <c r="CD17" s="242">
        <v>0</v>
      </c>
      <c r="CE17" s="222">
        <v>0</v>
      </c>
      <c r="CF17" s="219">
        <v>0</v>
      </c>
      <c r="CG17" s="219">
        <v>0</v>
      </c>
      <c r="CH17" s="220">
        <v>0</v>
      </c>
      <c r="CI17" s="218">
        <v>0</v>
      </c>
      <c r="CJ17" s="218">
        <v>0</v>
      </c>
      <c r="CK17" s="218">
        <v>0</v>
      </c>
      <c r="CL17" s="219">
        <v>0</v>
      </c>
      <c r="CM17" s="240">
        <v>0</v>
      </c>
      <c r="CN17" s="242">
        <v>0</v>
      </c>
      <c r="CO17" s="222">
        <v>0</v>
      </c>
      <c r="CP17" s="219">
        <v>0</v>
      </c>
      <c r="CQ17" s="219">
        <v>0</v>
      </c>
      <c r="CR17" s="220">
        <v>0</v>
      </c>
      <c r="CS17" s="218">
        <v>0</v>
      </c>
      <c r="CT17" s="218">
        <v>0</v>
      </c>
      <c r="CU17" s="218">
        <v>0</v>
      </c>
      <c r="CV17" s="219">
        <v>1</v>
      </c>
      <c r="CW17" s="240">
        <v>1</v>
      </c>
      <c r="CX17" s="241">
        <v>1</v>
      </c>
      <c r="CY17" s="217">
        <v>0</v>
      </c>
      <c r="CZ17" s="219">
        <v>0</v>
      </c>
      <c r="DA17" s="219">
        <v>0</v>
      </c>
      <c r="DB17" s="220">
        <v>0</v>
      </c>
      <c r="DC17" s="218">
        <v>0</v>
      </c>
      <c r="DD17" s="218">
        <v>0</v>
      </c>
      <c r="DE17" s="218">
        <v>0</v>
      </c>
      <c r="DF17" s="219">
        <v>1</v>
      </c>
      <c r="DG17" s="240">
        <v>1</v>
      </c>
      <c r="DH17" s="242">
        <v>1</v>
      </c>
      <c r="DI17" s="222">
        <v>0</v>
      </c>
      <c r="DJ17" s="219">
        <v>0</v>
      </c>
      <c r="DK17" s="219">
        <v>0</v>
      </c>
      <c r="DL17" s="220">
        <v>0</v>
      </c>
      <c r="DM17" s="218">
        <v>0</v>
      </c>
      <c r="DN17" s="218">
        <v>0</v>
      </c>
      <c r="DO17" s="218">
        <v>0</v>
      </c>
      <c r="DP17" s="219">
        <v>0</v>
      </c>
      <c r="DQ17" s="240">
        <v>0</v>
      </c>
      <c r="DR17" s="242">
        <v>0</v>
      </c>
      <c r="DS17" s="222">
        <v>0</v>
      </c>
      <c r="DT17" s="219">
        <v>0</v>
      </c>
      <c r="DU17" s="219">
        <v>0</v>
      </c>
      <c r="DV17" s="220">
        <v>9</v>
      </c>
      <c r="DW17" s="218">
        <v>17</v>
      </c>
      <c r="DX17" s="218">
        <v>103</v>
      </c>
      <c r="DY17" s="218">
        <v>171</v>
      </c>
      <c r="DZ17" s="219">
        <v>133</v>
      </c>
      <c r="EA17" s="240">
        <v>433</v>
      </c>
      <c r="EB17" s="242">
        <v>433</v>
      </c>
      <c r="EC17" s="239"/>
    </row>
    <row r="18" spans="2:133" ht="21" customHeight="1" x14ac:dyDescent="0.2">
      <c r="B18" s="106" t="s">
        <v>15</v>
      </c>
      <c r="C18" s="217">
        <v>0</v>
      </c>
      <c r="D18" s="219">
        <v>0</v>
      </c>
      <c r="E18" s="219">
        <v>0</v>
      </c>
      <c r="F18" s="220">
        <v>1</v>
      </c>
      <c r="G18" s="218">
        <v>1</v>
      </c>
      <c r="H18" s="218">
        <v>81</v>
      </c>
      <c r="I18" s="218">
        <v>159</v>
      </c>
      <c r="J18" s="219">
        <v>64</v>
      </c>
      <c r="K18" s="240">
        <v>306</v>
      </c>
      <c r="L18" s="241">
        <v>306</v>
      </c>
      <c r="M18" s="217">
        <v>0</v>
      </c>
      <c r="N18" s="219">
        <v>0</v>
      </c>
      <c r="O18" s="240">
        <v>0</v>
      </c>
      <c r="P18" s="220">
        <v>1</v>
      </c>
      <c r="Q18" s="218">
        <v>1</v>
      </c>
      <c r="R18" s="218">
        <v>81</v>
      </c>
      <c r="S18" s="218">
        <v>158</v>
      </c>
      <c r="T18" s="219">
        <v>61</v>
      </c>
      <c r="U18" s="240">
        <v>302</v>
      </c>
      <c r="V18" s="242">
        <v>302</v>
      </c>
      <c r="W18" s="222">
        <v>0</v>
      </c>
      <c r="X18" s="219">
        <v>0</v>
      </c>
      <c r="Y18" s="240">
        <v>0</v>
      </c>
      <c r="Z18" s="222">
        <v>0</v>
      </c>
      <c r="AA18" s="218">
        <v>0</v>
      </c>
      <c r="AB18" s="218">
        <v>0</v>
      </c>
      <c r="AC18" s="218">
        <v>1</v>
      </c>
      <c r="AD18" s="219">
        <v>3</v>
      </c>
      <c r="AE18" s="240">
        <v>4</v>
      </c>
      <c r="AF18" s="221">
        <v>4</v>
      </c>
      <c r="AG18" s="222">
        <v>0</v>
      </c>
      <c r="AH18" s="219">
        <v>0</v>
      </c>
      <c r="AI18" s="240">
        <v>0</v>
      </c>
      <c r="AJ18" s="222">
        <v>23</v>
      </c>
      <c r="AK18" s="218">
        <v>29</v>
      </c>
      <c r="AL18" s="218">
        <v>37</v>
      </c>
      <c r="AM18" s="218">
        <v>60</v>
      </c>
      <c r="AN18" s="219">
        <v>26</v>
      </c>
      <c r="AO18" s="240">
        <v>175</v>
      </c>
      <c r="AP18" s="221">
        <v>175</v>
      </c>
      <c r="AQ18" s="222">
        <v>0</v>
      </c>
      <c r="AR18" s="219">
        <v>0</v>
      </c>
      <c r="AS18" s="240">
        <v>0</v>
      </c>
      <c r="AT18" s="220">
        <v>23</v>
      </c>
      <c r="AU18" s="218">
        <v>29</v>
      </c>
      <c r="AV18" s="218">
        <v>37</v>
      </c>
      <c r="AW18" s="218">
        <v>58</v>
      </c>
      <c r="AX18" s="219">
        <v>24</v>
      </c>
      <c r="AY18" s="240">
        <v>171</v>
      </c>
      <c r="AZ18" s="241">
        <v>171</v>
      </c>
      <c r="BA18" s="217">
        <v>0</v>
      </c>
      <c r="BB18" s="219">
        <v>0</v>
      </c>
      <c r="BC18" s="219">
        <v>0</v>
      </c>
      <c r="BD18" s="220">
        <v>0</v>
      </c>
      <c r="BE18" s="218">
        <v>0</v>
      </c>
      <c r="BF18" s="218">
        <v>0</v>
      </c>
      <c r="BG18" s="218">
        <v>2</v>
      </c>
      <c r="BH18" s="219">
        <v>2</v>
      </c>
      <c r="BI18" s="240">
        <v>4</v>
      </c>
      <c r="BJ18" s="242">
        <v>4</v>
      </c>
      <c r="BK18" s="222">
        <v>0</v>
      </c>
      <c r="BL18" s="219">
        <v>0</v>
      </c>
      <c r="BM18" s="219">
        <v>0</v>
      </c>
      <c r="BN18" s="220">
        <v>0</v>
      </c>
      <c r="BO18" s="218">
        <v>0</v>
      </c>
      <c r="BP18" s="218">
        <v>0</v>
      </c>
      <c r="BQ18" s="218">
        <v>0</v>
      </c>
      <c r="BR18" s="219">
        <v>0</v>
      </c>
      <c r="BS18" s="240">
        <v>0</v>
      </c>
      <c r="BT18" s="241">
        <v>0</v>
      </c>
      <c r="BU18" s="217">
        <v>0</v>
      </c>
      <c r="BV18" s="219">
        <v>0</v>
      </c>
      <c r="BW18" s="219">
        <v>0</v>
      </c>
      <c r="BX18" s="220">
        <v>0</v>
      </c>
      <c r="BY18" s="218">
        <v>0</v>
      </c>
      <c r="BZ18" s="218">
        <v>0</v>
      </c>
      <c r="CA18" s="218">
        <v>0</v>
      </c>
      <c r="CB18" s="219">
        <v>0</v>
      </c>
      <c r="CC18" s="240">
        <v>0</v>
      </c>
      <c r="CD18" s="242">
        <v>0</v>
      </c>
      <c r="CE18" s="222">
        <v>0</v>
      </c>
      <c r="CF18" s="219">
        <v>0</v>
      </c>
      <c r="CG18" s="219">
        <v>0</v>
      </c>
      <c r="CH18" s="220">
        <v>0</v>
      </c>
      <c r="CI18" s="218">
        <v>0</v>
      </c>
      <c r="CJ18" s="218">
        <v>0</v>
      </c>
      <c r="CK18" s="218">
        <v>0</v>
      </c>
      <c r="CL18" s="219">
        <v>0</v>
      </c>
      <c r="CM18" s="240">
        <v>0</v>
      </c>
      <c r="CN18" s="242">
        <v>0</v>
      </c>
      <c r="CO18" s="222">
        <v>0</v>
      </c>
      <c r="CP18" s="219">
        <v>0</v>
      </c>
      <c r="CQ18" s="219">
        <v>0</v>
      </c>
      <c r="CR18" s="220">
        <v>0</v>
      </c>
      <c r="CS18" s="218">
        <v>0</v>
      </c>
      <c r="CT18" s="218">
        <v>0</v>
      </c>
      <c r="CU18" s="218">
        <v>0</v>
      </c>
      <c r="CV18" s="219">
        <v>0</v>
      </c>
      <c r="CW18" s="240">
        <v>0</v>
      </c>
      <c r="CX18" s="241">
        <v>0</v>
      </c>
      <c r="CY18" s="217">
        <v>0</v>
      </c>
      <c r="CZ18" s="219">
        <v>0</v>
      </c>
      <c r="DA18" s="219">
        <v>0</v>
      </c>
      <c r="DB18" s="220">
        <v>0</v>
      </c>
      <c r="DC18" s="218">
        <v>0</v>
      </c>
      <c r="DD18" s="218">
        <v>0</v>
      </c>
      <c r="DE18" s="218">
        <v>0</v>
      </c>
      <c r="DF18" s="219">
        <v>0</v>
      </c>
      <c r="DG18" s="240">
        <v>0</v>
      </c>
      <c r="DH18" s="242">
        <v>0</v>
      </c>
      <c r="DI18" s="222">
        <v>0</v>
      </c>
      <c r="DJ18" s="219">
        <v>0</v>
      </c>
      <c r="DK18" s="219">
        <v>0</v>
      </c>
      <c r="DL18" s="220">
        <v>0</v>
      </c>
      <c r="DM18" s="218">
        <v>0</v>
      </c>
      <c r="DN18" s="218">
        <v>0</v>
      </c>
      <c r="DO18" s="218">
        <v>0</v>
      </c>
      <c r="DP18" s="219">
        <v>0</v>
      </c>
      <c r="DQ18" s="240">
        <v>0</v>
      </c>
      <c r="DR18" s="242">
        <v>0</v>
      </c>
      <c r="DS18" s="222">
        <v>0</v>
      </c>
      <c r="DT18" s="219">
        <v>0</v>
      </c>
      <c r="DU18" s="219">
        <v>0</v>
      </c>
      <c r="DV18" s="220">
        <v>24</v>
      </c>
      <c r="DW18" s="218">
        <v>30</v>
      </c>
      <c r="DX18" s="218">
        <v>118</v>
      </c>
      <c r="DY18" s="218">
        <v>219</v>
      </c>
      <c r="DZ18" s="219">
        <v>90</v>
      </c>
      <c r="EA18" s="240">
        <v>481</v>
      </c>
      <c r="EB18" s="242">
        <v>481</v>
      </c>
      <c r="EC18" s="239"/>
    </row>
    <row r="19" spans="2:133" ht="21" customHeight="1" x14ac:dyDescent="0.2">
      <c r="B19" s="106" t="s">
        <v>16</v>
      </c>
      <c r="C19" s="217">
        <v>0</v>
      </c>
      <c r="D19" s="219">
        <v>0</v>
      </c>
      <c r="E19" s="219">
        <v>0</v>
      </c>
      <c r="F19" s="220">
        <v>6</v>
      </c>
      <c r="G19" s="218">
        <v>15</v>
      </c>
      <c r="H19" s="218">
        <v>230</v>
      </c>
      <c r="I19" s="218">
        <v>312</v>
      </c>
      <c r="J19" s="219">
        <v>173</v>
      </c>
      <c r="K19" s="240">
        <v>736</v>
      </c>
      <c r="L19" s="241">
        <v>736</v>
      </c>
      <c r="M19" s="217">
        <v>0</v>
      </c>
      <c r="N19" s="219">
        <v>0</v>
      </c>
      <c r="O19" s="240">
        <v>0</v>
      </c>
      <c r="P19" s="220">
        <v>6</v>
      </c>
      <c r="Q19" s="218">
        <v>14</v>
      </c>
      <c r="R19" s="218">
        <v>229</v>
      </c>
      <c r="S19" s="218">
        <v>311</v>
      </c>
      <c r="T19" s="219">
        <v>171</v>
      </c>
      <c r="U19" s="240">
        <v>731</v>
      </c>
      <c r="V19" s="242">
        <v>731</v>
      </c>
      <c r="W19" s="222">
        <v>0</v>
      </c>
      <c r="X19" s="219">
        <v>0</v>
      </c>
      <c r="Y19" s="240">
        <v>0</v>
      </c>
      <c r="Z19" s="222">
        <v>0</v>
      </c>
      <c r="AA19" s="218">
        <v>1</v>
      </c>
      <c r="AB19" s="218">
        <v>1</v>
      </c>
      <c r="AC19" s="218">
        <v>1</v>
      </c>
      <c r="AD19" s="219">
        <v>2</v>
      </c>
      <c r="AE19" s="240">
        <v>5</v>
      </c>
      <c r="AF19" s="221">
        <v>5</v>
      </c>
      <c r="AG19" s="222">
        <v>0</v>
      </c>
      <c r="AH19" s="219">
        <v>0</v>
      </c>
      <c r="AI19" s="240">
        <v>0</v>
      </c>
      <c r="AJ19" s="222">
        <v>60</v>
      </c>
      <c r="AK19" s="218">
        <v>89</v>
      </c>
      <c r="AL19" s="218">
        <v>127</v>
      </c>
      <c r="AM19" s="218">
        <v>142</v>
      </c>
      <c r="AN19" s="219">
        <v>66</v>
      </c>
      <c r="AO19" s="240">
        <v>484</v>
      </c>
      <c r="AP19" s="221">
        <v>484</v>
      </c>
      <c r="AQ19" s="222">
        <v>0</v>
      </c>
      <c r="AR19" s="219">
        <v>0</v>
      </c>
      <c r="AS19" s="240">
        <v>0</v>
      </c>
      <c r="AT19" s="220">
        <v>60</v>
      </c>
      <c r="AU19" s="218">
        <v>89</v>
      </c>
      <c r="AV19" s="218">
        <v>126</v>
      </c>
      <c r="AW19" s="218">
        <v>140</v>
      </c>
      <c r="AX19" s="219">
        <v>65</v>
      </c>
      <c r="AY19" s="240">
        <v>480</v>
      </c>
      <c r="AZ19" s="241">
        <v>480</v>
      </c>
      <c r="BA19" s="217">
        <v>0</v>
      </c>
      <c r="BB19" s="219">
        <v>0</v>
      </c>
      <c r="BC19" s="219">
        <v>0</v>
      </c>
      <c r="BD19" s="220">
        <v>0</v>
      </c>
      <c r="BE19" s="218">
        <v>0</v>
      </c>
      <c r="BF19" s="218">
        <v>1</v>
      </c>
      <c r="BG19" s="218">
        <v>2</v>
      </c>
      <c r="BH19" s="219">
        <v>1</v>
      </c>
      <c r="BI19" s="240">
        <v>4</v>
      </c>
      <c r="BJ19" s="242">
        <v>4</v>
      </c>
      <c r="BK19" s="222">
        <v>0</v>
      </c>
      <c r="BL19" s="219">
        <v>0</v>
      </c>
      <c r="BM19" s="219">
        <v>0</v>
      </c>
      <c r="BN19" s="220">
        <v>0</v>
      </c>
      <c r="BO19" s="218">
        <v>0</v>
      </c>
      <c r="BP19" s="218">
        <v>0</v>
      </c>
      <c r="BQ19" s="218">
        <v>0</v>
      </c>
      <c r="BR19" s="219">
        <v>0</v>
      </c>
      <c r="BS19" s="240">
        <v>0</v>
      </c>
      <c r="BT19" s="241">
        <v>0</v>
      </c>
      <c r="BU19" s="217">
        <v>0</v>
      </c>
      <c r="BV19" s="219">
        <v>0</v>
      </c>
      <c r="BW19" s="219">
        <v>0</v>
      </c>
      <c r="BX19" s="220">
        <v>0</v>
      </c>
      <c r="BY19" s="218">
        <v>0</v>
      </c>
      <c r="BZ19" s="218">
        <v>0</v>
      </c>
      <c r="CA19" s="218">
        <v>0</v>
      </c>
      <c r="CB19" s="219">
        <v>0</v>
      </c>
      <c r="CC19" s="240">
        <v>0</v>
      </c>
      <c r="CD19" s="242">
        <v>0</v>
      </c>
      <c r="CE19" s="222">
        <v>0</v>
      </c>
      <c r="CF19" s="219">
        <v>0</v>
      </c>
      <c r="CG19" s="219">
        <v>0</v>
      </c>
      <c r="CH19" s="220">
        <v>0</v>
      </c>
      <c r="CI19" s="218">
        <v>0</v>
      </c>
      <c r="CJ19" s="218">
        <v>0</v>
      </c>
      <c r="CK19" s="218">
        <v>0</v>
      </c>
      <c r="CL19" s="219">
        <v>0</v>
      </c>
      <c r="CM19" s="240">
        <v>0</v>
      </c>
      <c r="CN19" s="242">
        <v>0</v>
      </c>
      <c r="CO19" s="222">
        <v>0</v>
      </c>
      <c r="CP19" s="219">
        <v>0</v>
      </c>
      <c r="CQ19" s="219">
        <v>0</v>
      </c>
      <c r="CR19" s="220">
        <v>0</v>
      </c>
      <c r="CS19" s="218">
        <v>0</v>
      </c>
      <c r="CT19" s="218">
        <v>4</v>
      </c>
      <c r="CU19" s="218">
        <v>13</v>
      </c>
      <c r="CV19" s="219">
        <v>8</v>
      </c>
      <c r="CW19" s="240">
        <v>25</v>
      </c>
      <c r="CX19" s="241">
        <v>25</v>
      </c>
      <c r="CY19" s="217">
        <v>0</v>
      </c>
      <c r="CZ19" s="219">
        <v>0</v>
      </c>
      <c r="DA19" s="219">
        <v>0</v>
      </c>
      <c r="DB19" s="220">
        <v>0</v>
      </c>
      <c r="DC19" s="218">
        <v>0</v>
      </c>
      <c r="DD19" s="218">
        <v>4</v>
      </c>
      <c r="DE19" s="218">
        <v>13</v>
      </c>
      <c r="DF19" s="219">
        <v>8</v>
      </c>
      <c r="DG19" s="240">
        <v>25</v>
      </c>
      <c r="DH19" s="242">
        <v>25</v>
      </c>
      <c r="DI19" s="222">
        <v>0</v>
      </c>
      <c r="DJ19" s="219">
        <v>0</v>
      </c>
      <c r="DK19" s="219">
        <v>0</v>
      </c>
      <c r="DL19" s="220">
        <v>0</v>
      </c>
      <c r="DM19" s="218">
        <v>0</v>
      </c>
      <c r="DN19" s="218">
        <v>0</v>
      </c>
      <c r="DO19" s="218">
        <v>0</v>
      </c>
      <c r="DP19" s="219">
        <v>0</v>
      </c>
      <c r="DQ19" s="240">
        <v>0</v>
      </c>
      <c r="DR19" s="242">
        <v>0</v>
      </c>
      <c r="DS19" s="222">
        <v>0</v>
      </c>
      <c r="DT19" s="219">
        <v>0</v>
      </c>
      <c r="DU19" s="219">
        <v>0</v>
      </c>
      <c r="DV19" s="220">
        <v>66</v>
      </c>
      <c r="DW19" s="218">
        <v>104</v>
      </c>
      <c r="DX19" s="218">
        <v>358</v>
      </c>
      <c r="DY19" s="218">
        <v>459</v>
      </c>
      <c r="DZ19" s="219">
        <v>245</v>
      </c>
      <c r="EA19" s="240">
        <v>1232</v>
      </c>
      <c r="EB19" s="242">
        <v>1232</v>
      </c>
      <c r="EC19" s="239"/>
    </row>
    <row r="20" spans="2:133" ht="21" customHeight="1" x14ac:dyDescent="0.2">
      <c r="B20" s="106" t="s">
        <v>17</v>
      </c>
      <c r="C20" s="217">
        <v>0</v>
      </c>
      <c r="D20" s="219">
        <v>0</v>
      </c>
      <c r="E20" s="219">
        <v>0</v>
      </c>
      <c r="F20" s="220">
        <v>5</v>
      </c>
      <c r="G20" s="218">
        <v>13</v>
      </c>
      <c r="H20" s="218">
        <v>214</v>
      </c>
      <c r="I20" s="218">
        <v>302</v>
      </c>
      <c r="J20" s="219">
        <v>212</v>
      </c>
      <c r="K20" s="240">
        <v>746</v>
      </c>
      <c r="L20" s="241">
        <v>746</v>
      </c>
      <c r="M20" s="217">
        <v>0</v>
      </c>
      <c r="N20" s="219">
        <v>0</v>
      </c>
      <c r="O20" s="240">
        <v>0</v>
      </c>
      <c r="P20" s="220">
        <v>5</v>
      </c>
      <c r="Q20" s="218">
        <v>13</v>
      </c>
      <c r="R20" s="218">
        <v>214</v>
      </c>
      <c r="S20" s="218">
        <v>299</v>
      </c>
      <c r="T20" s="219">
        <v>208</v>
      </c>
      <c r="U20" s="240">
        <v>739</v>
      </c>
      <c r="V20" s="242">
        <v>739</v>
      </c>
      <c r="W20" s="222">
        <v>0</v>
      </c>
      <c r="X20" s="219">
        <v>0</v>
      </c>
      <c r="Y20" s="240">
        <v>0</v>
      </c>
      <c r="Z20" s="222">
        <v>0</v>
      </c>
      <c r="AA20" s="218">
        <v>0</v>
      </c>
      <c r="AB20" s="218">
        <v>0</v>
      </c>
      <c r="AC20" s="218">
        <v>3</v>
      </c>
      <c r="AD20" s="219">
        <v>4</v>
      </c>
      <c r="AE20" s="240">
        <v>7</v>
      </c>
      <c r="AF20" s="221">
        <v>7</v>
      </c>
      <c r="AG20" s="222">
        <v>0</v>
      </c>
      <c r="AH20" s="219">
        <v>0</v>
      </c>
      <c r="AI20" s="240">
        <v>0</v>
      </c>
      <c r="AJ20" s="222">
        <v>41</v>
      </c>
      <c r="AK20" s="218">
        <v>119</v>
      </c>
      <c r="AL20" s="218">
        <v>146</v>
      </c>
      <c r="AM20" s="218">
        <v>145</v>
      </c>
      <c r="AN20" s="219">
        <v>79</v>
      </c>
      <c r="AO20" s="240">
        <v>530</v>
      </c>
      <c r="AP20" s="221">
        <v>530</v>
      </c>
      <c r="AQ20" s="222">
        <v>0</v>
      </c>
      <c r="AR20" s="219">
        <v>0</v>
      </c>
      <c r="AS20" s="240">
        <v>0</v>
      </c>
      <c r="AT20" s="220">
        <v>40</v>
      </c>
      <c r="AU20" s="218">
        <v>116</v>
      </c>
      <c r="AV20" s="218">
        <v>144</v>
      </c>
      <c r="AW20" s="218">
        <v>143</v>
      </c>
      <c r="AX20" s="219">
        <v>76</v>
      </c>
      <c r="AY20" s="240">
        <v>519</v>
      </c>
      <c r="AZ20" s="241">
        <v>519</v>
      </c>
      <c r="BA20" s="217">
        <v>0</v>
      </c>
      <c r="BB20" s="219">
        <v>0</v>
      </c>
      <c r="BC20" s="219">
        <v>0</v>
      </c>
      <c r="BD20" s="220">
        <v>1</v>
      </c>
      <c r="BE20" s="218">
        <v>3</v>
      </c>
      <c r="BF20" s="218">
        <v>2</v>
      </c>
      <c r="BG20" s="218">
        <v>2</v>
      </c>
      <c r="BH20" s="219">
        <v>3</v>
      </c>
      <c r="BI20" s="240">
        <v>11</v>
      </c>
      <c r="BJ20" s="242">
        <v>11</v>
      </c>
      <c r="BK20" s="222">
        <v>0</v>
      </c>
      <c r="BL20" s="219">
        <v>0</v>
      </c>
      <c r="BM20" s="219">
        <v>0</v>
      </c>
      <c r="BN20" s="220">
        <v>0</v>
      </c>
      <c r="BO20" s="218">
        <v>0</v>
      </c>
      <c r="BP20" s="218">
        <v>0</v>
      </c>
      <c r="BQ20" s="218">
        <v>0</v>
      </c>
      <c r="BR20" s="219">
        <v>0</v>
      </c>
      <c r="BS20" s="240">
        <v>0</v>
      </c>
      <c r="BT20" s="241">
        <v>0</v>
      </c>
      <c r="BU20" s="217">
        <v>0</v>
      </c>
      <c r="BV20" s="219">
        <v>0</v>
      </c>
      <c r="BW20" s="219">
        <v>0</v>
      </c>
      <c r="BX20" s="220">
        <v>0</v>
      </c>
      <c r="BY20" s="218">
        <v>0</v>
      </c>
      <c r="BZ20" s="218">
        <v>0</v>
      </c>
      <c r="CA20" s="218">
        <v>0</v>
      </c>
      <c r="CB20" s="219">
        <v>0</v>
      </c>
      <c r="CC20" s="240">
        <v>0</v>
      </c>
      <c r="CD20" s="242">
        <v>0</v>
      </c>
      <c r="CE20" s="222">
        <v>0</v>
      </c>
      <c r="CF20" s="219">
        <v>0</v>
      </c>
      <c r="CG20" s="219">
        <v>0</v>
      </c>
      <c r="CH20" s="220">
        <v>0</v>
      </c>
      <c r="CI20" s="218">
        <v>0</v>
      </c>
      <c r="CJ20" s="218">
        <v>0</v>
      </c>
      <c r="CK20" s="218">
        <v>0</v>
      </c>
      <c r="CL20" s="219">
        <v>0</v>
      </c>
      <c r="CM20" s="240">
        <v>0</v>
      </c>
      <c r="CN20" s="242">
        <v>0</v>
      </c>
      <c r="CO20" s="222">
        <v>0</v>
      </c>
      <c r="CP20" s="219">
        <v>0</v>
      </c>
      <c r="CQ20" s="219">
        <v>0</v>
      </c>
      <c r="CR20" s="220">
        <v>0</v>
      </c>
      <c r="CS20" s="218">
        <v>0</v>
      </c>
      <c r="CT20" s="218">
        <v>0</v>
      </c>
      <c r="CU20" s="218">
        <v>6</v>
      </c>
      <c r="CV20" s="219">
        <v>16</v>
      </c>
      <c r="CW20" s="240">
        <v>22</v>
      </c>
      <c r="CX20" s="241">
        <v>22</v>
      </c>
      <c r="CY20" s="217">
        <v>0</v>
      </c>
      <c r="CZ20" s="219">
        <v>0</v>
      </c>
      <c r="DA20" s="219">
        <v>0</v>
      </c>
      <c r="DB20" s="220">
        <v>0</v>
      </c>
      <c r="DC20" s="218">
        <v>0</v>
      </c>
      <c r="DD20" s="218">
        <v>0</v>
      </c>
      <c r="DE20" s="218">
        <v>6</v>
      </c>
      <c r="DF20" s="219">
        <v>14</v>
      </c>
      <c r="DG20" s="240">
        <v>20</v>
      </c>
      <c r="DH20" s="242">
        <v>20</v>
      </c>
      <c r="DI20" s="222">
        <v>0</v>
      </c>
      <c r="DJ20" s="219">
        <v>0</v>
      </c>
      <c r="DK20" s="219">
        <v>0</v>
      </c>
      <c r="DL20" s="220">
        <v>0</v>
      </c>
      <c r="DM20" s="218">
        <v>0</v>
      </c>
      <c r="DN20" s="218">
        <v>0</v>
      </c>
      <c r="DO20" s="218">
        <v>0</v>
      </c>
      <c r="DP20" s="219">
        <v>2</v>
      </c>
      <c r="DQ20" s="240">
        <v>2</v>
      </c>
      <c r="DR20" s="242">
        <v>2</v>
      </c>
      <c r="DS20" s="222">
        <v>0</v>
      </c>
      <c r="DT20" s="219">
        <v>0</v>
      </c>
      <c r="DU20" s="219">
        <v>0</v>
      </c>
      <c r="DV20" s="220">
        <v>46</v>
      </c>
      <c r="DW20" s="218">
        <v>132</v>
      </c>
      <c r="DX20" s="218">
        <v>360</v>
      </c>
      <c r="DY20" s="218">
        <v>453</v>
      </c>
      <c r="DZ20" s="219">
        <v>307</v>
      </c>
      <c r="EA20" s="240">
        <v>1298</v>
      </c>
      <c r="EB20" s="242">
        <v>1298</v>
      </c>
      <c r="EC20" s="239"/>
    </row>
    <row r="21" spans="2:133" ht="21" customHeight="1" x14ac:dyDescent="0.2">
      <c r="B21" s="106" t="s">
        <v>18</v>
      </c>
      <c r="C21" s="217">
        <v>0</v>
      </c>
      <c r="D21" s="219">
        <v>0</v>
      </c>
      <c r="E21" s="219">
        <v>0</v>
      </c>
      <c r="F21" s="220">
        <v>4</v>
      </c>
      <c r="G21" s="218">
        <v>14</v>
      </c>
      <c r="H21" s="218">
        <v>198</v>
      </c>
      <c r="I21" s="218">
        <v>390</v>
      </c>
      <c r="J21" s="219">
        <v>245</v>
      </c>
      <c r="K21" s="240">
        <v>851</v>
      </c>
      <c r="L21" s="241">
        <v>851</v>
      </c>
      <c r="M21" s="217">
        <v>0</v>
      </c>
      <c r="N21" s="219">
        <v>0</v>
      </c>
      <c r="O21" s="240">
        <v>0</v>
      </c>
      <c r="P21" s="220">
        <v>4</v>
      </c>
      <c r="Q21" s="218">
        <v>14</v>
      </c>
      <c r="R21" s="218">
        <v>196</v>
      </c>
      <c r="S21" s="218">
        <v>383</v>
      </c>
      <c r="T21" s="219">
        <v>241</v>
      </c>
      <c r="U21" s="240">
        <v>838</v>
      </c>
      <c r="V21" s="242">
        <v>838</v>
      </c>
      <c r="W21" s="222">
        <v>0</v>
      </c>
      <c r="X21" s="219">
        <v>0</v>
      </c>
      <c r="Y21" s="240">
        <v>0</v>
      </c>
      <c r="Z21" s="222">
        <v>0</v>
      </c>
      <c r="AA21" s="218">
        <v>0</v>
      </c>
      <c r="AB21" s="218">
        <v>2</v>
      </c>
      <c r="AC21" s="218">
        <v>7</v>
      </c>
      <c r="AD21" s="219">
        <v>4</v>
      </c>
      <c r="AE21" s="240">
        <v>13</v>
      </c>
      <c r="AF21" s="221">
        <v>13</v>
      </c>
      <c r="AG21" s="222">
        <v>0</v>
      </c>
      <c r="AH21" s="219">
        <v>0</v>
      </c>
      <c r="AI21" s="240">
        <v>0</v>
      </c>
      <c r="AJ21" s="222">
        <v>23</v>
      </c>
      <c r="AK21" s="218">
        <v>66</v>
      </c>
      <c r="AL21" s="218">
        <v>107</v>
      </c>
      <c r="AM21" s="218">
        <v>107</v>
      </c>
      <c r="AN21" s="219">
        <v>69</v>
      </c>
      <c r="AO21" s="240">
        <v>372</v>
      </c>
      <c r="AP21" s="221">
        <v>372</v>
      </c>
      <c r="AQ21" s="222">
        <v>0</v>
      </c>
      <c r="AR21" s="219">
        <v>0</v>
      </c>
      <c r="AS21" s="240">
        <v>0</v>
      </c>
      <c r="AT21" s="220">
        <v>23</v>
      </c>
      <c r="AU21" s="218">
        <v>63</v>
      </c>
      <c r="AV21" s="218">
        <v>103</v>
      </c>
      <c r="AW21" s="218">
        <v>106</v>
      </c>
      <c r="AX21" s="219">
        <v>66</v>
      </c>
      <c r="AY21" s="240">
        <v>361</v>
      </c>
      <c r="AZ21" s="241">
        <v>361</v>
      </c>
      <c r="BA21" s="217">
        <v>0</v>
      </c>
      <c r="BB21" s="219">
        <v>0</v>
      </c>
      <c r="BC21" s="219">
        <v>0</v>
      </c>
      <c r="BD21" s="220">
        <v>0</v>
      </c>
      <c r="BE21" s="218">
        <v>3</v>
      </c>
      <c r="BF21" s="218">
        <v>4</v>
      </c>
      <c r="BG21" s="218">
        <v>1</v>
      </c>
      <c r="BH21" s="219">
        <v>3</v>
      </c>
      <c r="BI21" s="240">
        <v>11</v>
      </c>
      <c r="BJ21" s="242">
        <v>11</v>
      </c>
      <c r="BK21" s="222">
        <v>0</v>
      </c>
      <c r="BL21" s="219">
        <v>0</v>
      </c>
      <c r="BM21" s="219">
        <v>0</v>
      </c>
      <c r="BN21" s="220">
        <v>0</v>
      </c>
      <c r="BO21" s="218">
        <v>0</v>
      </c>
      <c r="BP21" s="218">
        <v>0</v>
      </c>
      <c r="BQ21" s="218">
        <v>0</v>
      </c>
      <c r="BR21" s="219">
        <v>0</v>
      </c>
      <c r="BS21" s="240">
        <v>0</v>
      </c>
      <c r="BT21" s="241">
        <v>0</v>
      </c>
      <c r="BU21" s="217">
        <v>0</v>
      </c>
      <c r="BV21" s="219">
        <v>0</v>
      </c>
      <c r="BW21" s="219">
        <v>0</v>
      </c>
      <c r="BX21" s="220">
        <v>0</v>
      </c>
      <c r="BY21" s="218">
        <v>0</v>
      </c>
      <c r="BZ21" s="218">
        <v>0</v>
      </c>
      <c r="CA21" s="218">
        <v>0</v>
      </c>
      <c r="CB21" s="219">
        <v>0</v>
      </c>
      <c r="CC21" s="240">
        <v>0</v>
      </c>
      <c r="CD21" s="242">
        <v>0</v>
      </c>
      <c r="CE21" s="222">
        <v>0</v>
      </c>
      <c r="CF21" s="219">
        <v>0</v>
      </c>
      <c r="CG21" s="219">
        <v>0</v>
      </c>
      <c r="CH21" s="220">
        <v>0</v>
      </c>
      <c r="CI21" s="218">
        <v>0</v>
      </c>
      <c r="CJ21" s="218">
        <v>0</v>
      </c>
      <c r="CK21" s="218">
        <v>0</v>
      </c>
      <c r="CL21" s="219">
        <v>0</v>
      </c>
      <c r="CM21" s="240">
        <v>0</v>
      </c>
      <c r="CN21" s="242">
        <v>0</v>
      </c>
      <c r="CO21" s="222">
        <v>0</v>
      </c>
      <c r="CP21" s="219">
        <v>0</v>
      </c>
      <c r="CQ21" s="219">
        <v>0</v>
      </c>
      <c r="CR21" s="220">
        <v>0</v>
      </c>
      <c r="CS21" s="218">
        <v>1</v>
      </c>
      <c r="CT21" s="218">
        <v>1</v>
      </c>
      <c r="CU21" s="218">
        <v>11</v>
      </c>
      <c r="CV21" s="219">
        <v>22</v>
      </c>
      <c r="CW21" s="240">
        <v>35</v>
      </c>
      <c r="CX21" s="241">
        <v>35</v>
      </c>
      <c r="CY21" s="217">
        <v>0</v>
      </c>
      <c r="CZ21" s="219">
        <v>0</v>
      </c>
      <c r="DA21" s="219">
        <v>0</v>
      </c>
      <c r="DB21" s="220">
        <v>0</v>
      </c>
      <c r="DC21" s="218">
        <v>1</v>
      </c>
      <c r="DD21" s="218">
        <v>1</v>
      </c>
      <c r="DE21" s="218">
        <v>10</v>
      </c>
      <c r="DF21" s="219">
        <v>22</v>
      </c>
      <c r="DG21" s="240">
        <v>34</v>
      </c>
      <c r="DH21" s="242">
        <v>34</v>
      </c>
      <c r="DI21" s="222">
        <v>0</v>
      </c>
      <c r="DJ21" s="219">
        <v>0</v>
      </c>
      <c r="DK21" s="219">
        <v>0</v>
      </c>
      <c r="DL21" s="220">
        <v>0</v>
      </c>
      <c r="DM21" s="218">
        <v>0</v>
      </c>
      <c r="DN21" s="218">
        <v>0</v>
      </c>
      <c r="DO21" s="218">
        <v>1</v>
      </c>
      <c r="DP21" s="219">
        <v>0</v>
      </c>
      <c r="DQ21" s="240">
        <v>1</v>
      </c>
      <c r="DR21" s="242">
        <v>1</v>
      </c>
      <c r="DS21" s="222">
        <v>0</v>
      </c>
      <c r="DT21" s="219">
        <v>0</v>
      </c>
      <c r="DU21" s="219">
        <v>0</v>
      </c>
      <c r="DV21" s="220">
        <v>27</v>
      </c>
      <c r="DW21" s="218">
        <v>81</v>
      </c>
      <c r="DX21" s="218">
        <v>306</v>
      </c>
      <c r="DY21" s="218">
        <v>507</v>
      </c>
      <c r="DZ21" s="219">
        <v>336</v>
      </c>
      <c r="EA21" s="240">
        <v>1257</v>
      </c>
      <c r="EB21" s="242">
        <v>1257</v>
      </c>
      <c r="EC21" s="239"/>
    </row>
    <row r="22" spans="2:133" ht="21" customHeight="1" x14ac:dyDescent="0.2">
      <c r="B22" s="106" t="s">
        <v>19</v>
      </c>
      <c r="C22" s="217">
        <v>0</v>
      </c>
      <c r="D22" s="219">
        <v>0</v>
      </c>
      <c r="E22" s="219">
        <v>0</v>
      </c>
      <c r="F22" s="220">
        <v>0</v>
      </c>
      <c r="G22" s="218">
        <v>6</v>
      </c>
      <c r="H22" s="218">
        <v>134</v>
      </c>
      <c r="I22" s="218">
        <v>132</v>
      </c>
      <c r="J22" s="219">
        <v>118</v>
      </c>
      <c r="K22" s="240">
        <v>390</v>
      </c>
      <c r="L22" s="241">
        <v>390</v>
      </c>
      <c r="M22" s="217">
        <v>0</v>
      </c>
      <c r="N22" s="219">
        <v>0</v>
      </c>
      <c r="O22" s="240">
        <v>0</v>
      </c>
      <c r="P22" s="220">
        <v>0</v>
      </c>
      <c r="Q22" s="218">
        <v>6</v>
      </c>
      <c r="R22" s="218">
        <v>132</v>
      </c>
      <c r="S22" s="218">
        <v>131</v>
      </c>
      <c r="T22" s="219">
        <v>117</v>
      </c>
      <c r="U22" s="240">
        <v>386</v>
      </c>
      <c r="V22" s="242">
        <v>386</v>
      </c>
      <c r="W22" s="222">
        <v>0</v>
      </c>
      <c r="X22" s="219">
        <v>0</v>
      </c>
      <c r="Y22" s="240">
        <v>0</v>
      </c>
      <c r="Z22" s="222">
        <v>0</v>
      </c>
      <c r="AA22" s="218">
        <v>0</v>
      </c>
      <c r="AB22" s="218">
        <v>2</v>
      </c>
      <c r="AC22" s="218">
        <v>1</v>
      </c>
      <c r="AD22" s="219">
        <v>1</v>
      </c>
      <c r="AE22" s="240">
        <v>4</v>
      </c>
      <c r="AF22" s="221">
        <v>4</v>
      </c>
      <c r="AG22" s="222">
        <v>0</v>
      </c>
      <c r="AH22" s="219">
        <v>0</v>
      </c>
      <c r="AI22" s="240">
        <v>0</v>
      </c>
      <c r="AJ22" s="222">
        <v>33</v>
      </c>
      <c r="AK22" s="218">
        <v>44</v>
      </c>
      <c r="AL22" s="218">
        <v>79</v>
      </c>
      <c r="AM22" s="218">
        <v>51</v>
      </c>
      <c r="AN22" s="219">
        <v>22</v>
      </c>
      <c r="AO22" s="240">
        <v>229</v>
      </c>
      <c r="AP22" s="221">
        <v>229</v>
      </c>
      <c r="AQ22" s="222">
        <v>0</v>
      </c>
      <c r="AR22" s="219">
        <v>0</v>
      </c>
      <c r="AS22" s="240">
        <v>0</v>
      </c>
      <c r="AT22" s="220">
        <v>32</v>
      </c>
      <c r="AU22" s="218">
        <v>43</v>
      </c>
      <c r="AV22" s="218">
        <v>77</v>
      </c>
      <c r="AW22" s="218">
        <v>50</v>
      </c>
      <c r="AX22" s="219">
        <v>22</v>
      </c>
      <c r="AY22" s="240">
        <v>224</v>
      </c>
      <c r="AZ22" s="241">
        <v>224</v>
      </c>
      <c r="BA22" s="217">
        <v>0</v>
      </c>
      <c r="BB22" s="219">
        <v>0</v>
      </c>
      <c r="BC22" s="219">
        <v>0</v>
      </c>
      <c r="BD22" s="220">
        <v>1</v>
      </c>
      <c r="BE22" s="218">
        <v>1</v>
      </c>
      <c r="BF22" s="218">
        <v>2</v>
      </c>
      <c r="BG22" s="218">
        <v>1</v>
      </c>
      <c r="BH22" s="219">
        <v>0</v>
      </c>
      <c r="BI22" s="240">
        <v>5</v>
      </c>
      <c r="BJ22" s="242">
        <v>5</v>
      </c>
      <c r="BK22" s="222">
        <v>0</v>
      </c>
      <c r="BL22" s="219">
        <v>0</v>
      </c>
      <c r="BM22" s="219">
        <v>0</v>
      </c>
      <c r="BN22" s="220">
        <v>0</v>
      </c>
      <c r="BO22" s="218">
        <v>0</v>
      </c>
      <c r="BP22" s="218">
        <v>0</v>
      </c>
      <c r="BQ22" s="218">
        <v>0</v>
      </c>
      <c r="BR22" s="219">
        <v>0</v>
      </c>
      <c r="BS22" s="240">
        <v>0</v>
      </c>
      <c r="BT22" s="241">
        <v>0</v>
      </c>
      <c r="BU22" s="217">
        <v>0</v>
      </c>
      <c r="BV22" s="219">
        <v>0</v>
      </c>
      <c r="BW22" s="219">
        <v>0</v>
      </c>
      <c r="BX22" s="220">
        <v>0</v>
      </c>
      <c r="BY22" s="218">
        <v>0</v>
      </c>
      <c r="BZ22" s="218">
        <v>0</v>
      </c>
      <c r="CA22" s="218">
        <v>0</v>
      </c>
      <c r="CB22" s="219">
        <v>0</v>
      </c>
      <c r="CC22" s="240">
        <v>0</v>
      </c>
      <c r="CD22" s="242">
        <v>0</v>
      </c>
      <c r="CE22" s="222">
        <v>0</v>
      </c>
      <c r="CF22" s="219">
        <v>0</v>
      </c>
      <c r="CG22" s="219">
        <v>0</v>
      </c>
      <c r="CH22" s="220">
        <v>0</v>
      </c>
      <c r="CI22" s="218">
        <v>0</v>
      </c>
      <c r="CJ22" s="218">
        <v>0</v>
      </c>
      <c r="CK22" s="218">
        <v>0</v>
      </c>
      <c r="CL22" s="219">
        <v>0</v>
      </c>
      <c r="CM22" s="240">
        <v>0</v>
      </c>
      <c r="CN22" s="242">
        <v>0</v>
      </c>
      <c r="CO22" s="222">
        <v>0</v>
      </c>
      <c r="CP22" s="219">
        <v>0</v>
      </c>
      <c r="CQ22" s="219">
        <v>0</v>
      </c>
      <c r="CR22" s="220">
        <v>0</v>
      </c>
      <c r="CS22" s="218">
        <v>0</v>
      </c>
      <c r="CT22" s="218">
        <v>0</v>
      </c>
      <c r="CU22" s="218">
        <v>3</v>
      </c>
      <c r="CV22" s="219">
        <v>5</v>
      </c>
      <c r="CW22" s="240">
        <v>8</v>
      </c>
      <c r="CX22" s="241">
        <v>8</v>
      </c>
      <c r="CY22" s="217">
        <v>0</v>
      </c>
      <c r="CZ22" s="219">
        <v>0</v>
      </c>
      <c r="DA22" s="219">
        <v>0</v>
      </c>
      <c r="DB22" s="220">
        <v>0</v>
      </c>
      <c r="DC22" s="218">
        <v>0</v>
      </c>
      <c r="DD22" s="218">
        <v>0</v>
      </c>
      <c r="DE22" s="218">
        <v>3</v>
      </c>
      <c r="DF22" s="219">
        <v>5</v>
      </c>
      <c r="DG22" s="240">
        <v>8</v>
      </c>
      <c r="DH22" s="242">
        <v>8</v>
      </c>
      <c r="DI22" s="222">
        <v>0</v>
      </c>
      <c r="DJ22" s="219">
        <v>0</v>
      </c>
      <c r="DK22" s="219">
        <v>0</v>
      </c>
      <c r="DL22" s="220">
        <v>0</v>
      </c>
      <c r="DM22" s="218">
        <v>0</v>
      </c>
      <c r="DN22" s="218">
        <v>0</v>
      </c>
      <c r="DO22" s="218">
        <v>0</v>
      </c>
      <c r="DP22" s="219">
        <v>0</v>
      </c>
      <c r="DQ22" s="240">
        <v>0</v>
      </c>
      <c r="DR22" s="242">
        <v>0</v>
      </c>
      <c r="DS22" s="222">
        <v>0</v>
      </c>
      <c r="DT22" s="219">
        <v>0</v>
      </c>
      <c r="DU22" s="219">
        <v>0</v>
      </c>
      <c r="DV22" s="220">
        <v>33</v>
      </c>
      <c r="DW22" s="218">
        <v>50</v>
      </c>
      <c r="DX22" s="218">
        <v>211</v>
      </c>
      <c r="DY22" s="218">
        <v>185</v>
      </c>
      <c r="DZ22" s="219">
        <v>145</v>
      </c>
      <c r="EA22" s="240">
        <v>624</v>
      </c>
      <c r="EB22" s="242">
        <v>624</v>
      </c>
      <c r="EC22" s="239"/>
    </row>
    <row r="23" spans="2:133" ht="21" customHeight="1" x14ac:dyDescent="0.2">
      <c r="B23" s="106" t="s">
        <v>20</v>
      </c>
      <c r="C23" s="217">
        <v>0</v>
      </c>
      <c r="D23" s="219">
        <v>0</v>
      </c>
      <c r="E23" s="219">
        <v>0</v>
      </c>
      <c r="F23" s="220">
        <v>6</v>
      </c>
      <c r="G23" s="218">
        <v>21</v>
      </c>
      <c r="H23" s="218">
        <v>141</v>
      </c>
      <c r="I23" s="218">
        <v>230</v>
      </c>
      <c r="J23" s="219">
        <v>107</v>
      </c>
      <c r="K23" s="240">
        <v>505</v>
      </c>
      <c r="L23" s="241">
        <v>505</v>
      </c>
      <c r="M23" s="217">
        <v>0</v>
      </c>
      <c r="N23" s="219">
        <v>0</v>
      </c>
      <c r="O23" s="240">
        <v>0</v>
      </c>
      <c r="P23" s="220">
        <v>6</v>
      </c>
      <c r="Q23" s="218">
        <v>21</v>
      </c>
      <c r="R23" s="218">
        <v>141</v>
      </c>
      <c r="S23" s="218">
        <v>227</v>
      </c>
      <c r="T23" s="219">
        <v>105</v>
      </c>
      <c r="U23" s="240">
        <v>500</v>
      </c>
      <c r="V23" s="242">
        <v>500</v>
      </c>
      <c r="W23" s="222">
        <v>0</v>
      </c>
      <c r="X23" s="219">
        <v>0</v>
      </c>
      <c r="Y23" s="240">
        <v>0</v>
      </c>
      <c r="Z23" s="222">
        <v>0</v>
      </c>
      <c r="AA23" s="218">
        <v>0</v>
      </c>
      <c r="AB23" s="218">
        <v>0</v>
      </c>
      <c r="AC23" s="218">
        <v>3</v>
      </c>
      <c r="AD23" s="219">
        <v>2</v>
      </c>
      <c r="AE23" s="240">
        <v>5</v>
      </c>
      <c r="AF23" s="221">
        <v>5</v>
      </c>
      <c r="AG23" s="222">
        <v>0</v>
      </c>
      <c r="AH23" s="219">
        <v>0</v>
      </c>
      <c r="AI23" s="240">
        <v>0</v>
      </c>
      <c r="AJ23" s="222">
        <v>13</v>
      </c>
      <c r="AK23" s="218">
        <v>33</v>
      </c>
      <c r="AL23" s="218">
        <v>37</v>
      </c>
      <c r="AM23" s="218">
        <v>55</v>
      </c>
      <c r="AN23" s="219">
        <v>22</v>
      </c>
      <c r="AO23" s="240">
        <v>160</v>
      </c>
      <c r="AP23" s="221">
        <v>160</v>
      </c>
      <c r="AQ23" s="222">
        <v>0</v>
      </c>
      <c r="AR23" s="219">
        <v>0</v>
      </c>
      <c r="AS23" s="240">
        <v>0</v>
      </c>
      <c r="AT23" s="220">
        <v>12</v>
      </c>
      <c r="AU23" s="218">
        <v>33</v>
      </c>
      <c r="AV23" s="218">
        <v>37</v>
      </c>
      <c r="AW23" s="218">
        <v>55</v>
      </c>
      <c r="AX23" s="219">
        <v>22</v>
      </c>
      <c r="AY23" s="240">
        <v>159</v>
      </c>
      <c r="AZ23" s="241">
        <v>159</v>
      </c>
      <c r="BA23" s="217">
        <v>0</v>
      </c>
      <c r="BB23" s="219">
        <v>0</v>
      </c>
      <c r="BC23" s="219">
        <v>0</v>
      </c>
      <c r="BD23" s="220">
        <v>1</v>
      </c>
      <c r="BE23" s="218">
        <v>0</v>
      </c>
      <c r="BF23" s="218">
        <v>0</v>
      </c>
      <c r="BG23" s="218">
        <v>0</v>
      </c>
      <c r="BH23" s="219">
        <v>0</v>
      </c>
      <c r="BI23" s="240">
        <v>1</v>
      </c>
      <c r="BJ23" s="242">
        <v>1</v>
      </c>
      <c r="BK23" s="222">
        <v>0</v>
      </c>
      <c r="BL23" s="219">
        <v>0</v>
      </c>
      <c r="BM23" s="219">
        <v>0</v>
      </c>
      <c r="BN23" s="220">
        <v>0</v>
      </c>
      <c r="BO23" s="218">
        <v>0</v>
      </c>
      <c r="BP23" s="218">
        <v>0</v>
      </c>
      <c r="BQ23" s="218">
        <v>0</v>
      </c>
      <c r="BR23" s="219">
        <v>0</v>
      </c>
      <c r="BS23" s="240">
        <v>0</v>
      </c>
      <c r="BT23" s="241">
        <v>0</v>
      </c>
      <c r="BU23" s="217">
        <v>0</v>
      </c>
      <c r="BV23" s="219">
        <v>0</v>
      </c>
      <c r="BW23" s="219">
        <v>0</v>
      </c>
      <c r="BX23" s="220">
        <v>0</v>
      </c>
      <c r="BY23" s="218">
        <v>0</v>
      </c>
      <c r="BZ23" s="218">
        <v>0</v>
      </c>
      <c r="CA23" s="218">
        <v>0</v>
      </c>
      <c r="CB23" s="219">
        <v>0</v>
      </c>
      <c r="CC23" s="240">
        <v>0</v>
      </c>
      <c r="CD23" s="242">
        <v>0</v>
      </c>
      <c r="CE23" s="222">
        <v>0</v>
      </c>
      <c r="CF23" s="219">
        <v>0</v>
      </c>
      <c r="CG23" s="219">
        <v>0</v>
      </c>
      <c r="CH23" s="220">
        <v>0</v>
      </c>
      <c r="CI23" s="218">
        <v>0</v>
      </c>
      <c r="CJ23" s="218">
        <v>0</v>
      </c>
      <c r="CK23" s="218">
        <v>0</v>
      </c>
      <c r="CL23" s="219">
        <v>0</v>
      </c>
      <c r="CM23" s="240">
        <v>0</v>
      </c>
      <c r="CN23" s="242">
        <v>0</v>
      </c>
      <c r="CO23" s="222">
        <v>0</v>
      </c>
      <c r="CP23" s="219">
        <v>0</v>
      </c>
      <c r="CQ23" s="219">
        <v>0</v>
      </c>
      <c r="CR23" s="220">
        <v>0</v>
      </c>
      <c r="CS23" s="218">
        <v>0</v>
      </c>
      <c r="CT23" s="218">
        <v>0</v>
      </c>
      <c r="CU23" s="218">
        <v>2</v>
      </c>
      <c r="CV23" s="219">
        <v>5</v>
      </c>
      <c r="CW23" s="240">
        <v>7</v>
      </c>
      <c r="CX23" s="241">
        <v>7</v>
      </c>
      <c r="CY23" s="217">
        <v>0</v>
      </c>
      <c r="CZ23" s="219">
        <v>0</v>
      </c>
      <c r="DA23" s="219">
        <v>0</v>
      </c>
      <c r="DB23" s="220">
        <v>0</v>
      </c>
      <c r="DC23" s="218">
        <v>0</v>
      </c>
      <c r="DD23" s="218">
        <v>0</v>
      </c>
      <c r="DE23" s="218">
        <v>2</v>
      </c>
      <c r="DF23" s="219">
        <v>5</v>
      </c>
      <c r="DG23" s="240">
        <v>7</v>
      </c>
      <c r="DH23" s="242">
        <v>7</v>
      </c>
      <c r="DI23" s="222">
        <v>0</v>
      </c>
      <c r="DJ23" s="219">
        <v>0</v>
      </c>
      <c r="DK23" s="219">
        <v>0</v>
      </c>
      <c r="DL23" s="220">
        <v>0</v>
      </c>
      <c r="DM23" s="218">
        <v>0</v>
      </c>
      <c r="DN23" s="218">
        <v>0</v>
      </c>
      <c r="DO23" s="218">
        <v>0</v>
      </c>
      <c r="DP23" s="219">
        <v>0</v>
      </c>
      <c r="DQ23" s="240">
        <v>0</v>
      </c>
      <c r="DR23" s="242">
        <v>0</v>
      </c>
      <c r="DS23" s="222">
        <v>0</v>
      </c>
      <c r="DT23" s="219">
        <v>0</v>
      </c>
      <c r="DU23" s="219">
        <v>0</v>
      </c>
      <c r="DV23" s="220">
        <v>19</v>
      </c>
      <c r="DW23" s="218">
        <v>54</v>
      </c>
      <c r="DX23" s="218">
        <v>178</v>
      </c>
      <c r="DY23" s="218">
        <v>283</v>
      </c>
      <c r="DZ23" s="219">
        <v>134</v>
      </c>
      <c r="EA23" s="240">
        <v>668</v>
      </c>
      <c r="EB23" s="242">
        <v>668</v>
      </c>
      <c r="EC23" s="239"/>
    </row>
    <row r="24" spans="2:133" ht="21" customHeight="1" x14ac:dyDescent="0.2">
      <c r="B24" s="106" t="s">
        <v>21</v>
      </c>
      <c r="C24" s="217">
        <v>0</v>
      </c>
      <c r="D24" s="219">
        <v>0</v>
      </c>
      <c r="E24" s="219">
        <v>0</v>
      </c>
      <c r="F24" s="220">
        <v>3</v>
      </c>
      <c r="G24" s="218">
        <v>12</v>
      </c>
      <c r="H24" s="218">
        <v>170</v>
      </c>
      <c r="I24" s="218">
        <v>207</v>
      </c>
      <c r="J24" s="219">
        <v>133</v>
      </c>
      <c r="K24" s="240">
        <v>525</v>
      </c>
      <c r="L24" s="241">
        <v>525</v>
      </c>
      <c r="M24" s="217">
        <v>0</v>
      </c>
      <c r="N24" s="219">
        <v>0</v>
      </c>
      <c r="O24" s="240">
        <v>0</v>
      </c>
      <c r="P24" s="220">
        <v>2</v>
      </c>
      <c r="Q24" s="218">
        <v>12</v>
      </c>
      <c r="R24" s="218">
        <v>170</v>
      </c>
      <c r="S24" s="218">
        <v>206</v>
      </c>
      <c r="T24" s="219">
        <v>131</v>
      </c>
      <c r="U24" s="240">
        <v>521</v>
      </c>
      <c r="V24" s="242">
        <v>521</v>
      </c>
      <c r="W24" s="222">
        <v>0</v>
      </c>
      <c r="X24" s="219">
        <v>0</v>
      </c>
      <c r="Y24" s="240">
        <v>0</v>
      </c>
      <c r="Z24" s="222">
        <v>1</v>
      </c>
      <c r="AA24" s="218">
        <v>0</v>
      </c>
      <c r="AB24" s="218">
        <v>0</v>
      </c>
      <c r="AC24" s="218">
        <v>1</v>
      </c>
      <c r="AD24" s="219">
        <v>2</v>
      </c>
      <c r="AE24" s="240">
        <v>4</v>
      </c>
      <c r="AF24" s="221">
        <v>4</v>
      </c>
      <c r="AG24" s="222">
        <v>0</v>
      </c>
      <c r="AH24" s="219">
        <v>0</v>
      </c>
      <c r="AI24" s="240">
        <v>0</v>
      </c>
      <c r="AJ24" s="222">
        <v>22</v>
      </c>
      <c r="AK24" s="218">
        <v>31</v>
      </c>
      <c r="AL24" s="218">
        <v>47</v>
      </c>
      <c r="AM24" s="218">
        <v>52</v>
      </c>
      <c r="AN24" s="219">
        <v>33</v>
      </c>
      <c r="AO24" s="240">
        <v>185</v>
      </c>
      <c r="AP24" s="221">
        <v>185</v>
      </c>
      <c r="AQ24" s="222">
        <v>0</v>
      </c>
      <c r="AR24" s="219">
        <v>0</v>
      </c>
      <c r="AS24" s="240">
        <v>0</v>
      </c>
      <c r="AT24" s="220">
        <v>22</v>
      </c>
      <c r="AU24" s="218">
        <v>31</v>
      </c>
      <c r="AV24" s="218">
        <v>46</v>
      </c>
      <c r="AW24" s="218">
        <v>49</v>
      </c>
      <c r="AX24" s="219">
        <v>30</v>
      </c>
      <c r="AY24" s="240">
        <v>178</v>
      </c>
      <c r="AZ24" s="241">
        <v>178</v>
      </c>
      <c r="BA24" s="217">
        <v>0</v>
      </c>
      <c r="BB24" s="219">
        <v>0</v>
      </c>
      <c r="BC24" s="219">
        <v>0</v>
      </c>
      <c r="BD24" s="220">
        <v>0</v>
      </c>
      <c r="BE24" s="218">
        <v>0</v>
      </c>
      <c r="BF24" s="218">
        <v>1</v>
      </c>
      <c r="BG24" s="218">
        <v>3</v>
      </c>
      <c r="BH24" s="219">
        <v>3</v>
      </c>
      <c r="BI24" s="240">
        <v>7</v>
      </c>
      <c r="BJ24" s="242">
        <v>7</v>
      </c>
      <c r="BK24" s="222">
        <v>0</v>
      </c>
      <c r="BL24" s="219">
        <v>0</v>
      </c>
      <c r="BM24" s="219">
        <v>0</v>
      </c>
      <c r="BN24" s="220">
        <v>0</v>
      </c>
      <c r="BO24" s="218">
        <v>0</v>
      </c>
      <c r="BP24" s="218">
        <v>0</v>
      </c>
      <c r="BQ24" s="218">
        <v>0</v>
      </c>
      <c r="BR24" s="219">
        <v>0</v>
      </c>
      <c r="BS24" s="240">
        <v>0</v>
      </c>
      <c r="BT24" s="241">
        <v>0</v>
      </c>
      <c r="BU24" s="217">
        <v>0</v>
      </c>
      <c r="BV24" s="219">
        <v>0</v>
      </c>
      <c r="BW24" s="219">
        <v>0</v>
      </c>
      <c r="BX24" s="220">
        <v>0</v>
      </c>
      <c r="BY24" s="218">
        <v>0</v>
      </c>
      <c r="BZ24" s="218">
        <v>0</v>
      </c>
      <c r="CA24" s="218">
        <v>0</v>
      </c>
      <c r="CB24" s="219">
        <v>0</v>
      </c>
      <c r="CC24" s="240">
        <v>0</v>
      </c>
      <c r="CD24" s="242">
        <v>0</v>
      </c>
      <c r="CE24" s="222">
        <v>0</v>
      </c>
      <c r="CF24" s="219">
        <v>0</v>
      </c>
      <c r="CG24" s="219">
        <v>0</v>
      </c>
      <c r="CH24" s="220">
        <v>0</v>
      </c>
      <c r="CI24" s="218">
        <v>0</v>
      </c>
      <c r="CJ24" s="218">
        <v>0</v>
      </c>
      <c r="CK24" s="218">
        <v>0</v>
      </c>
      <c r="CL24" s="219">
        <v>0</v>
      </c>
      <c r="CM24" s="240">
        <v>0</v>
      </c>
      <c r="CN24" s="242">
        <v>0</v>
      </c>
      <c r="CO24" s="222">
        <v>0</v>
      </c>
      <c r="CP24" s="219">
        <v>0</v>
      </c>
      <c r="CQ24" s="219">
        <v>0</v>
      </c>
      <c r="CR24" s="220">
        <v>3</v>
      </c>
      <c r="CS24" s="218">
        <v>5</v>
      </c>
      <c r="CT24" s="218">
        <v>1</v>
      </c>
      <c r="CU24" s="218">
        <v>14</v>
      </c>
      <c r="CV24" s="219">
        <v>17</v>
      </c>
      <c r="CW24" s="240">
        <v>40</v>
      </c>
      <c r="CX24" s="241">
        <v>40</v>
      </c>
      <c r="CY24" s="217">
        <v>0</v>
      </c>
      <c r="CZ24" s="219">
        <v>0</v>
      </c>
      <c r="DA24" s="219">
        <v>0</v>
      </c>
      <c r="DB24" s="220">
        <v>3</v>
      </c>
      <c r="DC24" s="218">
        <v>5</v>
      </c>
      <c r="DD24" s="218">
        <v>1</v>
      </c>
      <c r="DE24" s="218">
        <v>14</v>
      </c>
      <c r="DF24" s="219">
        <v>17</v>
      </c>
      <c r="DG24" s="240">
        <v>40</v>
      </c>
      <c r="DH24" s="242">
        <v>40</v>
      </c>
      <c r="DI24" s="222">
        <v>0</v>
      </c>
      <c r="DJ24" s="219">
        <v>0</v>
      </c>
      <c r="DK24" s="219">
        <v>0</v>
      </c>
      <c r="DL24" s="220">
        <v>0</v>
      </c>
      <c r="DM24" s="218">
        <v>0</v>
      </c>
      <c r="DN24" s="218">
        <v>0</v>
      </c>
      <c r="DO24" s="218">
        <v>0</v>
      </c>
      <c r="DP24" s="219">
        <v>0</v>
      </c>
      <c r="DQ24" s="240">
        <v>0</v>
      </c>
      <c r="DR24" s="242">
        <v>0</v>
      </c>
      <c r="DS24" s="222">
        <v>0</v>
      </c>
      <c r="DT24" s="219">
        <v>0</v>
      </c>
      <c r="DU24" s="219">
        <v>0</v>
      </c>
      <c r="DV24" s="220">
        <v>28</v>
      </c>
      <c r="DW24" s="218">
        <v>48</v>
      </c>
      <c r="DX24" s="218">
        <v>218</v>
      </c>
      <c r="DY24" s="218">
        <v>273</v>
      </c>
      <c r="DZ24" s="219">
        <v>183</v>
      </c>
      <c r="EA24" s="240">
        <v>750</v>
      </c>
      <c r="EB24" s="242">
        <v>750</v>
      </c>
      <c r="EC24" s="239"/>
    </row>
    <row r="25" spans="2:133" ht="21" customHeight="1" x14ac:dyDescent="0.2">
      <c r="B25" s="106" t="s">
        <v>22</v>
      </c>
      <c r="C25" s="217">
        <v>0</v>
      </c>
      <c r="D25" s="219">
        <v>0</v>
      </c>
      <c r="E25" s="219">
        <v>0</v>
      </c>
      <c r="F25" s="220">
        <v>2</v>
      </c>
      <c r="G25" s="218">
        <v>6</v>
      </c>
      <c r="H25" s="218">
        <v>40</v>
      </c>
      <c r="I25" s="218">
        <v>74</v>
      </c>
      <c r="J25" s="219">
        <v>31</v>
      </c>
      <c r="K25" s="240">
        <v>153</v>
      </c>
      <c r="L25" s="241">
        <v>153</v>
      </c>
      <c r="M25" s="217">
        <v>0</v>
      </c>
      <c r="N25" s="219">
        <v>0</v>
      </c>
      <c r="O25" s="240">
        <v>0</v>
      </c>
      <c r="P25" s="220">
        <v>2</v>
      </c>
      <c r="Q25" s="218">
        <v>6</v>
      </c>
      <c r="R25" s="218">
        <v>40</v>
      </c>
      <c r="S25" s="218">
        <v>74</v>
      </c>
      <c r="T25" s="219">
        <v>31</v>
      </c>
      <c r="U25" s="240">
        <v>153</v>
      </c>
      <c r="V25" s="242">
        <v>153</v>
      </c>
      <c r="W25" s="222">
        <v>0</v>
      </c>
      <c r="X25" s="219">
        <v>0</v>
      </c>
      <c r="Y25" s="240">
        <v>0</v>
      </c>
      <c r="Z25" s="222">
        <v>0</v>
      </c>
      <c r="AA25" s="218">
        <v>0</v>
      </c>
      <c r="AB25" s="218">
        <v>0</v>
      </c>
      <c r="AC25" s="218">
        <v>0</v>
      </c>
      <c r="AD25" s="219">
        <v>0</v>
      </c>
      <c r="AE25" s="240">
        <v>0</v>
      </c>
      <c r="AF25" s="221">
        <v>0</v>
      </c>
      <c r="AG25" s="222">
        <v>0</v>
      </c>
      <c r="AH25" s="219">
        <v>0</v>
      </c>
      <c r="AI25" s="240">
        <v>0</v>
      </c>
      <c r="AJ25" s="222">
        <v>10</v>
      </c>
      <c r="AK25" s="218">
        <v>21</v>
      </c>
      <c r="AL25" s="218">
        <v>24</v>
      </c>
      <c r="AM25" s="218">
        <v>50</v>
      </c>
      <c r="AN25" s="219">
        <v>17</v>
      </c>
      <c r="AO25" s="240">
        <v>122</v>
      </c>
      <c r="AP25" s="221">
        <v>122</v>
      </c>
      <c r="AQ25" s="222">
        <v>0</v>
      </c>
      <c r="AR25" s="219">
        <v>0</v>
      </c>
      <c r="AS25" s="240">
        <v>0</v>
      </c>
      <c r="AT25" s="220">
        <v>10</v>
      </c>
      <c r="AU25" s="218">
        <v>21</v>
      </c>
      <c r="AV25" s="218">
        <v>24</v>
      </c>
      <c r="AW25" s="218">
        <v>49</v>
      </c>
      <c r="AX25" s="219">
        <v>17</v>
      </c>
      <c r="AY25" s="240">
        <v>121</v>
      </c>
      <c r="AZ25" s="241">
        <v>121</v>
      </c>
      <c r="BA25" s="217">
        <v>0</v>
      </c>
      <c r="BB25" s="219">
        <v>0</v>
      </c>
      <c r="BC25" s="219">
        <v>0</v>
      </c>
      <c r="BD25" s="220">
        <v>0</v>
      </c>
      <c r="BE25" s="218">
        <v>0</v>
      </c>
      <c r="BF25" s="218">
        <v>0</v>
      </c>
      <c r="BG25" s="218">
        <v>1</v>
      </c>
      <c r="BH25" s="219">
        <v>0</v>
      </c>
      <c r="BI25" s="240">
        <v>1</v>
      </c>
      <c r="BJ25" s="242">
        <v>1</v>
      </c>
      <c r="BK25" s="222">
        <v>0</v>
      </c>
      <c r="BL25" s="219">
        <v>0</v>
      </c>
      <c r="BM25" s="219">
        <v>0</v>
      </c>
      <c r="BN25" s="220">
        <v>0</v>
      </c>
      <c r="BO25" s="218">
        <v>0</v>
      </c>
      <c r="BP25" s="218">
        <v>0</v>
      </c>
      <c r="BQ25" s="218">
        <v>0</v>
      </c>
      <c r="BR25" s="219">
        <v>0</v>
      </c>
      <c r="BS25" s="240">
        <v>0</v>
      </c>
      <c r="BT25" s="241">
        <v>0</v>
      </c>
      <c r="BU25" s="217">
        <v>0</v>
      </c>
      <c r="BV25" s="219">
        <v>0</v>
      </c>
      <c r="BW25" s="219">
        <v>0</v>
      </c>
      <c r="BX25" s="220">
        <v>0</v>
      </c>
      <c r="BY25" s="218">
        <v>0</v>
      </c>
      <c r="BZ25" s="218">
        <v>0</v>
      </c>
      <c r="CA25" s="218">
        <v>0</v>
      </c>
      <c r="CB25" s="219">
        <v>0</v>
      </c>
      <c r="CC25" s="240">
        <v>0</v>
      </c>
      <c r="CD25" s="242">
        <v>0</v>
      </c>
      <c r="CE25" s="222">
        <v>0</v>
      </c>
      <c r="CF25" s="219">
        <v>0</v>
      </c>
      <c r="CG25" s="219">
        <v>0</v>
      </c>
      <c r="CH25" s="220">
        <v>0</v>
      </c>
      <c r="CI25" s="218">
        <v>0</v>
      </c>
      <c r="CJ25" s="218">
        <v>0</v>
      </c>
      <c r="CK25" s="218">
        <v>0</v>
      </c>
      <c r="CL25" s="219">
        <v>0</v>
      </c>
      <c r="CM25" s="240">
        <v>0</v>
      </c>
      <c r="CN25" s="242">
        <v>0</v>
      </c>
      <c r="CO25" s="222">
        <v>0</v>
      </c>
      <c r="CP25" s="219">
        <v>0</v>
      </c>
      <c r="CQ25" s="219">
        <v>0</v>
      </c>
      <c r="CR25" s="220">
        <v>0</v>
      </c>
      <c r="CS25" s="218">
        <v>0</v>
      </c>
      <c r="CT25" s="218">
        <v>2</v>
      </c>
      <c r="CU25" s="218">
        <v>5</v>
      </c>
      <c r="CV25" s="219">
        <v>6</v>
      </c>
      <c r="CW25" s="240">
        <v>13</v>
      </c>
      <c r="CX25" s="241">
        <v>13</v>
      </c>
      <c r="CY25" s="217">
        <v>0</v>
      </c>
      <c r="CZ25" s="219">
        <v>0</v>
      </c>
      <c r="DA25" s="219">
        <v>0</v>
      </c>
      <c r="DB25" s="220">
        <v>0</v>
      </c>
      <c r="DC25" s="218">
        <v>0</v>
      </c>
      <c r="DD25" s="218">
        <v>2</v>
      </c>
      <c r="DE25" s="218">
        <v>5</v>
      </c>
      <c r="DF25" s="219">
        <v>4</v>
      </c>
      <c r="DG25" s="240">
        <v>11</v>
      </c>
      <c r="DH25" s="242">
        <v>11</v>
      </c>
      <c r="DI25" s="222">
        <v>0</v>
      </c>
      <c r="DJ25" s="219">
        <v>0</v>
      </c>
      <c r="DK25" s="219">
        <v>0</v>
      </c>
      <c r="DL25" s="220">
        <v>0</v>
      </c>
      <c r="DM25" s="218">
        <v>0</v>
      </c>
      <c r="DN25" s="218">
        <v>0</v>
      </c>
      <c r="DO25" s="218">
        <v>0</v>
      </c>
      <c r="DP25" s="219">
        <v>2</v>
      </c>
      <c r="DQ25" s="240">
        <v>2</v>
      </c>
      <c r="DR25" s="242">
        <v>2</v>
      </c>
      <c r="DS25" s="222">
        <v>0</v>
      </c>
      <c r="DT25" s="219">
        <v>0</v>
      </c>
      <c r="DU25" s="219">
        <v>0</v>
      </c>
      <c r="DV25" s="220">
        <v>12</v>
      </c>
      <c r="DW25" s="218">
        <v>27</v>
      </c>
      <c r="DX25" s="218">
        <v>66</v>
      </c>
      <c r="DY25" s="218">
        <v>129</v>
      </c>
      <c r="DZ25" s="219">
        <v>54</v>
      </c>
      <c r="EA25" s="240">
        <v>288</v>
      </c>
      <c r="EB25" s="242">
        <v>288</v>
      </c>
      <c r="EC25" s="239"/>
    </row>
    <row r="26" spans="2:133" ht="21" customHeight="1" x14ac:dyDescent="0.2">
      <c r="B26" s="106" t="s">
        <v>23</v>
      </c>
      <c r="C26" s="217">
        <v>0</v>
      </c>
      <c r="D26" s="219">
        <v>0</v>
      </c>
      <c r="E26" s="219">
        <v>0</v>
      </c>
      <c r="F26" s="220">
        <v>4</v>
      </c>
      <c r="G26" s="218">
        <v>12</v>
      </c>
      <c r="H26" s="218">
        <v>100</v>
      </c>
      <c r="I26" s="218">
        <v>154</v>
      </c>
      <c r="J26" s="219">
        <v>89</v>
      </c>
      <c r="K26" s="240">
        <v>359</v>
      </c>
      <c r="L26" s="241">
        <v>359</v>
      </c>
      <c r="M26" s="217">
        <v>0</v>
      </c>
      <c r="N26" s="219">
        <v>0</v>
      </c>
      <c r="O26" s="240">
        <v>0</v>
      </c>
      <c r="P26" s="220">
        <v>4</v>
      </c>
      <c r="Q26" s="218">
        <v>12</v>
      </c>
      <c r="R26" s="218">
        <v>100</v>
      </c>
      <c r="S26" s="218">
        <v>154</v>
      </c>
      <c r="T26" s="219">
        <v>88</v>
      </c>
      <c r="U26" s="240">
        <v>358</v>
      </c>
      <c r="V26" s="242">
        <v>358</v>
      </c>
      <c r="W26" s="222">
        <v>0</v>
      </c>
      <c r="X26" s="219">
        <v>0</v>
      </c>
      <c r="Y26" s="240">
        <v>0</v>
      </c>
      <c r="Z26" s="222">
        <v>0</v>
      </c>
      <c r="AA26" s="218">
        <v>0</v>
      </c>
      <c r="AB26" s="218">
        <v>0</v>
      </c>
      <c r="AC26" s="218">
        <v>0</v>
      </c>
      <c r="AD26" s="219">
        <v>1</v>
      </c>
      <c r="AE26" s="240">
        <v>1</v>
      </c>
      <c r="AF26" s="221">
        <v>1</v>
      </c>
      <c r="AG26" s="222">
        <v>0</v>
      </c>
      <c r="AH26" s="219">
        <v>0</v>
      </c>
      <c r="AI26" s="240">
        <v>0</v>
      </c>
      <c r="AJ26" s="222">
        <v>19</v>
      </c>
      <c r="AK26" s="218">
        <v>21</v>
      </c>
      <c r="AL26" s="218">
        <v>36</v>
      </c>
      <c r="AM26" s="218">
        <v>63</v>
      </c>
      <c r="AN26" s="219">
        <v>29</v>
      </c>
      <c r="AO26" s="240">
        <v>168</v>
      </c>
      <c r="AP26" s="221">
        <v>168</v>
      </c>
      <c r="AQ26" s="222">
        <v>0</v>
      </c>
      <c r="AR26" s="219">
        <v>0</v>
      </c>
      <c r="AS26" s="240">
        <v>0</v>
      </c>
      <c r="AT26" s="220">
        <v>19</v>
      </c>
      <c r="AU26" s="218">
        <v>21</v>
      </c>
      <c r="AV26" s="218">
        <v>36</v>
      </c>
      <c r="AW26" s="218">
        <v>62</v>
      </c>
      <c r="AX26" s="219">
        <v>28</v>
      </c>
      <c r="AY26" s="240">
        <v>166</v>
      </c>
      <c r="AZ26" s="241">
        <v>166</v>
      </c>
      <c r="BA26" s="217">
        <v>0</v>
      </c>
      <c r="BB26" s="219">
        <v>0</v>
      </c>
      <c r="BC26" s="219">
        <v>0</v>
      </c>
      <c r="BD26" s="220">
        <v>0</v>
      </c>
      <c r="BE26" s="218">
        <v>0</v>
      </c>
      <c r="BF26" s="218">
        <v>0</v>
      </c>
      <c r="BG26" s="218">
        <v>1</v>
      </c>
      <c r="BH26" s="219">
        <v>1</v>
      </c>
      <c r="BI26" s="240">
        <v>2</v>
      </c>
      <c r="BJ26" s="242">
        <v>2</v>
      </c>
      <c r="BK26" s="222">
        <v>0</v>
      </c>
      <c r="BL26" s="219">
        <v>0</v>
      </c>
      <c r="BM26" s="219">
        <v>0</v>
      </c>
      <c r="BN26" s="220">
        <v>0</v>
      </c>
      <c r="BO26" s="218">
        <v>0</v>
      </c>
      <c r="BP26" s="218">
        <v>0</v>
      </c>
      <c r="BQ26" s="218">
        <v>0</v>
      </c>
      <c r="BR26" s="219">
        <v>0</v>
      </c>
      <c r="BS26" s="240">
        <v>0</v>
      </c>
      <c r="BT26" s="241">
        <v>0</v>
      </c>
      <c r="BU26" s="217">
        <v>0</v>
      </c>
      <c r="BV26" s="219">
        <v>0</v>
      </c>
      <c r="BW26" s="219">
        <v>0</v>
      </c>
      <c r="BX26" s="220">
        <v>0</v>
      </c>
      <c r="BY26" s="218">
        <v>0</v>
      </c>
      <c r="BZ26" s="218">
        <v>0</v>
      </c>
      <c r="CA26" s="218">
        <v>0</v>
      </c>
      <c r="CB26" s="219">
        <v>0</v>
      </c>
      <c r="CC26" s="240">
        <v>0</v>
      </c>
      <c r="CD26" s="242">
        <v>0</v>
      </c>
      <c r="CE26" s="222">
        <v>0</v>
      </c>
      <c r="CF26" s="219">
        <v>0</v>
      </c>
      <c r="CG26" s="219">
        <v>0</v>
      </c>
      <c r="CH26" s="220">
        <v>0</v>
      </c>
      <c r="CI26" s="218">
        <v>0</v>
      </c>
      <c r="CJ26" s="218">
        <v>0</v>
      </c>
      <c r="CK26" s="218">
        <v>0</v>
      </c>
      <c r="CL26" s="219">
        <v>0</v>
      </c>
      <c r="CM26" s="240">
        <v>0</v>
      </c>
      <c r="CN26" s="242">
        <v>0</v>
      </c>
      <c r="CO26" s="222">
        <v>0</v>
      </c>
      <c r="CP26" s="219">
        <v>0</v>
      </c>
      <c r="CQ26" s="219">
        <v>0</v>
      </c>
      <c r="CR26" s="220">
        <v>0</v>
      </c>
      <c r="CS26" s="218">
        <v>0</v>
      </c>
      <c r="CT26" s="218">
        <v>0</v>
      </c>
      <c r="CU26" s="218">
        <v>4</v>
      </c>
      <c r="CV26" s="219">
        <v>8</v>
      </c>
      <c r="CW26" s="240">
        <v>12</v>
      </c>
      <c r="CX26" s="241">
        <v>12</v>
      </c>
      <c r="CY26" s="217">
        <v>0</v>
      </c>
      <c r="CZ26" s="219">
        <v>0</v>
      </c>
      <c r="DA26" s="219">
        <v>0</v>
      </c>
      <c r="DB26" s="220">
        <v>0</v>
      </c>
      <c r="DC26" s="218">
        <v>0</v>
      </c>
      <c r="DD26" s="218">
        <v>0</v>
      </c>
      <c r="DE26" s="218">
        <v>4</v>
      </c>
      <c r="DF26" s="219">
        <v>8</v>
      </c>
      <c r="DG26" s="240">
        <v>12</v>
      </c>
      <c r="DH26" s="242">
        <v>12</v>
      </c>
      <c r="DI26" s="222">
        <v>0</v>
      </c>
      <c r="DJ26" s="219">
        <v>0</v>
      </c>
      <c r="DK26" s="219">
        <v>0</v>
      </c>
      <c r="DL26" s="220">
        <v>0</v>
      </c>
      <c r="DM26" s="218">
        <v>0</v>
      </c>
      <c r="DN26" s="218">
        <v>0</v>
      </c>
      <c r="DO26" s="218">
        <v>0</v>
      </c>
      <c r="DP26" s="219">
        <v>0</v>
      </c>
      <c r="DQ26" s="240">
        <v>0</v>
      </c>
      <c r="DR26" s="242">
        <v>0</v>
      </c>
      <c r="DS26" s="222">
        <v>0</v>
      </c>
      <c r="DT26" s="219">
        <v>0</v>
      </c>
      <c r="DU26" s="219">
        <v>0</v>
      </c>
      <c r="DV26" s="220">
        <v>23</v>
      </c>
      <c r="DW26" s="218">
        <v>33</v>
      </c>
      <c r="DX26" s="218">
        <v>136</v>
      </c>
      <c r="DY26" s="218">
        <v>220</v>
      </c>
      <c r="DZ26" s="219">
        <v>126</v>
      </c>
      <c r="EA26" s="240">
        <v>538</v>
      </c>
      <c r="EB26" s="242">
        <v>538</v>
      </c>
      <c r="EC26" s="239"/>
    </row>
    <row r="27" spans="2:133" ht="21" customHeight="1" x14ac:dyDescent="0.2">
      <c r="B27" s="106" t="s">
        <v>24</v>
      </c>
      <c r="C27" s="217">
        <v>0</v>
      </c>
      <c r="D27" s="219">
        <v>0</v>
      </c>
      <c r="E27" s="219">
        <v>0</v>
      </c>
      <c r="F27" s="220">
        <v>0</v>
      </c>
      <c r="G27" s="218">
        <v>1</v>
      </c>
      <c r="H27" s="218">
        <v>30</v>
      </c>
      <c r="I27" s="218">
        <v>88</v>
      </c>
      <c r="J27" s="219">
        <v>53</v>
      </c>
      <c r="K27" s="240">
        <v>172</v>
      </c>
      <c r="L27" s="241">
        <v>172</v>
      </c>
      <c r="M27" s="217">
        <v>0</v>
      </c>
      <c r="N27" s="219">
        <v>0</v>
      </c>
      <c r="O27" s="240">
        <v>0</v>
      </c>
      <c r="P27" s="220">
        <v>0</v>
      </c>
      <c r="Q27" s="218">
        <v>1</v>
      </c>
      <c r="R27" s="218">
        <v>30</v>
      </c>
      <c r="S27" s="218">
        <v>88</v>
      </c>
      <c r="T27" s="219">
        <v>53</v>
      </c>
      <c r="U27" s="240">
        <v>172</v>
      </c>
      <c r="V27" s="242">
        <v>172</v>
      </c>
      <c r="W27" s="222">
        <v>0</v>
      </c>
      <c r="X27" s="219">
        <v>0</v>
      </c>
      <c r="Y27" s="240">
        <v>0</v>
      </c>
      <c r="Z27" s="222">
        <v>0</v>
      </c>
      <c r="AA27" s="218">
        <v>0</v>
      </c>
      <c r="AB27" s="218">
        <v>0</v>
      </c>
      <c r="AC27" s="218">
        <v>0</v>
      </c>
      <c r="AD27" s="219">
        <v>0</v>
      </c>
      <c r="AE27" s="240">
        <v>0</v>
      </c>
      <c r="AF27" s="221">
        <v>0</v>
      </c>
      <c r="AG27" s="222">
        <v>0</v>
      </c>
      <c r="AH27" s="219">
        <v>0</v>
      </c>
      <c r="AI27" s="240">
        <v>0</v>
      </c>
      <c r="AJ27" s="222">
        <v>10</v>
      </c>
      <c r="AK27" s="218">
        <v>16</v>
      </c>
      <c r="AL27" s="218">
        <v>25</v>
      </c>
      <c r="AM27" s="218">
        <v>35</v>
      </c>
      <c r="AN27" s="219">
        <v>10</v>
      </c>
      <c r="AO27" s="240">
        <v>96</v>
      </c>
      <c r="AP27" s="221">
        <v>96</v>
      </c>
      <c r="AQ27" s="222">
        <v>0</v>
      </c>
      <c r="AR27" s="219">
        <v>0</v>
      </c>
      <c r="AS27" s="240">
        <v>0</v>
      </c>
      <c r="AT27" s="220">
        <v>10</v>
      </c>
      <c r="AU27" s="218">
        <v>16</v>
      </c>
      <c r="AV27" s="218">
        <v>24</v>
      </c>
      <c r="AW27" s="218">
        <v>34</v>
      </c>
      <c r="AX27" s="219">
        <v>10</v>
      </c>
      <c r="AY27" s="240">
        <v>94</v>
      </c>
      <c r="AZ27" s="241">
        <v>94</v>
      </c>
      <c r="BA27" s="217">
        <v>0</v>
      </c>
      <c r="BB27" s="219">
        <v>0</v>
      </c>
      <c r="BC27" s="219">
        <v>0</v>
      </c>
      <c r="BD27" s="220">
        <v>0</v>
      </c>
      <c r="BE27" s="218">
        <v>0</v>
      </c>
      <c r="BF27" s="218">
        <v>1</v>
      </c>
      <c r="BG27" s="218">
        <v>1</v>
      </c>
      <c r="BH27" s="219">
        <v>0</v>
      </c>
      <c r="BI27" s="240">
        <v>2</v>
      </c>
      <c r="BJ27" s="242">
        <v>2</v>
      </c>
      <c r="BK27" s="222">
        <v>0</v>
      </c>
      <c r="BL27" s="219">
        <v>0</v>
      </c>
      <c r="BM27" s="219">
        <v>0</v>
      </c>
      <c r="BN27" s="220">
        <v>0</v>
      </c>
      <c r="BO27" s="218">
        <v>0</v>
      </c>
      <c r="BP27" s="218">
        <v>0</v>
      </c>
      <c r="BQ27" s="218">
        <v>0</v>
      </c>
      <c r="BR27" s="219">
        <v>0</v>
      </c>
      <c r="BS27" s="240">
        <v>0</v>
      </c>
      <c r="BT27" s="241">
        <v>0</v>
      </c>
      <c r="BU27" s="217">
        <v>0</v>
      </c>
      <c r="BV27" s="219">
        <v>0</v>
      </c>
      <c r="BW27" s="219">
        <v>0</v>
      </c>
      <c r="BX27" s="220">
        <v>0</v>
      </c>
      <c r="BY27" s="218">
        <v>0</v>
      </c>
      <c r="BZ27" s="218">
        <v>0</v>
      </c>
      <c r="CA27" s="218">
        <v>0</v>
      </c>
      <c r="CB27" s="219">
        <v>0</v>
      </c>
      <c r="CC27" s="240">
        <v>0</v>
      </c>
      <c r="CD27" s="242">
        <v>0</v>
      </c>
      <c r="CE27" s="222">
        <v>0</v>
      </c>
      <c r="CF27" s="219">
        <v>0</v>
      </c>
      <c r="CG27" s="219">
        <v>0</v>
      </c>
      <c r="CH27" s="220">
        <v>0</v>
      </c>
      <c r="CI27" s="218">
        <v>0</v>
      </c>
      <c r="CJ27" s="218">
        <v>0</v>
      </c>
      <c r="CK27" s="218">
        <v>0</v>
      </c>
      <c r="CL27" s="219">
        <v>0</v>
      </c>
      <c r="CM27" s="240">
        <v>0</v>
      </c>
      <c r="CN27" s="242">
        <v>0</v>
      </c>
      <c r="CO27" s="222">
        <v>0</v>
      </c>
      <c r="CP27" s="219">
        <v>0</v>
      </c>
      <c r="CQ27" s="219">
        <v>0</v>
      </c>
      <c r="CR27" s="220">
        <v>0</v>
      </c>
      <c r="CS27" s="218">
        <v>0</v>
      </c>
      <c r="CT27" s="218">
        <v>0</v>
      </c>
      <c r="CU27" s="218">
        <v>0</v>
      </c>
      <c r="CV27" s="219">
        <v>1</v>
      </c>
      <c r="CW27" s="240">
        <v>1</v>
      </c>
      <c r="CX27" s="241">
        <v>1</v>
      </c>
      <c r="CY27" s="217">
        <v>0</v>
      </c>
      <c r="CZ27" s="219">
        <v>0</v>
      </c>
      <c r="DA27" s="219">
        <v>0</v>
      </c>
      <c r="DB27" s="220">
        <v>0</v>
      </c>
      <c r="DC27" s="218">
        <v>0</v>
      </c>
      <c r="DD27" s="218">
        <v>0</v>
      </c>
      <c r="DE27" s="218">
        <v>0</v>
      </c>
      <c r="DF27" s="219">
        <v>1</v>
      </c>
      <c r="DG27" s="240">
        <v>1</v>
      </c>
      <c r="DH27" s="242">
        <v>1</v>
      </c>
      <c r="DI27" s="222">
        <v>0</v>
      </c>
      <c r="DJ27" s="219">
        <v>0</v>
      </c>
      <c r="DK27" s="219">
        <v>0</v>
      </c>
      <c r="DL27" s="220">
        <v>0</v>
      </c>
      <c r="DM27" s="218">
        <v>0</v>
      </c>
      <c r="DN27" s="218">
        <v>0</v>
      </c>
      <c r="DO27" s="218">
        <v>0</v>
      </c>
      <c r="DP27" s="219">
        <v>0</v>
      </c>
      <c r="DQ27" s="240">
        <v>0</v>
      </c>
      <c r="DR27" s="242">
        <v>0</v>
      </c>
      <c r="DS27" s="222">
        <v>0</v>
      </c>
      <c r="DT27" s="219">
        <v>0</v>
      </c>
      <c r="DU27" s="219">
        <v>0</v>
      </c>
      <c r="DV27" s="220">
        <v>10</v>
      </c>
      <c r="DW27" s="218">
        <v>17</v>
      </c>
      <c r="DX27" s="218">
        <v>55</v>
      </c>
      <c r="DY27" s="218">
        <v>123</v>
      </c>
      <c r="DZ27" s="219">
        <v>64</v>
      </c>
      <c r="EA27" s="240">
        <v>269</v>
      </c>
      <c r="EB27" s="242">
        <v>269</v>
      </c>
      <c r="EC27" s="239"/>
    </row>
    <row r="28" spans="2:133" ht="21" customHeight="1" x14ac:dyDescent="0.2">
      <c r="B28" s="106" t="s">
        <v>25</v>
      </c>
      <c r="C28" s="217">
        <v>0</v>
      </c>
      <c r="D28" s="219">
        <v>0</v>
      </c>
      <c r="E28" s="219">
        <v>0</v>
      </c>
      <c r="F28" s="220">
        <v>1</v>
      </c>
      <c r="G28" s="218">
        <v>7</v>
      </c>
      <c r="H28" s="218">
        <v>62</v>
      </c>
      <c r="I28" s="218">
        <v>77</v>
      </c>
      <c r="J28" s="219">
        <v>42</v>
      </c>
      <c r="K28" s="240">
        <v>189</v>
      </c>
      <c r="L28" s="241">
        <v>189</v>
      </c>
      <c r="M28" s="217">
        <v>0</v>
      </c>
      <c r="N28" s="219">
        <v>0</v>
      </c>
      <c r="O28" s="240">
        <v>0</v>
      </c>
      <c r="P28" s="220">
        <v>1</v>
      </c>
      <c r="Q28" s="218">
        <v>7</v>
      </c>
      <c r="R28" s="218">
        <v>62</v>
      </c>
      <c r="S28" s="218">
        <v>76</v>
      </c>
      <c r="T28" s="219">
        <v>38</v>
      </c>
      <c r="U28" s="240">
        <v>184</v>
      </c>
      <c r="V28" s="242">
        <v>184</v>
      </c>
      <c r="W28" s="222">
        <v>0</v>
      </c>
      <c r="X28" s="219">
        <v>0</v>
      </c>
      <c r="Y28" s="240">
        <v>0</v>
      </c>
      <c r="Z28" s="222">
        <v>0</v>
      </c>
      <c r="AA28" s="218">
        <v>0</v>
      </c>
      <c r="AB28" s="218">
        <v>0</v>
      </c>
      <c r="AC28" s="218">
        <v>1</v>
      </c>
      <c r="AD28" s="219">
        <v>4</v>
      </c>
      <c r="AE28" s="240">
        <v>5</v>
      </c>
      <c r="AF28" s="221">
        <v>5</v>
      </c>
      <c r="AG28" s="222">
        <v>0</v>
      </c>
      <c r="AH28" s="219">
        <v>0</v>
      </c>
      <c r="AI28" s="240">
        <v>0</v>
      </c>
      <c r="AJ28" s="222">
        <v>10</v>
      </c>
      <c r="AK28" s="218">
        <v>34</v>
      </c>
      <c r="AL28" s="218">
        <v>19</v>
      </c>
      <c r="AM28" s="218">
        <v>54</v>
      </c>
      <c r="AN28" s="219">
        <v>11</v>
      </c>
      <c r="AO28" s="240">
        <v>128</v>
      </c>
      <c r="AP28" s="221">
        <v>128</v>
      </c>
      <c r="AQ28" s="222">
        <v>0</v>
      </c>
      <c r="AR28" s="219">
        <v>0</v>
      </c>
      <c r="AS28" s="240">
        <v>0</v>
      </c>
      <c r="AT28" s="220">
        <v>9</v>
      </c>
      <c r="AU28" s="218">
        <v>34</v>
      </c>
      <c r="AV28" s="218">
        <v>19</v>
      </c>
      <c r="AW28" s="218">
        <v>54</v>
      </c>
      <c r="AX28" s="219">
        <v>11</v>
      </c>
      <c r="AY28" s="240">
        <v>127</v>
      </c>
      <c r="AZ28" s="241">
        <v>127</v>
      </c>
      <c r="BA28" s="217">
        <v>0</v>
      </c>
      <c r="BB28" s="219">
        <v>0</v>
      </c>
      <c r="BC28" s="219">
        <v>0</v>
      </c>
      <c r="BD28" s="220">
        <v>1</v>
      </c>
      <c r="BE28" s="218">
        <v>0</v>
      </c>
      <c r="BF28" s="218">
        <v>0</v>
      </c>
      <c r="BG28" s="218">
        <v>0</v>
      </c>
      <c r="BH28" s="219">
        <v>0</v>
      </c>
      <c r="BI28" s="240">
        <v>1</v>
      </c>
      <c r="BJ28" s="242">
        <v>1</v>
      </c>
      <c r="BK28" s="222">
        <v>0</v>
      </c>
      <c r="BL28" s="219">
        <v>0</v>
      </c>
      <c r="BM28" s="219">
        <v>0</v>
      </c>
      <c r="BN28" s="220">
        <v>0</v>
      </c>
      <c r="BO28" s="218">
        <v>0</v>
      </c>
      <c r="BP28" s="218">
        <v>0</v>
      </c>
      <c r="BQ28" s="218">
        <v>0</v>
      </c>
      <c r="BR28" s="219">
        <v>0</v>
      </c>
      <c r="BS28" s="240">
        <v>0</v>
      </c>
      <c r="BT28" s="241">
        <v>0</v>
      </c>
      <c r="BU28" s="217">
        <v>0</v>
      </c>
      <c r="BV28" s="219">
        <v>0</v>
      </c>
      <c r="BW28" s="219">
        <v>0</v>
      </c>
      <c r="BX28" s="220">
        <v>0</v>
      </c>
      <c r="BY28" s="218">
        <v>0</v>
      </c>
      <c r="BZ28" s="218">
        <v>0</v>
      </c>
      <c r="CA28" s="218">
        <v>0</v>
      </c>
      <c r="CB28" s="219">
        <v>0</v>
      </c>
      <c r="CC28" s="240">
        <v>0</v>
      </c>
      <c r="CD28" s="242">
        <v>0</v>
      </c>
      <c r="CE28" s="222">
        <v>0</v>
      </c>
      <c r="CF28" s="219">
        <v>0</v>
      </c>
      <c r="CG28" s="219">
        <v>0</v>
      </c>
      <c r="CH28" s="220">
        <v>0</v>
      </c>
      <c r="CI28" s="218">
        <v>0</v>
      </c>
      <c r="CJ28" s="218">
        <v>0</v>
      </c>
      <c r="CK28" s="218">
        <v>0</v>
      </c>
      <c r="CL28" s="219">
        <v>0</v>
      </c>
      <c r="CM28" s="240">
        <v>0</v>
      </c>
      <c r="CN28" s="242">
        <v>0</v>
      </c>
      <c r="CO28" s="222">
        <v>0</v>
      </c>
      <c r="CP28" s="219">
        <v>0</v>
      </c>
      <c r="CQ28" s="219">
        <v>0</v>
      </c>
      <c r="CR28" s="220">
        <v>0</v>
      </c>
      <c r="CS28" s="218">
        <v>0</v>
      </c>
      <c r="CT28" s="218">
        <v>0</v>
      </c>
      <c r="CU28" s="218">
        <v>0</v>
      </c>
      <c r="CV28" s="219">
        <v>2</v>
      </c>
      <c r="CW28" s="240">
        <v>2</v>
      </c>
      <c r="CX28" s="241">
        <v>2</v>
      </c>
      <c r="CY28" s="217">
        <v>0</v>
      </c>
      <c r="CZ28" s="219">
        <v>0</v>
      </c>
      <c r="DA28" s="219">
        <v>0</v>
      </c>
      <c r="DB28" s="220">
        <v>0</v>
      </c>
      <c r="DC28" s="218">
        <v>0</v>
      </c>
      <c r="DD28" s="218">
        <v>0</v>
      </c>
      <c r="DE28" s="218">
        <v>0</v>
      </c>
      <c r="DF28" s="219">
        <v>2</v>
      </c>
      <c r="DG28" s="240">
        <v>2</v>
      </c>
      <c r="DH28" s="242">
        <v>2</v>
      </c>
      <c r="DI28" s="222">
        <v>0</v>
      </c>
      <c r="DJ28" s="219">
        <v>0</v>
      </c>
      <c r="DK28" s="219">
        <v>0</v>
      </c>
      <c r="DL28" s="220">
        <v>0</v>
      </c>
      <c r="DM28" s="218">
        <v>0</v>
      </c>
      <c r="DN28" s="218">
        <v>0</v>
      </c>
      <c r="DO28" s="218">
        <v>0</v>
      </c>
      <c r="DP28" s="219">
        <v>0</v>
      </c>
      <c r="DQ28" s="240">
        <v>0</v>
      </c>
      <c r="DR28" s="242">
        <v>0</v>
      </c>
      <c r="DS28" s="222">
        <v>0</v>
      </c>
      <c r="DT28" s="219">
        <v>0</v>
      </c>
      <c r="DU28" s="219">
        <v>0</v>
      </c>
      <c r="DV28" s="220">
        <v>11</v>
      </c>
      <c r="DW28" s="218">
        <v>41</v>
      </c>
      <c r="DX28" s="218">
        <v>81</v>
      </c>
      <c r="DY28" s="218">
        <v>131</v>
      </c>
      <c r="DZ28" s="219">
        <v>55</v>
      </c>
      <c r="EA28" s="240">
        <v>319</v>
      </c>
      <c r="EB28" s="242">
        <v>319</v>
      </c>
      <c r="EC28" s="239"/>
    </row>
    <row r="29" spans="2:133" ht="21" customHeight="1" x14ac:dyDescent="0.2">
      <c r="B29" s="106" t="s">
        <v>26</v>
      </c>
      <c r="C29" s="217">
        <v>0</v>
      </c>
      <c r="D29" s="219">
        <v>0</v>
      </c>
      <c r="E29" s="219">
        <v>0</v>
      </c>
      <c r="F29" s="220">
        <v>1</v>
      </c>
      <c r="G29" s="218">
        <v>4</v>
      </c>
      <c r="H29" s="218">
        <v>35</v>
      </c>
      <c r="I29" s="218">
        <v>65</v>
      </c>
      <c r="J29" s="219">
        <v>51</v>
      </c>
      <c r="K29" s="240">
        <v>156</v>
      </c>
      <c r="L29" s="241">
        <v>156</v>
      </c>
      <c r="M29" s="217">
        <v>0</v>
      </c>
      <c r="N29" s="219">
        <v>0</v>
      </c>
      <c r="O29" s="240">
        <v>0</v>
      </c>
      <c r="P29" s="220">
        <v>1</v>
      </c>
      <c r="Q29" s="218">
        <v>4</v>
      </c>
      <c r="R29" s="218">
        <v>34</v>
      </c>
      <c r="S29" s="218">
        <v>63</v>
      </c>
      <c r="T29" s="219">
        <v>51</v>
      </c>
      <c r="U29" s="240">
        <v>153</v>
      </c>
      <c r="V29" s="242">
        <v>153</v>
      </c>
      <c r="W29" s="222">
        <v>0</v>
      </c>
      <c r="X29" s="219">
        <v>0</v>
      </c>
      <c r="Y29" s="240">
        <v>0</v>
      </c>
      <c r="Z29" s="222">
        <v>0</v>
      </c>
      <c r="AA29" s="218">
        <v>0</v>
      </c>
      <c r="AB29" s="218">
        <v>1</v>
      </c>
      <c r="AC29" s="218">
        <v>2</v>
      </c>
      <c r="AD29" s="219">
        <v>0</v>
      </c>
      <c r="AE29" s="240">
        <v>3</v>
      </c>
      <c r="AF29" s="221">
        <v>3</v>
      </c>
      <c r="AG29" s="222">
        <v>0</v>
      </c>
      <c r="AH29" s="219">
        <v>0</v>
      </c>
      <c r="AI29" s="240">
        <v>0</v>
      </c>
      <c r="AJ29" s="222">
        <v>4</v>
      </c>
      <c r="AK29" s="218">
        <v>15</v>
      </c>
      <c r="AL29" s="218">
        <v>24</v>
      </c>
      <c r="AM29" s="218">
        <v>24</v>
      </c>
      <c r="AN29" s="219">
        <v>13</v>
      </c>
      <c r="AO29" s="240">
        <v>80</v>
      </c>
      <c r="AP29" s="221">
        <v>80</v>
      </c>
      <c r="AQ29" s="222">
        <v>0</v>
      </c>
      <c r="AR29" s="219">
        <v>0</v>
      </c>
      <c r="AS29" s="240">
        <v>0</v>
      </c>
      <c r="AT29" s="220">
        <v>4</v>
      </c>
      <c r="AU29" s="218">
        <v>13</v>
      </c>
      <c r="AV29" s="218">
        <v>22</v>
      </c>
      <c r="AW29" s="218">
        <v>24</v>
      </c>
      <c r="AX29" s="219">
        <v>13</v>
      </c>
      <c r="AY29" s="240">
        <v>76</v>
      </c>
      <c r="AZ29" s="241">
        <v>76</v>
      </c>
      <c r="BA29" s="217">
        <v>0</v>
      </c>
      <c r="BB29" s="219">
        <v>0</v>
      </c>
      <c r="BC29" s="219">
        <v>0</v>
      </c>
      <c r="BD29" s="220">
        <v>0</v>
      </c>
      <c r="BE29" s="218">
        <v>2</v>
      </c>
      <c r="BF29" s="218">
        <v>2</v>
      </c>
      <c r="BG29" s="218">
        <v>0</v>
      </c>
      <c r="BH29" s="219">
        <v>0</v>
      </c>
      <c r="BI29" s="240">
        <v>4</v>
      </c>
      <c r="BJ29" s="242">
        <v>4</v>
      </c>
      <c r="BK29" s="222">
        <v>0</v>
      </c>
      <c r="BL29" s="219">
        <v>0</v>
      </c>
      <c r="BM29" s="219">
        <v>0</v>
      </c>
      <c r="BN29" s="220">
        <v>0</v>
      </c>
      <c r="BO29" s="218">
        <v>0</v>
      </c>
      <c r="BP29" s="218">
        <v>0</v>
      </c>
      <c r="BQ29" s="218">
        <v>0</v>
      </c>
      <c r="BR29" s="219">
        <v>0</v>
      </c>
      <c r="BS29" s="240">
        <v>0</v>
      </c>
      <c r="BT29" s="241">
        <v>0</v>
      </c>
      <c r="BU29" s="217">
        <v>0</v>
      </c>
      <c r="BV29" s="219">
        <v>0</v>
      </c>
      <c r="BW29" s="219">
        <v>0</v>
      </c>
      <c r="BX29" s="220">
        <v>0</v>
      </c>
      <c r="BY29" s="218">
        <v>0</v>
      </c>
      <c r="BZ29" s="218">
        <v>0</v>
      </c>
      <c r="CA29" s="218">
        <v>0</v>
      </c>
      <c r="CB29" s="219">
        <v>0</v>
      </c>
      <c r="CC29" s="240">
        <v>0</v>
      </c>
      <c r="CD29" s="242">
        <v>0</v>
      </c>
      <c r="CE29" s="222">
        <v>0</v>
      </c>
      <c r="CF29" s="219">
        <v>0</v>
      </c>
      <c r="CG29" s="219">
        <v>0</v>
      </c>
      <c r="CH29" s="220">
        <v>0</v>
      </c>
      <c r="CI29" s="218">
        <v>0</v>
      </c>
      <c r="CJ29" s="218">
        <v>0</v>
      </c>
      <c r="CK29" s="218">
        <v>0</v>
      </c>
      <c r="CL29" s="219">
        <v>0</v>
      </c>
      <c r="CM29" s="240">
        <v>0</v>
      </c>
      <c r="CN29" s="242">
        <v>0</v>
      </c>
      <c r="CO29" s="222">
        <v>0</v>
      </c>
      <c r="CP29" s="219">
        <v>0</v>
      </c>
      <c r="CQ29" s="219">
        <v>0</v>
      </c>
      <c r="CR29" s="220">
        <v>1</v>
      </c>
      <c r="CS29" s="218">
        <v>1</v>
      </c>
      <c r="CT29" s="218">
        <v>0</v>
      </c>
      <c r="CU29" s="218">
        <v>0</v>
      </c>
      <c r="CV29" s="219">
        <v>2</v>
      </c>
      <c r="CW29" s="240">
        <v>4</v>
      </c>
      <c r="CX29" s="241">
        <v>4</v>
      </c>
      <c r="CY29" s="217">
        <v>0</v>
      </c>
      <c r="CZ29" s="219">
        <v>0</v>
      </c>
      <c r="DA29" s="219">
        <v>0</v>
      </c>
      <c r="DB29" s="220">
        <v>1</v>
      </c>
      <c r="DC29" s="218">
        <v>1</v>
      </c>
      <c r="DD29" s="218">
        <v>0</v>
      </c>
      <c r="DE29" s="218">
        <v>0</v>
      </c>
      <c r="DF29" s="219">
        <v>2</v>
      </c>
      <c r="DG29" s="240">
        <v>4</v>
      </c>
      <c r="DH29" s="242">
        <v>4</v>
      </c>
      <c r="DI29" s="222">
        <v>0</v>
      </c>
      <c r="DJ29" s="219">
        <v>0</v>
      </c>
      <c r="DK29" s="219">
        <v>0</v>
      </c>
      <c r="DL29" s="220">
        <v>0</v>
      </c>
      <c r="DM29" s="218">
        <v>0</v>
      </c>
      <c r="DN29" s="218">
        <v>0</v>
      </c>
      <c r="DO29" s="218">
        <v>0</v>
      </c>
      <c r="DP29" s="219">
        <v>0</v>
      </c>
      <c r="DQ29" s="240">
        <v>0</v>
      </c>
      <c r="DR29" s="242">
        <v>0</v>
      </c>
      <c r="DS29" s="222">
        <v>0</v>
      </c>
      <c r="DT29" s="219">
        <v>0</v>
      </c>
      <c r="DU29" s="219">
        <v>0</v>
      </c>
      <c r="DV29" s="220">
        <v>6</v>
      </c>
      <c r="DW29" s="218">
        <v>20</v>
      </c>
      <c r="DX29" s="218">
        <v>57</v>
      </c>
      <c r="DY29" s="218">
        <v>89</v>
      </c>
      <c r="DZ29" s="219">
        <v>65</v>
      </c>
      <c r="EA29" s="240">
        <v>237</v>
      </c>
      <c r="EB29" s="242">
        <v>237</v>
      </c>
      <c r="EC29" s="239"/>
    </row>
    <row r="30" spans="2:133" ht="21" customHeight="1" x14ac:dyDescent="0.2">
      <c r="B30" s="106" t="s">
        <v>27</v>
      </c>
      <c r="C30" s="217">
        <v>0</v>
      </c>
      <c r="D30" s="219">
        <v>0</v>
      </c>
      <c r="E30" s="219">
        <v>0</v>
      </c>
      <c r="F30" s="220">
        <v>2</v>
      </c>
      <c r="G30" s="218">
        <v>2</v>
      </c>
      <c r="H30" s="218">
        <v>26</v>
      </c>
      <c r="I30" s="218">
        <v>65</v>
      </c>
      <c r="J30" s="219">
        <v>30</v>
      </c>
      <c r="K30" s="240">
        <v>125</v>
      </c>
      <c r="L30" s="241">
        <v>125</v>
      </c>
      <c r="M30" s="217">
        <v>0</v>
      </c>
      <c r="N30" s="219">
        <v>0</v>
      </c>
      <c r="O30" s="240">
        <v>0</v>
      </c>
      <c r="P30" s="220">
        <v>2</v>
      </c>
      <c r="Q30" s="218">
        <v>2</v>
      </c>
      <c r="R30" s="218">
        <v>25</v>
      </c>
      <c r="S30" s="218">
        <v>64</v>
      </c>
      <c r="T30" s="219">
        <v>30</v>
      </c>
      <c r="U30" s="240">
        <v>123</v>
      </c>
      <c r="V30" s="242">
        <v>123</v>
      </c>
      <c r="W30" s="222">
        <v>0</v>
      </c>
      <c r="X30" s="219">
        <v>0</v>
      </c>
      <c r="Y30" s="240">
        <v>0</v>
      </c>
      <c r="Z30" s="222">
        <v>0</v>
      </c>
      <c r="AA30" s="218">
        <v>0</v>
      </c>
      <c r="AB30" s="218">
        <v>1</v>
      </c>
      <c r="AC30" s="218">
        <v>1</v>
      </c>
      <c r="AD30" s="219">
        <v>0</v>
      </c>
      <c r="AE30" s="240">
        <v>2</v>
      </c>
      <c r="AF30" s="221">
        <v>2</v>
      </c>
      <c r="AG30" s="222">
        <v>0</v>
      </c>
      <c r="AH30" s="219">
        <v>0</v>
      </c>
      <c r="AI30" s="240">
        <v>0</v>
      </c>
      <c r="AJ30" s="222">
        <v>6</v>
      </c>
      <c r="AK30" s="218">
        <v>14</v>
      </c>
      <c r="AL30" s="218">
        <v>18</v>
      </c>
      <c r="AM30" s="218">
        <v>22</v>
      </c>
      <c r="AN30" s="219">
        <v>15</v>
      </c>
      <c r="AO30" s="240">
        <v>75</v>
      </c>
      <c r="AP30" s="221">
        <v>75</v>
      </c>
      <c r="AQ30" s="222">
        <v>0</v>
      </c>
      <c r="AR30" s="219">
        <v>0</v>
      </c>
      <c r="AS30" s="240">
        <v>0</v>
      </c>
      <c r="AT30" s="220">
        <v>5</v>
      </c>
      <c r="AU30" s="218">
        <v>13</v>
      </c>
      <c r="AV30" s="218">
        <v>18</v>
      </c>
      <c r="AW30" s="218">
        <v>22</v>
      </c>
      <c r="AX30" s="219">
        <v>14</v>
      </c>
      <c r="AY30" s="240">
        <v>72</v>
      </c>
      <c r="AZ30" s="241">
        <v>72</v>
      </c>
      <c r="BA30" s="217">
        <v>0</v>
      </c>
      <c r="BB30" s="219">
        <v>0</v>
      </c>
      <c r="BC30" s="219">
        <v>0</v>
      </c>
      <c r="BD30" s="220">
        <v>1</v>
      </c>
      <c r="BE30" s="218">
        <v>1</v>
      </c>
      <c r="BF30" s="218">
        <v>0</v>
      </c>
      <c r="BG30" s="218">
        <v>0</v>
      </c>
      <c r="BH30" s="219">
        <v>1</v>
      </c>
      <c r="BI30" s="240">
        <v>3</v>
      </c>
      <c r="BJ30" s="242">
        <v>3</v>
      </c>
      <c r="BK30" s="222">
        <v>0</v>
      </c>
      <c r="BL30" s="219">
        <v>0</v>
      </c>
      <c r="BM30" s="219">
        <v>0</v>
      </c>
      <c r="BN30" s="220">
        <v>0</v>
      </c>
      <c r="BO30" s="218">
        <v>0</v>
      </c>
      <c r="BP30" s="218">
        <v>0</v>
      </c>
      <c r="BQ30" s="218">
        <v>0</v>
      </c>
      <c r="BR30" s="219">
        <v>0</v>
      </c>
      <c r="BS30" s="240">
        <v>0</v>
      </c>
      <c r="BT30" s="241">
        <v>0</v>
      </c>
      <c r="BU30" s="217">
        <v>0</v>
      </c>
      <c r="BV30" s="219">
        <v>0</v>
      </c>
      <c r="BW30" s="219">
        <v>0</v>
      </c>
      <c r="BX30" s="220">
        <v>0</v>
      </c>
      <c r="BY30" s="218">
        <v>0</v>
      </c>
      <c r="BZ30" s="218">
        <v>0</v>
      </c>
      <c r="CA30" s="218">
        <v>0</v>
      </c>
      <c r="CB30" s="219">
        <v>0</v>
      </c>
      <c r="CC30" s="240">
        <v>0</v>
      </c>
      <c r="CD30" s="242">
        <v>0</v>
      </c>
      <c r="CE30" s="222">
        <v>0</v>
      </c>
      <c r="CF30" s="219">
        <v>0</v>
      </c>
      <c r="CG30" s="219">
        <v>0</v>
      </c>
      <c r="CH30" s="220">
        <v>0</v>
      </c>
      <c r="CI30" s="218">
        <v>0</v>
      </c>
      <c r="CJ30" s="218">
        <v>0</v>
      </c>
      <c r="CK30" s="218">
        <v>0</v>
      </c>
      <c r="CL30" s="219">
        <v>0</v>
      </c>
      <c r="CM30" s="240">
        <v>0</v>
      </c>
      <c r="CN30" s="242">
        <v>0</v>
      </c>
      <c r="CO30" s="222">
        <v>0</v>
      </c>
      <c r="CP30" s="219">
        <v>0</v>
      </c>
      <c r="CQ30" s="219">
        <v>0</v>
      </c>
      <c r="CR30" s="220">
        <v>0</v>
      </c>
      <c r="CS30" s="218">
        <v>0</v>
      </c>
      <c r="CT30" s="218">
        <v>0</v>
      </c>
      <c r="CU30" s="218">
        <v>1</v>
      </c>
      <c r="CV30" s="219">
        <v>4</v>
      </c>
      <c r="CW30" s="240">
        <v>5</v>
      </c>
      <c r="CX30" s="241">
        <v>5</v>
      </c>
      <c r="CY30" s="217">
        <v>0</v>
      </c>
      <c r="CZ30" s="219">
        <v>0</v>
      </c>
      <c r="DA30" s="219">
        <v>0</v>
      </c>
      <c r="DB30" s="220">
        <v>0</v>
      </c>
      <c r="DC30" s="218">
        <v>0</v>
      </c>
      <c r="DD30" s="218">
        <v>0</v>
      </c>
      <c r="DE30" s="218">
        <v>0</v>
      </c>
      <c r="DF30" s="219">
        <v>4</v>
      </c>
      <c r="DG30" s="240">
        <v>4</v>
      </c>
      <c r="DH30" s="242">
        <v>4</v>
      </c>
      <c r="DI30" s="222">
        <v>0</v>
      </c>
      <c r="DJ30" s="219">
        <v>0</v>
      </c>
      <c r="DK30" s="219">
        <v>0</v>
      </c>
      <c r="DL30" s="220">
        <v>0</v>
      </c>
      <c r="DM30" s="218">
        <v>0</v>
      </c>
      <c r="DN30" s="218">
        <v>0</v>
      </c>
      <c r="DO30" s="218">
        <v>1</v>
      </c>
      <c r="DP30" s="219">
        <v>0</v>
      </c>
      <c r="DQ30" s="240">
        <v>1</v>
      </c>
      <c r="DR30" s="242">
        <v>1</v>
      </c>
      <c r="DS30" s="222">
        <v>0</v>
      </c>
      <c r="DT30" s="219">
        <v>0</v>
      </c>
      <c r="DU30" s="219">
        <v>0</v>
      </c>
      <c r="DV30" s="220">
        <v>8</v>
      </c>
      <c r="DW30" s="218">
        <v>16</v>
      </c>
      <c r="DX30" s="218">
        <v>44</v>
      </c>
      <c r="DY30" s="218">
        <v>88</v>
      </c>
      <c r="DZ30" s="219">
        <v>49</v>
      </c>
      <c r="EA30" s="240">
        <v>205</v>
      </c>
      <c r="EB30" s="242">
        <v>205</v>
      </c>
      <c r="EC30" s="239"/>
    </row>
    <row r="31" spans="2:133" ht="21" customHeight="1" x14ac:dyDescent="0.2">
      <c r="B31" s="106" t="s">
        <v>28</v>
      </c>
      <c r="C31" s="217">
        <v>0</v>
      </c>
      <c r="D31" s="219">
        <v>0</v>
      </c>
      <c r="E31" s="219">
        <v>0</v>
      </c>
      <c r="F31" s="220">
        <v>0</v>
      </c>
      <c r="G31" s="218">
        <v>1</v>
      </c>
      <c r="H31" s="218">
        <v>12</v>
      </c>
      <c r="I31" s="218">
        <v>22</v>
      </c>
      <c r="J31" s="219">
        <v>20</v>
      </c>
      <c r="K31" s="240">
        <v>55</v>
      </c>
      <c r="L31" s="241">
        <v>55</v>
      </c>
      <c r="M31" s="217">
        <v>0</v>
      </c>
      <c r="N31" s="219">
        <v>0</v>
      </c>
      <c r="O31" s="240">
        <v>0</v>
      </c>
      <c r="P31" s="220">
        <v>0</v>
      </c>
      <c r="Q31" s="218">
        <v>1</v>
      </c>
      <c r="R31" s="218">
        <v>12</v>
      </c>
      <c r="S31" s="218">
        <v>22</v>
      </c>
      <c r="T31" s="219">
        <v>19</v>
      </c>
      <c r="U31" s="240">
        <v>54</v>
      </c>
      <c r="V31" s="242">
        <v>54</v>
      </c>
      <c r="W31" s="222">
        <v>0</v>
      </c>
      <c r="X31" s="219">
        <v>0</v>
      </c>
      <c r="Y31" s="240">
        <v>0</v>
      </c>
      <c r="Z31" s="222">
        <v>0</v>
      </c>
      <c r="AA31" s="218">
        <v>0</v>
      </c>
      <c r="AB31" s="218">
        <v>0</v>
      </c>
      <c r="AC31" s="218">
        <v>0</v>
      </c>
      <c r="AD31" s="219">
        <v>1</v>
      </c>
      <c r="AE31" s="240">
        <v>1</v>
      </c>
      <c r="AF31" s="221">
        <v>1</v>
      </c>
      <c r="AG31" s="222">
        <v>0</v>
      </c>
      <c r="AH31" s="219">
        <v>0</v>
      </c>
      <c r="AI31" s="240">
        <v>0</v>
      </c>
      <c r="AJ31" s="222">
        <v>4</v>
      </c>
      <c r="AK31" s="218">
        <v>8</v>
      </c>
      <c r="AL31" s="218">
        <v>9</v>
      </c>
      <c r="AM31" s="218">
        <v>10</v>
      </c>
      <c r="AN31" s="219">
        <v>3</v>
      </c>
      <c r="AO31" s="240">
        <v>34</v>
      </c>
      <c r="AP31" s="221">
        <v>34</v>
      </c>
      <c r="AQ31" s="222">
        <v>0</v>
      </c>
      <c r="AR31" s="219">
        <v>0</v>
      </c>
      <c r="AS31" s="240">
        <v>0</v>
      </c>
      <c r="AT31" s="220">
        <v>4</v>
      </c>
      <c r="AU31" s="218">
        <v>8</v>
      </c>
      <c r="AV31" s="218">
        <v>9</v>
      </c>
      <c r="AW31" s="218">
        <v>10</v>
      </c>
      <c r="AX31" s="219">
        <v>3</v>
      </c>
      <c r="AY31" s="240">
        <v>34</v>
      </c>
      <c r="AZ31" s="241">
        <v>34</v>
      </c>
      <c r="BA31" s="217">
        <v>0</v>
      </c>
      <c r="BB31" s="219">
        <v>0</v>
      </c>
      <c r="BC31" s="219">
        <v>0</v>
      </c>
      <c r="BD31" s="220">
        <v>0</v>
      </c>
      <c r="BE31" s="218">
        <v>0</v>
      </c>
      <c r="BF31" s="218">
        <v>0</v>
      </c>
      <c r="BG31" s="218">
        <v>0</v>
      </c>
      <c r="BH31" s="219">
        <v>0</v>
      </c>
      <c r="BI31" s="240">
        <v>0</v>
      </c>
      <c r="BJ31" s="242">
        <v>0</v>
      </c>
      <c r="BK31" s="222">
        <v>0</v>
      </c>
      <c r="BL31" s="219">
        <v>0</v>
      </c>
      <c r="BM31" s="219">
        <v>0</v>
      </c>
      <c r="BN31" s="220">
        <v>0</v>
      </c>
      <c r="BO31" s="218">
        <v>0</v>
      </c>
      <c r="BP31" s="218">
        <v>0</v>
      </c>
      <c r="BQ31" s="218">
        <v>0</v>
      </c>
      <c r="BR31" s="219">
        <v>0</v>
      </c>
      <c r="BS31" s="240">
        <v>0</v>
      </c>
      <c r="BT31" s="241">
        <v>0</v>
      </c>
      <c r="BU31" s="217">
        <v>0</v>
      </c>
      <c r="BV31" s="219">
        <v>0</v>
      </c>
      <c r="BW31" s="219">
        <v>0</v>
      </c>
      <c r="BX31" s="220">
        <v>0</v>
      </c>
      <c r="BY31" s="218">
        <v>0</v>
      </c>
      <c r="BZ31" s="218">
        <v>0</v>
      </c>
      <c r="CA31" s="218">
        <v>0</v>
      </c>
      <c r="CB31" s="219">
        <v>0</v>
      </c>
      <c r="CC31" s="240">
        <v>0</v>
      </c>
      <c r="CD31" s="242">
        <v>0</v>
      </c>
      <c r="CE31" s="222">
        <v>0</v>
      </c>
      <c r="CF31" s="219">
        <v>0</v>
      </c>
      <c r="CG31" s="219">
        <v>0</v>
      </c>
      <c r="CH31" s="220">
        <v>0</v>
      </c>
      <c r="CI31" s="218">
        <v>0</v>
      </c>
      <c r="CJ31" s="218">
        <v>0</v>
      </c>
      <c r="CK31" s="218">
        <v>0</v>
      </c>
      <c r="CL31" s="219">
        <v>0</v>
      </c>
      <c r="CM31" s="240">
        <v>0</v>
      </c>
      <c r="CN31" s="242">
        <v>0</v>
      </c>
      <c r="CO31" s="222">
        <v>0</v>
      </c>
      <c r="CP31" s="219">
        <v>0</v>
      </c>
      <c r="CQ31" s="219">
        <v>0</v>
      </c>
      <c r="CR31" s="220">
        <v>0</v>
      </c>
      <c r="CS31" s="218">
        <v>0</v>
      </c>
      <c r="CT31" s="218">
        <v>0</v>
      </c>
      <c r="CU31" s="218">
        <v>0</v>
      </c>
      <c r="CV31" s="219">
        <v>1</v>
      </c>
      <c r="CW31" s="240">
        <v>1</v>
      </c>
      <c r="CX31" s="241">
        <v>1</v>
      </c>
      <c r="CY31" s="217">
        <v>0</v>
      </c>
      <c r="CZ31" s="219">
        <v>0</v>
      </c>
      <c r="DA31" s="219">
        <v>0</v>
      </c>
      <c r="DB31" s="220">
        <v>0</v>
      </c>
      <c r="DC31" s="218">
        <v>0</v>
      </c>
      <c r="DD31" s="218">
        <v>0</v>
      </c>
      <c r="DE31" s="218">
        <v>0</v>
      </c>
      <c r="DF31" s="219">
        <v>1</v>
      </c>
      <c r="DG31" s="240">
        <v>1</v>
      </c>
      <c r="DH31" s="242">
        <v>1</v>
      </c>
      <c r="DI31" s="222">
        <v>0</v>
      </c>
      <c r="DJ31" s="219">
        <v>0</v>
      </c>
      <c r="DK31" s="219">
        <v>0</v>
      </c>
      <c r="DL31" s="220">
        <v>0</v>
      </c>
      <c r="DM31" s="218">
        <v>0</v>
      </c>
      <c r="DN31" s="218">
        <v>0</v>
      </c>
      <c r="DO31" s="218">
        <v>0</v>
      </c>
      <c r="DP31" s="219">
        <v>0</v>
      </c>
      <c r="DQ31" s="240">
        <v>0</v>
      </c>
      <c r="DR31" s="242">
        <v>0</v>
      </c>
      <c r="DS31" s="222">
        <v>0</v>
      </c>
      <c r="DT31" s="219">
        <v>0</v>
      </c>
      <c r="DU31" s="219">
        <v>0</v>
      </c>
      <c r="DV31" s="220">
        <v>4</v>
      </c>
      <c r="DW31" s="218">
        <v>9</v>
      </c>
      <c r="DX31" s="218">
        <v>21</v>
      </c>
      <c r="DY31" s="218">
        <v>32</v>
      </c>
      <c r="DZ31" s="219">
        <v>23</v>
      </c>
      <c r="EA31" s="240">
        <v>89</v>
      </c>
      <c r="EB31" s="242">
        <v>89</v>
      </c>
      <c r="EC31" s="239"/>
    </row>
    <row r="32" spans="2:133" ht="21" customHeight="1" x14ac:dyDescent="0.2">
      <c r="B32" s="106" t="s">
        <v>29</v>
      </c>
      <c r="C32" s="217">
        <v>0</v>
      </c>
      <c r="D32" s="219">
        <v>0</v>
      </c>
      <c r="E32" s="219">
        <v>0</v>
      </c>
      <c r="F32" s="220">
        <v>0</v>
      </c>
      <c r="G32" s="218">
        <v>3</v>
      </c>
      <c r="H32" s="218">
        <v>7</v>
      </c>
      <c r="I32" s="218">
        <v>23</v>
      </c>
      <c r="J32" s="219">
        <v>20</v>
      </c>
      <c r="K32" s="240">
        <v>53</v>
      </c>
      <c r="L32" s="241">
        <v>53</v>
      </c>
      <c r="M32" s="217">
        <v>0</v>
      </c>
      <c r="N32" s="219">
        <v>0</v>
      </c>
      <c r="O32" s="240">
        <v>0</v>
      </c>
      <c r="P32" s="220">
        <v>0</v>
      </c>
      <c r="Q32" s="218">
        <v>3</v>
      </c>
      <c r="R32" s="218">
        <v>7</v>
      </c>
      <c r="S32" s="218">
        <v>23</v>
      </c>
      <c r="T32" s="219">
        <v>20</v>
      </c>
      <c r="U32" s="240">
        <v>53</v>
      </c>
      <c r="V32" s="242">
        <v>53</v>
      </c>
      <c r="W32" s="222">
        <v>0</v>
      </c>
      <c r="X32" s="219">
        <v>0</v>
      </c>
      <c r="Y32" s="240">
        <v>0</v>
      </c>
      <c r="Z32" s="222">
        <v>0</v>
      </c>
      <c r="AA32" s="218">
        <v>0</v>
      </c>
      <c r="AB32" s="218">
        <v>0</v>
      </c>
      <c r="AC32" s="218">
        <v>0</v>
      </c>
      <c r="AD32" s="219">
        <v>0</v>
      </c>
      <c r="AE32" s="240">
        <v>0</v>
      </c>
      <c r="AF32" s="221">
        <v>0</v>
      </c>
      <c r="AG32" s="222">
        <v>0</v>
      </c>
      <c r="AH32" s="219">
        <v>0</v>
      </c>
      <c r="AI32" s="240">
        <v>0</v>
      </c>
      <c r="AJ32" s="222">
        <v>3</v>
      </c>
      <c r="AK32" s="218">
        <v>7</v>
      </c>
      <c r="AL32" s="218">
        <v>13</v>
      </c>
      <c r="AM32" s="218">
        <v>13</v>
      </c>
      <c r="AN32" s="219">
        <v>8</v>
      </c>
      <c r="AO32" s="240">
        <v>44</v>
      </c>
      <c r="AP32" s="221">
        <v>44</v>
      </c>
      <c r="AQ32" s="222">
        <v>0</v>
      </c>
      <c r="AR32" s="219">
        <v>0</v>
      </c>
      <c r="AS32" s="240">
        <v>0</v>
      </c>
      <c r="AT32" s="220">
        <v>3</v>
      </c>
      <c r="AU32" s="218">
        <v>7</v>
      </c>
      <c r="AV32" s="218">
        <v>13</v>
      </c>
      <c r="AW32" s="218">
        <v>13</v>
      </c>
      <c r="AX32" s="219">
        <v>7</v>
      </c>
      <c r="AY32" s="240">
        <v>43</v>
      </c>
      <c r="AZ32" s="241">
        <v>43</v>
      </c>
      <c r="BA32" s="217">
        <v>0</v>
      </c>
      <c r="BB32" s="219">
        <v>0</v>
      </c>
      <c r="BC32" s="219">
        <v>0</v>
      </c>
      <c r="BD32" s="220">
        <v>0</v>
      </c>
      <c r="BE32" s="218">
        <v>0</v>
      </c>
      <c r="BF32" s="218">
        <v>0</v>
      </c>
      <c r="BG32" s="218">
        <v>0</v>
      </c>
      <c r="BH32" s="219">
        <v>1</v>
      </c>
      <c r="BI32" s="240">
        <v>1</v>
      </c>
      <c r="BJ32" s="242">
        <v>1</v>
      </c>
      <c r="BK32" s="222">
        <v>0</v>
      </c>
      <c r="BL32" s="219">
        <v>0</v>
      </c>
      <c r="BM32" s="219">
        <v>0</v>
      </c>
      <c r="BN32" s="220">
        <v>0</v>
      </c>
      <c r="BO32" s="218">
        <v>0</v>
      </c>
      <c r="BP32" s="218">
        <v>0</v>
      </c>
      <c r="BQ32" s="218">
        <v>0</v>
      </c>
      <c r="BR32" s="219">
        <v>0</v>
      </c>
      <c r="BS32" s="240">
        <v>0</v>
      </c>
      <c r="BT32" s="241">
        <v>0</v>
      </c>
      <c r="BU32" s="217">
        <v>0</v>
      </c>
      <c r="BV32" s="219">
        <v>0</v>
      </c>
      <c r="BW32" s="219">
        <v>0</v>
      </c>
      <c r="BX32" s="220">
        <v>0</v>
      </c>
      <c r="BY32" s="218">
        <v>0</v>
      </c>
      <c r="BZ32" s="218">
        <v>0</v>
      </c>
      <c r="CA32" s="218">
        <v>0</v>
      </c>
      <c r="CB32" s="219">
        <v>0</v>
      </c>
      <c r="CC32" s="240">
        <v>0</v>
      </c>
      <c r="CD32" s="242">
        <v>0</v>
      </c>
      <c r="CE32" s="222">
        <v>0</v>
      </c>
      <c r="CF32" s="219">
        <v>0</v>
      </c>
      <c r="CG32" s="219">
        <v>0</v>
      </c>
      <c r="CH32" s="220">
        <v>0</v>
      </c>
      <c r="CI32" s="218">
        <v>0</v>
      </c>
      <c r="CJ32" s="218">
        <v>0</v>
      </c>
      <c r="CK32" s="218">
        <v>0</v>
      </c>
      <c r="CL32" s="219">
        <v>0</v>
      </c>
      <c r="CM32" s="240">
        <v>0</v>
      </c>
      <c r="CN32" s="242">
        <v>0</v>
      </c>
      <c r="CO32" s="222">
        <v>0</v>
      </c>
      <c r="CP32" s="219">
        <v>0</v>
      </c>
      <c r="CQ32" s="219">
        <v>0</v>
      </c>
      <c r="CR32" s="220">
        <v>0</v>
      </c>
      <c r="CS32" s="218">
        <v>0</v>
      </c>
      <c r="CT32" s="218">
        <v>1</v>
      </c>
      <c r="CU32" s="218">
        <v>0</v>
      </c>
      <c r="CV32" s="219">
        <v>0</v>
      </c>
      <c r="CW32" s="240">
        <v>1</v>
      </c>
      <c r="CX32" s="241">
        <v>1</v>
      </c>
      <c r="CY32" s="217">
        <v>0</v>
      </c>
      <c r="CZ32" s="219">
        <v>0</v>
      </c>
      <c r="DA32" s="219">
        <v>0</v>
      </c>
      <c r="DB32" s="220">
        <v>0</v>
      </c>
      <c r="DC32" s="218">
        <v>0</v>
      </c>
      <c r="DD32" s="218">
        <v>1</v>
      </c>
      <c r="DE32" s="218">
        <v>0</v>
      </c>
      <c r="DF32" s="219">
        <v>0</v>
      </c>
      <c r="DG32" s="240">
        <v>1</v>
      </c>
      <c r="DH32" s="242">
        <v>1</v>
      </c>
      <c r="DI32" s="222">
        <v>0</v>
      </c>
      <c r="DJ32" s="219">
        <v>0</v>
      </c>
      <c r="DK32" s="219">
        <v>0</v>
      </c>
      <c r="DL32" s="220">
        <v>0</v>
      </c>
      <c r="DM32" s="218">
        <v>0</v>
      </c>
      <c r="DN32" s="218">
        <v>0</v>
      </c>
      <c r="DO32" s="218">
        <v>0</v>
      </c>
      <c r="DP32" s="219">
        <v>0</v>
      </c>
      <c r="DQ32" s="240">
        <v>0</v>
      </c>
      <c r="DR32" s="242">
        <v>0</v>
      </c>
      <c r="DS32" s="222">
        <v>0</v>
      </c>
      <c r="DT32" s="219">
        <v>0</v>
      </c>
      <c r="DU32" s="219">
        <v>0</v>
      </c>
      <c r="DV32" s="220">
        <v>3</v>
      </c>
      <c r="DW32" s="218">
        <v>10</v>
      </c>
      <c r="DX32" s="218">
        <v>21</v>
      </c>
      <c r="DY32" s="218">
        <v>36</v>
      </c>
      <c r="DZ32" s="219">
        <v>28</v>
      </c>
      <c r="EA32" s="240">
        <v>98</v>
      </c>
      <c r="EB32" s="242">
        <v>98</v>
      </c>
      <c r="EC32" s="239"/>
    </row>
    <row r="33" spans="2:133" ht="21" customHeight="1" x14ac:dyDescent="0.2">
      <c r="B33" s="106" t="s">
        <v>30</v>
      </c>
      <c r="C33" s="217">
        <v>0</v>
      </c>
      <c r="D33" s="219">
        <v>0</v>
      </c>
      <c r="E33" s="219">
        <v>0</v>
      </c>
      <c r="F33" s="220">
        <v>0</v>
      </c>
      <c r="G33" s="218">
        <v>4</v>
      </c>
      <c r="H33" s="218">
        <v>21</v>
      </c>
      <c r="I33" s="218">
        <v>33</v>
      </c>
      <c r="J33" s="219">
        <v>20</v>
      </c>
      <c r="K33" s="240">
        <v>78</v>
      </c>
      <c r="L33" s="241">
        <v>78</v>
      </c>
      <c r="M33" s="217">
        <v>0</v>
      </c>
      <c r="N33" s="219">
        <v>0</v>
      </c>
      <c r="O33" s="240">
        <v>0</v>
      </c>
      <c r="P33" s="220">
        <v>0</v>
      </c>
      <c r="Q33" s="218">
        <v>4</v>
      </c>
      <c r="R33" s="218">
        <v>21</v>
      </c>
      <c r="S33" s="218">
        <v>33</v>
      </c>
      <c r="T33" s="219">
        <v>20</v>
      </c>
      <c r="U33" s="240">
        <v>78</v>
      </c>
      <c r="V33" s="242">
        <v>78</v>
      </c>
      <c r="W33" s="222">
        <v>0</v>
      </c>
      <c r="X33" s="219">
        <v>0</v>
      </c>
      <c r="Y33" s="240">
        <v>0</v>
      </c>
      <c r="Z33" s="222">
        <v>0</v>
      </c>
      <c r="AA33" s="218">
        <v>0</v>
      </c>
      <c r="AB33" s="218">
        <v>0</v>
      </c>
      <c r="AC33" s="218">
        <v>0</v>
      </c>
      <c r="AD33" s="219">
        <v>0</v>
      </c>
      <c r="AE33" s="240">
        <v>0</v>
      </c>
      <c r="AF33" s="221">
        <v>0</v>
      </c>
      <c r="AG33" s="222">
        <v>0</v>
      </c>
      <c r="AH33" s="219">
        <v>0</v>
      </c>
      <c r="AI33" s="240">
        <v>0</v>
      </c>
      <c r="AJ33" s="222">
        <v>10</v>
      </c>
      <c r="AK33" s="218">
        <v>9</v>
      </c>
      <c r="AL33" s="218">
        <v>12</v>
      </c>
      <c r="AM33" s="218">
        <v>19</v>
      </c>
      <c r="AN33" s="219">
        <v>1</v>
      </c>
      <c r="AO33" s="240">
        <v>51</v>
      </c>
      <c r="AP33" s="221">
        <v>51</v>
      </c>
      <c r="AQ33" s="222">
        <v>0</v>
      </c>
      <c r="AR33" s="219">
        <v>0</v>
      </c>
      <c r="AS33" s="240">
        <v>0</v>
      </c>
      <c r="AT33" s="220">
        <v>10</v>
      </c>
      <c r="AU33" s="218">
        <v>9</v>
      </c>
      <c r="AV33" s="218">
        <v>12</v>
      </c>
      <c r="AW33" s="218">
        <v>19</v>
      </c>
      <c r="AX33" s="219">
        <v>1</v>
      </c>
      <c r="AY33" s="240">
        <v>51</v>
      </c>
      <c r="AZ33" s="241">
        <v>51</v>
      </c>
      <c r="BA33" s="217">
        <v>0</v>
      </c>
      <c r="BB33" s="219">
        <v>0</v>
      </c>
      <c r="BC33" s="219">
        <v>0</v>
      </c>
      <c r="BD33" s="220">
        <v>0</v>
      </c>
      <c r="BE33" s="218">
        <v>0</v>
      </c>
      <c r="BF33" s="218">
        <v>0</v>
      </c>
      <c r="BG33" s="218">
        <v>0</v>
      </c>
      <c r="BH33" s="219">
        <v>0</v>
      </c>
      <c r="BI33" s="240">
        <v>0</v>
      </c>
      <c r="BJ33" s="242">
        <v>0</v>
      </c>
      <c r="BK33" s="222">
        <v>0</v>
      </c>
      <c r="BL33" s="219">
        <v>0</v>
      </c>
      <c r="BM33" s="219">
        <v>0</v>
      </c>
      <c r="BN33" s="220">
        <v>0</v>
      </c>
      <c r="BO33" s="218">
        <v>0</v>
      </c>
      <c r="BP33" s="218">
        <v>0</v>
      </c>
      <c r="BQ33" s="218">
        <v>0</v>
      </c>
      <c r="BR33" s="219">
        <v>0</v>
      </c>
      <c r="BS33" s="240">
        <v>0</v>
      </c>
      <c r="BT33" s="241">
        <v>0</v>
      </c>
      <c r="BU33" s="217">
        <v>0</v>
      </c>
      <c r="BV33" s="219">
        <v>0</v>
      </c>
      <c r="BW33" s="219">
        <v>0</v>
      </c>
      <c r="BX33" s="220">
        <v>0</v>
      </c>
      <c r="BY33" s="218">
        <v>0</v>
      </c>
      <c r="BZ33" s="218">
        <v>0</v>
      </c>
      <c r="CA33" s="218">
        <v>0</v>
      </c>
      <c r="CB33" s="219">
        <v>0</v>
      </c>
      <c r="CC33" s="240">
        <v>0</v>
      </c>
      <c r="CD33" s="242">
        <v>0</v>
      </c>
      <c r="CE33" s="222">
        <v>0</v>
      </c>
      <c r="CF33" s="219">
        <v>0</v>
      </c>
      <c r="CG33" s="219">
        <v>0</v>
      </c>
      <c r="CH33" s="220">
        <v>0</v>
      </c>
      <c r="CI33" s="218">
        <v>0</v>
      </c>
      <c r="CJ33" s="218">
        <v>0</v>
      </c>
      <c r="CK33" s="218">
        <v>0</v>
      </c>
      <c r="CL33" s="219">
        <v>0</v>
      </c>
      <c r="CM33" s="240">
        <v>0</v>
      </c>
      <c r="CN33" s="242">
        <v>0</v>
      </c>
      <c r="CO33" s="222">
        <v>0</v>
      </c>
      <c r="CP33" s="219">
        <v>0</v>
      </c>
      <c r="CQ33" s="219">
        <v>0</v>
      </c>
      <c r="CR33" s="220">
        <v>0</v>
      </c>
      <c r="CS33" s="218">
        <v>0</v>
      </c>
      <c r="CT33" s="218">
        <v>0</v>
      </c>
      <c r="CU33" s="218">
        <v>0</v>
      </c>
      <c r="CV33" s="219">
        <v>3</v>
      </c>
      <c r="CW33" s="240">
        <v>3</v>
      </c>
      <c r="CX33" s="241">
        <v>3</v>
      </c>
      <c r="CY33" s="217">
        <v>0</v>
      </c>
      <c r="CZ33" s="219">
        <v>0</v>
      </c>
      <c r="DA33" s="219">
        <v>0</v>
      </c>
      <c r="DB33" s="220">
        <v>0</v>
      </c>
      <c r="DC33" s="218">
        <v>0</v>
      </c>
      <c r="DD33" s="218">
        <v>0</v>
      </c>
      <c r="DE33" s="218">
        <v>0</v>
      </c>
      <c r="DF33" s="219">
        <v>3</v>
      </c>
      <c r="DG33" s="240">
        <v>3</v>
      </c>
      <c r="DH33" s="242">
        <v>3</v>
      </c>
      <c r="DI33" s="222">
        <v>0</v>
      </c>
      <c r="DJ33" s="219">
        <v>0</v>
      </c>
      <c r="DK33" s="219">
        <v>0</v>
      </c>
      <c r="DL33" s="220">
        <v>0</v>
      </c>
      <c r="DM33" s="218">
        <v>0</v>
      </c>
      <c r="DN33" s="218">
        <v>0</v>
      </c>
      <c r="DO33" s="218">
        <v>0</v>
      </c>
      <c r="DP33" s="219">
        <v>0</v>
      </c>
      <c r="DQ33" s="240">
        <v>0</v>
      </c>
      <c r="DR33" s="242">
        <v>0</v>
      </c>
      <c r="DS33" s="222">
        <v>0</v>
      </c>
      <c r="DT33" s="219">
        <v>0</v>
      </c>
      <c r="DU33" s="219">
        <v>0</v>
      </c>
      <c r="DV33" s="220">
        <v>10</v>
      </c>
      <c r="DW33" s="218">
        <v>13</v>
      </c>
      <c r="DX33" s="218">
        <v>32</v>
      </c>
      <c r="DY33" s="218">
        <v>52</v>
      </c>
      <c r="DZ33" s="219">
        <v>24</v>
      </c>
      <c r="EA33" s="240">
        <v>131</v>
      </c>
      <c r="EB33" s="242">
        <v>131</v>
      </c>
      <c r="EC33" s="239"/>
    </row>
    <row r="34" spans="2:133" ht="21" customHeight="1" x14ac:dyDescent="0.2">
      <c r="B34" s="106" t="s">
        <v>31</v>
      </c>
      <c r="C34" s="217">
        <v>0</v>
      </c>
      <c r="D34" s="219">
        <v>0</v>
      </c>
      <c r="E34" s="219">
        <v>0</v>
      </c>
      <c r="F34" s="220">
        <v>1</v>
      </c>
      <c r="G34" s="218">
        <v>1</v>
      </c>
      <c r="H34" s="218">
        <v>29</v>
      </c>
      <c r="I34" s="218">
        <v>24</v>
      </c>
      <c r="J34" s="219">
        <v>19</v>
      </c>
      <c r="K34" s="240">
        <v>74</v>
      </c>
      <c r="L34" s="241">
        <v>74</v>
      </c>
      <c r="M34" s="217">
        <v>0</v>
      </c>
      <c r="N34" s="219">
        <v>0</v>
      </c>
      <c r="O34" s="240">
        <v>0</v>
      </c>
      <c r="P34" s="220">
        <v>1</v>
      </c>
      <c r="Q34" s="218">
        <v>1</v>
      </c>
      <c r="R34" s="218">
        <v>29</v>
      </c>
      <c r="S34" s="218">
        <v>24</v>
      </c>
      <c r="T34" s="219">
        <v>19</v>
      </c>
      <c r="U34" s="240">
        <v>74</v>
      </c>
      <c r="V34" s="242">
        <v>74</v>
      </c>
      <c r="W34" s="222">
        <v>0</v>
      </c>
      <c r="X34" s="219">
        <v>0</v>
      </c>
      <c r="Y34" s="240">
        <v>0</v>
      </c>
      <c r="Z34" s="222">
        <v>0</v>
      </c>
      <c r="AA34" s="218">
        <v>0</v>
      </c>
      <c r="AB34" s="218">
        <v>0</v>
      </c>
      <c r="AC34" s="218">
        <v>0</v>
      </c>
      <c r="AD34" s="219">
        <v>0</v>
      </c>
      <c r="AE34" s="240">
        <v>0</v>
      </c>
      <c r="AF34" s="221">
        <v>0</v>
      </c>
      <c r="AG34" s="222">
        <v>0</v>
      </c>
      <c r="AH34" s="219">
        <v>0</v>
      </c>
      <c r="AI34" s="240">
        <v>0</v>
      </c>
      <c r="AJ34" s="222">
        <v>2</v>
      </c>
      <c r="AK34" s="218">
        <v>9</v>
      </c>
      <c r="AL34" s="218">
        <v>9</v>
      </c>
      <c r="AM34" s="218">
        <v>8</v>
      </c>
      <c r="AN34" s="219">
        <v>4</v>
      </c>
      <c r="AO34" s="240">
        <v>32</v>
      </c>
      <c r="AP34" s="221">
        <v>32</v>
      </c>
      <c r="AQ34" s="222">
        <v>0</v>
      </c>
      <c r="AR34" s="219">
        <v>0</v>
      </c>
      <c r="AS34" s="240">
        <v>0</v>
      </c>
      <c r="AT34" s="220">
        <v>2</v>
      </c>
      <c r="AU34" s="218">
        <v>9</v>
      </c>
      <c r="AV34" s="218">
        <v>9</v>
      </c>
      <c r="AW34" s="218">
        <v>8</v>
      </c>
      <c r="AX34" s="219">
        <v>3</v>
      </c>
      <c r="AY34" s="240">
        <v>31</v>
      </c>
      <c r="AZ34" s="241">
        <v>31</v>
      </c>
      <c r="BA34" s="217">
        <v>0</v>
      </c>
      <c r="BB34" s="219">
        <v>0</v>
      </c>
      <c r="BC34" s="219">
        <v>0</v>
      </c>
      <c r="BD34" s="220">
        <v>0</v>
      </c>
      <c r="BE34" s="218">
        <v>0</v>
      </c>
      <c r="BF34" s="218">
        <v>0</v>
      </c>
      <c r="BG34" s="218">
        <v>0</v>
      </c>
      <c r="BH34" s="219">
        <v>1</v>
      </c>
      <c r="BI34" s="240">
        <v>1</v>
      </c>
      <c r="BJ34" s="242">
        <v>1</v>
      </c>
      <c r="BK34" s="222">
        <v>0</v>
      </c>
      <c r="BL34" s="219">
        <v>0</v>
      </c>
      <c r="BM34" s="219">
        <v>0</v>
      </c>
      <c r="BN34" s="220">
        <v>0</v>
      </c>
      <c r="BO34" s="218">
        <v>0</v>
      </c>
      <c r="BP34" s="218">
        <v>0</v>
      </c>
      <c r="BQ34" s="218">
        <v>0</v>
      </c>
      <c r="BR34" s="219">
        <v>0</v>
      </c>
      <c r="BS34" s="240">
        <v>0</v>
      </c>
      <c r="BT34" s="241">
        <v>0</v>
      </c>
      <c r="BU34" s="217">
        <v>0</v>
      </c>
      <c r="BV34" s="219">
        <v>0</v>
      </c>
      <c r="BW34" s="219">
        <v>0</v>
      </c>
      <c r="BX34" s="220">
        <v>0</v>
      </c>
      <c r="BY34" s="218">
        <v>0</v>
      </c>
      <c r="BZ34" s="218">
        <v>0</v>
      </c>
      <c r="CA34" s="218">
        <v>0</v>
      </c>
      <c r="CB34" s="219">
        <v>0</v>
      </c>
      <c r="CC34" s="240">
        <v>0</v>
      </c>
      <c r="CD34" s="242">
        <v>0</v>
      </c>
      <c r="CE34" s="222">
        <v>0</v>
      </c>
      <c r="CF34" s="219">
        <v>0</v>
      </c>
      <c r="CG34" s="219">
        <v>0</v>
      </c>
      <c r="CH34" s="220">
        <v>0</v>
      </c>
      <c r="CI34" s="218">
        <v>0</v>
      </c>
      <c r="CJ34" s="218">
        <v>0</v>
      </c>
      <c r="CK34" s="218">
        <v>0</v>
      </c>
      <c r="CL34" s="219">
        <v>0</v>
      </c>
      <c r="CM34" s="240">
        <v>0</v>
      </c>
      <c r="CN34" s="242">
        <v>0</v>
      </c>
      <c r="CO34" s="222">
        <v>0</v>
      </c>
      <c r="CP34" s="219">
        <v>0</v>
      </c>
      <c r="CQ34" s="219">
        <v>0</v>
      </c>
      <c r="CR34" s="220">
        <v>1</v>
      </c>
      <c r="CS34" s="218">
        <v>0</v>
      </c>
      <c r="CT34" s="218">
        <v>0</v>
      </c>
      <c r="CU34" s="218">
        <v>2</v>
      </c>
      <c r="CV34" s="219">
        <v>2</v>
      </c>
      <c r="CW34" s="240">
        <v>5</v>
      </c>
      <c r="CX34" s="241">
        <v>5</v>
      </c>
      <c r="CY34" s="217">
        <v>0</v>
      </c>
      <c r="CZ34" s="219">
        <v>0</v>
      </c>
      <c r="DA34" s="219">
        <v>0</v>
      </c>
      <c r="DB34" s="220">
        <v>1</v>
      </c>
      <c r="DC34" s="218">
        <v>0</v>
      </c>
      <c r="DD34" s="218">
        <v>0</v>
      </c>
      <c r="DE34" s="218">
        <v>2</v>
      </c>
      <c r="DF34" s="219">
        <v>2</v>
      </c>
      <c r="DG34" s="240">
        <v>5</v>
      </c>
      <c r="DH34" s="242">
        <v>5</v>
      </c>
      <c r="DI34" s="222">
        <v>0</v>
      </c>
      <c r="DJ34" s="219">
        <v>0</v>
      </c>
      <c r="DK34" s="219">
        <v>0</v>
      </c>
      <c r="DL34" s="220">
        <v>0</v>
      </c>
      <c r="DM34" s="218">
        <v>0</v>
      </c>
      <c r="DN34" s="218">
        <v>0</v>
      </c>
      <c r="DO34" s="218">
        <v>0</v>
      </c>
      <c r="DP34" s="219">
        <v>0</v>
      </c>
      <c r="DQ34" s="240">
        <v>0</v>
      </c>
      <c r="DR34" s="242">
        <v>0</v>
      </c>
      <c r="DS34" s="222">
        <v>0</v>
      </c>
      <c r="DT34" s="219">
        <v>0</v>
      </c>
      <c r="DU34" s="219">
        <v>0</v>
      </c>
      <c r="DV34" s="220">
        <v>4</v>
      </c>
      <c r="DW34" s="218">
        <v>10</v>
      </c>
      <c r="DX34" s="218">
        <v>38</v>
      </c>
      <c r="DY34" s="218">
        <v>34</v>
      </c>
      <c r="DZ34" s="219">
        <v>25</v>
      </c>
      <c r="EA34" s="240">
        <v>111</v>
      </c>
      <c r="EB34" s="242">
        <v>111</v>
      </c>
      <c r="EC34" s="239"/>
    </row>
    <row r="35" spans="2:133" ht="21" customHeight="1" x14ac:dyDescent="0.2">
      <c r="B35" s="106" t="s">
        <v>32</v>
      </c>
      <c r="C35" s="217">
        <v>0</v>
      </c>
      <c r="D35" s="219">
        <v>0</v>
      </c>
      <c r="E35" s="219">
        <v>0</v>
      </c>
      <c r="F35" s="220">
        <v>2</v>
      </c>
      <c r="G35" s="218">
        <v>0</v>
      </c>
      <c r="H35" s="218">
        <v>12</v>
      </c>
      <c r="I35" s="218">
        <v>30</v>
      </c>
      <c r="J35" s="219">
        <v>15</v>
      </c>
      <c r="K35" s="240">
        <v>59</v>
      </c>
      <c r="L35" s="241">
        <v>59</v>
      </c>
      <c r="M35" s="217">
        <v>0</v>
      </c>
      <c r="N35" s="219">
        <v>0</v>
      </c>
      <c r="O35" s="240">
        <v>0</v>
      </c>
      <c r="P35" s="220">
        <v>2</v>
      </c>
      <c r="Q35" s="218">
        <v>0</v>
      </c>
      <c r="R35" s="218">
        <v>12</v>
      </c>
      <c r="S35" s="218">
        <v>30</v>
      </c>
      <c r="T35" s="219">
        <v>15</v>
      </c>
      <c r="U35" s="240">
        <v>59</v>
      </c>
      <c r="V35" s="242">
        <v>59</v>
      </c>
      <c r="W35" s="222">
        <v>0</v>
      </c>
      <c r="X35" s="219">
        <v>0</v>
      </c>
      <c r="Y35" s="240">
        <v>0</v>
      </c>
      <c r="Z35" s="222">
        <v>0</v>
      </c>
      <c r="AA35" s="218">
        <v>0</v>
      </c>
      <c r="AB35" s="218">
        <v>0</v>
      </c>
      <c r="AC35" s="218">
        <v>0</v>
      </c>
      <c r="AD35" s="219">
        <v>0</v>
      </c>
      <c r="AE35" s="240">
        <v>0</v>
      </c>
      <c r="AF35" s="221">
        <v>0</v>
      </c>
      <c r="AG35" s="222">
        <v>0</v>
      </c>
      <c r="AH35" s="219">
        <v>0</v>
      </c>
      <c r="AI35" s="240">
        <v>0</v>
      </c>
      <c r="AJ35" s="222">
        <v>7</v>
      </c>
      <c r="AK35" s="218">
        <v>7</v>
      </c>
      <c r="AL35" s="218">
        <v>6</v>
      </c>
      <c r="AM35" s="218">
        <v>14</v>
      </c>
      <c r="AN35" s="219">
        <v>3</v>
      </c>
      <c r="AO35" s="240">
        <v>37</v>
      </c>
      <c r="AP35" s="221">
        <v>37</v>
      </c>
      <c r="AQ35" s="222">
        <v>0</v>
      </c>
      <c r="AR35" s="219">
        <v>0</v>
      </c>
      <c r="AS35" s="240">
        <v>0</v>
      </c>
      <c r="AT35" s="220">
        <v>7</v>
      </c>
      <c r="AU35" s="218">
        <v>7</v>
      </c>
      <c r="AV35" s="218">
        <v>6</v>
      </c>
      <c r="AW35" s="218">
        <v>14</v>
      </c>
      <c r="AX35" s="219">
        <v>3</v>
      </c>
      <c r="AY35" s="240">
        <v>37</v>
      </c>
      <c r="AZ35" s="241">
        <v>37</v>
      </c>
      <c r="BA35" s="217">
        <v>0</v>
      </c>
      <c r="BB35" s="219">
        <v>0</v>
      </c>
      <c r="BC35" s="219">
        <v>0</v>
      </c>
      <c r="BD35" s="220">
        <v>0</v>
      </c>
      <c r="BE35" s="218">
        <v>0</v>
      </c>
      <c r="BF35" s="218">
        <v>0</v>
      </c>
      <c r="BG35" s="218">
        <v>0</v>
      </c>
      <c r="BH35" s="219">
        <v>0</v>
      </c>
      <c r="BI35" s="240">
        <v>0</v>
      </c>
      <c r="BJ35" s="242">
        <v>0</v>
      </c>
      <c r="BK35" s="222">
        <v>0</v>
      </c>
      <c r="BL35" s="219">
        <v>0</v>
      </c>
      <c r="BM35" s="219">
        <v>0</v>
      </c>
      <c r="BN35" s="220">
        <v>0</v>
      </c>
      <c r="BO35" s="218">
        <v>0</v>
      </c>
      <c r="BP35" s="218">
        <v>0</v>
      </c>
      <c r="BQ35" s="218">
        <v>0</v>
      </c>
      <c r="BR35" s="219">
        <v>0</v>
      </c>
      <c r="BS35" s="240">
        <v>0</v>
      </c>
      <c r="BT35" s="241">
        <v>0</v>
      </c>
      <c r="BU35" s="217">
        <v>0</v>
      </c>
      <c r="BV35" s="219">
        <v>0</v>
      </c>
      <c r="BW35" s="219">
        <v>0</v>
      </c>
      <c r="BX35" s="220">
        <v>0</v>
      </c>
      <c r="BY35" s="218">
        <v>0</v>
      </c>
      <c r="BZ35" s="218">
        <v>0</v>
      </c>
      <c r="CA35" s="218">
        <v>0</v>
      </c>
      <c r="CB35" s="219">
        <v>0</v>
      </c>
      <c r="CC35" s="240">
        <v>0</v>
      </c>
      <c r="CD35" s="242">
        <v>0</v>
      </c>
      <c r="CE35" s="222">
        <v>0</v>
      </c>
      <c r="CF35" s="219">
        <v>0</v>
      </c>
      <c r="CG35" s="219">
        <v>0</v>
      </c>
      <c r="CH35" s="220">
        <v>0</v>
      </c>
      <c r="CI35" s="218">
        <v>0</v>
      </c>
      <c r="CJ35" s="218">
        <v>0</v>
      </c>
      <c r="CK35" s="218">
        <v>0</v>
      </c>
      <c r="CL35" s="219">
        <v>0</v>
      </c>
      <c r="CM35" s="240">
        <v>0</v>
      </c>
      <c r="CN35" s="242">
        <v>0</v>
      </c>
      <c r="CO35" s="222">
        <v>0</v>
      </c>
      <c r="CP35" s="219">
        <v>0</v>
      </c>
      <c r="CQ35" s="219">
        <v>0</v>
      </c>
      <c r="CR35" s="220">
        <v>2</v>
      </c>
      <c r="CS35" s="218">
        <v>0</v>
      </c>
      <c r="CT35" s="218">
        <v>0</v>
      </c>
      <c r="CU35" s="218">
        <v>0</v>
      </c>
      <c r="CV35" s="219">
        <v>4</v>
      </c>
      <c r="CW35" s="240">
        <v>6</v>
      </c>
      <c r="CX35" s="241">
        <v>6</v>
      </c>
      <c r="CY35" s="217">
        <v>0</v>
      </c>
      <c r="CZ35" s="219">
        <v>0</v>
      </c>
      <c r="DA35" s="219">
        <v>0</v>
      </c>
      <c r="DB35" s="220">
        <v>2</v>
      </c>
      <c r="DC35" s="218">
        <v>0</v>
      </c>
      <c r="DD35" s="218">
        <v>0</v>
      </c>
      <c r="DE35" s="218">
        <v>0</v>
      </c>
      <c r="DF35" s="219">
        <v>4</v>
      </c>
      <c r="DG35" s="240">
        <v>6</v>
      </c>
      <c r="DH35" s="242">
        <v>6</v>
      </c>
      <c r="DI35" s="222">
        <v>0</v>
      </c>
      <c r="DJ35" s="219">
        <v>0</v>
      </c>
      <c r="DK35" s="219">
        <v>0</v>
      </c>
      <c r="DL35" s="220">
        <v>0</v>
      </c>
      <c r="DM35" s="218">
        <v>0</v>
      </c>
      <c r="DN35" s="218">
        <v>0</v>
      </c>
      <c r="DO35" s="218">
        <v>0</v>
      </c>
      <c r="DP35" s="219">
        <v>0</v>
      </c>
      <c r="DQ35" s="240">
        <v>0</v>
      </c>
      <c r="DR35" s="242">
        <v>0</v>
      </c>
      <c r="DS35" s="222">
        <v>0</v>
      </c>
      <c r="DT35" s="219">
        <v>0</v>
      </c>
      <c r="DU35" s="219">
        <v>0</v>
      </c>
      <c r="DV35" s="220">
        <v>11</v>
      </c>
      <c r="DW35" s="218">
        <v>7</v>
      </c>
      <c r="DX35" s="218">
        <v>18</v>
      </c>
      <c r="DY35" s="218">
        <v>44</v>
      </c>
      <c r="DZ35" s="219">
        <v>22</v>
      </c>
      <c r="EA35" s="240">
        <v>102</v>
      </c>
      <c r="EB35" s="242">
        <v>102</v>
      </c>
      <c r="EC35" s="239"/>
    </row>
    <row r="36" spans="2:133" ht="21" customHeight="1" x14ac:dyDescent="0.2">
      <c r="B36" s="106" t="s">
        <v>33</v>
      </c>
      <c r="C36" s="217">
        <v>0</v>
      </c>
      <c r="D36" s="219">
        <v>0</v>
      </c>
      <c r="E36" s="219">
        <v>0</v>
      </c>
      <c r="F36" s="220">
        <v>1</v>
      </c>
      <c r="G36" s="218">
        <v>5</v>
      </c>
      <c r="H36" s="218">
        <v>33</v>
      </c>
      <c r="I36" s="218">
        <v>30</v>
      </c>
      <c r="J36" s="219">
        <v>17</v>
      </c>
      <c r="K36" s="240">
        <v>86</v>
      </c>
      <c r="L36" s="241">
        <v>86</v>
      </c>
      <c r="M36" s="217">
        <v>0</v>
      </c>
      <c r="N36" s="219">
        <v>0</v>
      </c>
      <c r="O36" s="240">
        <v>0</v>
      </c>
      <c r="P36" s="220">
        <v>1</v>
      </c>
      <c r="Q36" s="218">
        <v>5</v>
      </c>
      <c r="R36" s="218">
        <v>33</v>
      </c>
      <c r="S36" s="218">
        <v>30</v>
      </c>
      <c r="T36" s="219">
        <v>17</v>
      </c>
      <c r="U36" s="240">
        <v>86</v>
      </c>
      <c r="V36" s="242">
        <v>86</v>
      </c>
      <c r="W36" s="222">
        <v>0</v>
      </c>
      <c r="X36" s="219">
        <v>0</v>
      </c>
      <c r="Y36" s="240">
        <v>0</v>
      </c>
      <c r="Z36" s="222">
        <v>0</v>
      </c>
      <c r="AA36" s="218">
        <v>0</v>
      </c>
      <c r="AB36" s="218">
        <v>0</v>
      </c>
      <c r="AC36" s="218">
        <v>0</v>
      </c>
      <c r="AD36" s="219">
        <v>0</v>
      </c>
      <c r="AE36" s="240">
        <v>0</v>
      </c>
      <c r="AF36" s="221">
        <v>0</v>
      </c>
      <c r="AG36" s="222">
        <v>0</v>
      </c>
      <c r="AH36" s="219">
        <v>0</v>
      </c>
      <c r="AI36" s="240">
        <v>0</v>
      </c>
      <c r="AJ36" s="222">
        <v>9</v>
      </c>
      <c r="AK36" s="218">
        <v>14</v>
      </c>
      <c r="AL36" s="218">
        <v>14</v>
      </c>
      <c r="AM36" s="218">
        <v>12</v>
      </c>
      <c r="AN36" s="219">
        <v>7</v>
      </c>
      <c r="AO36" s="240">
        <v>56</v>
      </c>
      <c r="AP36" s="221">
        <v>56</v>
      </c>
      <c r="AQ36" s="222">
        <v>0</v>
      </c>
      <c r="AR36" s="219">
        <v>0</v>
      </c>
      <c r="AS36" s="240">
        <v>0</v>
      </c>
      <c r="AT36" s="220">
        <v>9</v>
      </c>
      <c r="AU36" s="218">
        <v>14</v>
      </c>
      <c r="AV36" s="218">
        <v>14</v>
      </c>
      <c r="AW36" s="218">
        <v>12</v>
      </c>
      <c r="AX36" s="219">
        <v>7</v>
      </c>
      <c r="AY36" s="240">
        <v>56</v>
      </c>
      <c r="AZ36" s="241">
        <v>56</v>
      </c>
      <c r="BA36" s="217">
        <v>0</v>
      </c>
      <c r="BB36" s="219">
        <v>0</v>
      </c>
      <c r="BC36" s="219">
        <v>0</v>
      </c>
      <c r="BD36" s="220">
        <v>0</v>
      </c>
      <c r="BE36" s="218">
        <v>0</v>
      </c>
      <c r="BF36" s="218">
        <v>0</v>
      </c>
      <c r="BG36" s="218">
        <v>0</v>
      </c>
      <c r="BH36" s="219">
        <v>0</v>
      </c>
      <c r="BI36" s="240">
        <v>0</v>
      </c>
      <c r="BJ36" s="242">
        <v>0</v>
      </c>
      <c r="BK36" s="222">
        <v>0</v>
      </c>
      <c r="BL36" s="219">
        <v>0</v>
      </c>
      <c r="BM36" s="219">
        <v>0</v>
      </c>
      <c r="BN36" s="220">
        <v>0</v>
      </c>
      <c r="BO36" s="218">
        <v>0</v>
      </c>
      <c r="BP36" s="218">
        <v>0</v>
      </c>
      <c r="BQ36" s="218">
        <v>0</v>
      </c>
      <c r="BR36" s="219">
        <v>0</v>
      </c>
      <c r="BS36" s="240">
        <v>0</v>
      </c>
      <c r="BT36" s="241">
        <v>0</v>
      </c>
      <c r="BU36" s="217">
        <v>0</v>
      </c>
      <c r="BV36" s="219">
        <v>0</v>
      </c>
      <c r="BW36" s="219">
        <v>0</v>
      </c>
      <c r="BX36" s="220">
        <v>0</v>
      </c>
      <c r="BY36" s="218">
        <v>0</v>
      </c>
      <c r="BZ36" s="218">
        <v>0</v>
      </c>
      <c r="CA36" s="218">
        <v>0</v>
      </c>
      <c r="CB36" s="219">
        <v>0</v>
      </c>
      <c r="CC36" s="240">
        <v>0</v>
      </c>
      <c r="CD36" s="242">
        <v>0</v>
      </c>
      <c r="CE36" s="222">
        <v>0</v>
      </c>
      <c r="CF36" s="219">
        <v>0</v>
      </c>
      <c r="CG36" s="219">
        <v>0</v>
      </c>
      <c r="CH36" s="220">
        <v>0</v>
      </c>
      <c r="CI36" s="218">
        <v>0</v>
      </c>
      <c r="CJ36" s="218">
        <v>0</v>
      </c>
      <c r="CK36" s="218">
        <v>0</v>
      </c>
      <c r="CL36" s="219">
        <v>0</v>
      </c>
      <c r="CM36" s="240">
        <v>0</v>
      </c>
      <c r="CN36" s="242">
        <v>0</v>
      </c>
      <c r="CO36" s="222">
        <v>0</v>
      </c>
      <c r="CP36" s="219">
        <v>0</v>
      </c>
      <c r="CQ36" s="219">
        <v>0</v>
      </c>
      <c r="CR36" s="220">
        <v>0</v>
      </c>
      <c r="CS36" s="218">
        <v>6</v>
      </c>
      <c r="CT36" s="218">
        <v>9</v>
      </c>
      <c r="CU36" s="218">
        <v>9</v>
      </c>
      <c r="CV36" s="219">
        <v>10</v>
      </c>
      <c r="CW36" s="240">
        <v>34</v>
      </c>
      <c r="CX36" s="241">
        <v>34</v>
      </c>
      <c r="CY36" s="217">
        <v>0</v>
      </c>
      <c r="CZ36" s="219">
        <v>0</v>
      </c>
      <c r="DA36" s="219">
        <v>0</v>
      </c>
      <c r="DB36" s="220">
        <v>0</v>
      </c>
      <c r="DC36" s="218">
        <v>6</v>
      </c>
      <c r="DD36" s="218">
        <v>9</v>
      </c>
      <c r="DE36" s="218">
        <v>9</v>
      </c>
      <c r="DF36" s="219">
        <v>10</v>
      </c>
      <c r="DG36" s="240">
        <v>34</v>
      </c>
      <c r="DH36" s="242">
        <v>34</v>
      </c>
      <c r="DI36" s="222">
        <v>0</v>
      </c>
      <c r="DJ36" s="219">
        <v>0</v>
      </c>
      <c r="DK36" s="219">
        <v>0</v>
      </c>
      <c r="DL36" s="220">
        <v>0</v>
      </c>
      <c r="DM36" s="218">
        <v>0</v>
      </c>
      <c r="DN36" s="218">
        <v>0</v>
      </c>
      <c r="DO36" s="218">
        <v>0</v>
      </c>
      <c r="DP36" s="219">
        <v>0</v>
      </c>
      <c r="DQ36" s="240">
        <v>0</v>
      </c>
      <c r="DR36" s="242">
        <v>0</v>
      </c>
      <c r="DS36" s="222">
        <v>0</v>
      </c>
      <c r="DT36" s="219">
        <v>0</v>
      </c>
      <c r="DU36" s="219">
        <v>0</v>
      </c>
      <c r="DV36" s="220">
        <v>10</v>
      </c>
      <c r="DW36" s="218">
        <v>25</v>
      </c>
      <c r="DX36" s="218">
        <v>56</v>
      </c>
      <c r="DY36" s="218">
        <v>51</v>
      </c>
      <c r="DZ36" s="219">
        <v>34</v>
      </c>
      <c r="EA36" s="240">
        <v>176</v>
      </c>
      <c r="EB36" s="242">
        <v>176</v>
      </c>
      <c r="EC36" s="239"/>
    </row>
    <row r="37" spans="2:133" ht="21" customHeight="1" x14ac:dyDescent="0.2">
      <c r="B37" s="106" t="s">
        <v>34</v>
      </c>
      <c r="C37" s="217">
        <v>0</v>
      </c>
      <c r="D37" s="219">
        <v>0</v>
      </c>
      <c r="E37" s="219">
        <v>0</v>
      </c>
      <c r="F37" s="220">
        <v>0</v>
      </c>
      <c r="G37" s="218">
        <v>0</v>
      </c>
      <c r="H37" s="218">
        <v>6</v>
      </c>
      <c r="I37" s="218">
        <v>27</v>
      </c>
      <c r="J37" s="219">
        <v>10</v>
      </c>
      <c r="K37" s="240">
        <v>43</v>
      </c>
      <c r="L37" s="241">
        <v>43</v>
      </c>
      <c r="M37" s="217">
        <v>0</v>
      </c>
      <c r="N37" s="219">
        <v>0</v>
      </c>
      <c r="O37" s="240">
        <v>0</v>
      </c>
      <c r="P37" s="220">
        <v>0</v>
      </c>
      <c r="Q37" s="218">
        <v>0</v>
      </c>
      <c r="R37" s="218">
        <v>6</v>
      </c>
      <c r="S37" s="218">
        <v>27</v>
      </c>
      <c r="T37" s="219">
        <v>10</v>
      </c>
      <c r="U37" s="240">
        <v>43</v>
      </c>
      <c r="V37" s="242">
        <v>43</v>
      </c>
      <c r="W37" s="222">
        <v>0</v>
      </c>
      <c r="X37" s="219">
        <v>0</v>
      </c>
      <c r="Y37" s="240">
        <v>0</v>
      </c>
      <c r="Z37" s="222">
        <v>0</v>
      </c>
      <c r="AA37" s="218">
        <v>0</v>
      </c>
      <c r="AB37" s="218">
        <v>0</v>
      </c>
      <c r="AC37" s="218">
        <v>0</v>
      </c>
      <c r="AD37" s="219">
        <v>0</v>
      </c>
      <c r="AE37" s="240">
        <v>0</v>
      </c>
      <c r="AF37" s="221">
        <v>0</v>
      </c>
      <c r="AG37" s="222">
        <v>0</v>
      </c>
      <c r="AH37" s="219">
        <v>0</v>
      </c>
      <c r="AI37" s="240">
        <v>0</v>
      </c>
      <c r="AJ37" s="222">
        <v>5</v>
      </c>
      <c r="AK37" s="218">
        <v>13</v>
      </c>
      <c r="AL37" s="218">
        <v>7</v>
      </c>
      <c r="AM37" s="218">
        <v>6</v>
      </c>
      <c r="AN37" s="219">
        <v>3</v>
      </c>
      <c r="AO37" s="240">
        <v>34</v>
      </c>
      <c r="AP37" s="221">
        <v>34</v>
      </c>
      <c r="AQ37" s="222">
        <v>0</v>
      </c>
      <c r="AR37" s="219">
        <v>0</v>
      </c>
      <c r="AS37" s="240">
        <v>0</v>
      </c>
      <c r="AT37" s="220">
        <v>5</v>
      </c>
      <c r="AU37" s="218">
        <v>13</v>
      </c>
      <c r="AV37" s="218">
        <v>7</v>
      </c>
      <c r="AW37" s="218">
        <v>6</v>
      </c>
      <c r="AX37" s="219">
        <v>3</v>
      </c>
      <c r="AY37" s="240">
        <v>34</v>
      </c>
      <c r="AZ37" s="241">
        <v>34</v>
      </c>
      <c r="BA37" s="217">
        <v>0</v>
      </c>
      <c r="BB37" s="219">
        <v>0</v>
      </c>
      <c r="BC37" s="219">
        <v>0</v>
      </c>
      <c r="BD37" s="220">
        <v>0</v>
      </c>
      <c r="BE37" s="218">
        <v>0</v>
      </c>
      <c r="BF37" s="218">
        <v>0</v>
      </c>
      <c r="BG37" s="218">
        <v>0</v>
      </c>
      <c r="BH37" s="219">
        <v>0</v>
      </c>
      <c r="BI37" s="240">
        <v>0</v>
      </c>
      <c r="BJ37" s="242">
        <v>0</v>
      </c>
      <c r="BK37" s="222">
        <v>0</v>
      </c>
      <c r="BL37" s="219">
        <v>0</v>
      </c>
      <c r="BM37" s="219">
        <v>0</v>
      </c>
      <c r="BN37" s="220">
        <v>0</v>
      </c>
      <c r="BO37" s="218">
        <v>0</v>
      </c>
      <c r="BP37" s="218">
        <v>0</v>
      </c>
      <c r="BQ37" s="218">
        <v>0</v>
      </c>
      <c r="BR37" s="219">
        <v>0</v>
      </c>
      <c r="BS37" s="240">
        <v>0</v>
      </c>
      <c r="BT37" s="241">
        <v>0</v>
      </c>
      <c r="BU37" s="217">
        <v>0</v>
      </c>
      <c r="BV37" s="219">
        <v>0</v>
      </c>
      <c r="BW37" s="219">
        <v>0</v>
      </c>
      <c r="BX37" s="220">
        <v>0</v>
      </c>
      <c r="BY37" s="218">
        <v>0</v>
      </c>
      <c r="BZ37" s="218">
        <v>0</v>
      </c>
      <c r="CA37" s="218">
        <v>0</v>
      </c>
      <c r="CB37" s="219">
        <v>0</v>
      </c>
      <c r="CC37" s="240">
        <v>0</v>
      </c>
      <c r="CD37" s="242">
        <v>0</v>
      </c>
      <c r="CE37" s="222">
        <v>0</v>
      </c>
      <c r="CF37" s="219">
        <v>0</v>
      </c>
      <c r="CG37" s="219">
        <v>0</v>
      </c>
      <c r="CH37" s="220">
        <v>0</v>
      </c>
      <c r="CI37" s="218">
        <v>0</v>
      </c>
      <c r="CJ37" s="218">
        <v>0</v>
      </c>
      <c r="CK37" s="218">
        <v>0</v>
      </c>
      <c r="CL37" s="219">
        <v>0</v>
      </c>
      <c r="CM37" s="240">
        <v>0</v>
      </c>
      <c r="CN37" s="242">
        <v>0</v>
      </c>
      <c r="CO37" s="222">
        <v>0</v>
      </c>
      <c r="CP37" s="219">
        <v>0</v>
      </c>
      <c r="CQ37" s="219">
        <v>0</v>
      </c>
      <c r="CR37" s="220">
        <v>1</v>
      </c>
      <c r="CS37" s="218">
        <v>0</v>
      </c>
      <c r="CT37" s="218">
        <v>0</v>
      </c>
      <c r="CU37" s="218">
        <v>1</v>
      </c>
      <c r="CV37" s="219">
        <v>2</v>
      </c>
      <c r="CW37" s="240">
        <v>4</v>
      </c>
      <c r="CX37" s="241">
        <v>4</v>
      </c>
      <c r="CY37" s="217">
        <v>0</v>
      </c>
      <c r="CZ37" s="219">
        <v>0</v>
      </c>
      <c r="DA37" s="219">
        <v>0</v>
      </c>
      <c r="DB37" s="220">
        <v>1</v>
      </c>
      <c r="DC37" s="218">
        <v>0</v>
      </c>
      <c r="DD37" s="218">
        <v>0</v>
      </c>
      <c r="DE37" s="218">
        <v>1</v>
      </c>
      <c r="DF37" s="219">
        <v>1</v>
      </c>
      <c r="DG37" s="240">
        <v>3</v>
      </c>
      <c r="DH37" s="242">
        <v>3</v>
      </c>
      <c r="DI37" s="222">
        <v>0</v>
      </c>
      <c r="DJ37" s="219">
        <v>0</v>
      </c>
      <c r="DK37" s="219">
        <v>0</v>
      </c>
      <c r="DL37" s="220">
        <v>0</v>
      </c>
      <c r="DM37" s="218">
        <v>0</v>
      </c>
      <c r="DN37" s="218">
        <v>0</v>
      </c>
      <c r="DO37" s="218">
        <v>0</v>
      </c>
      <c r="DP37" s="219">
        <v>1</v>
      </c>
      <c r="DQ37" s="240">
        <v>1</v>
      </c>
      <c r="DR37" s="242">
        <v>1</v>
      </c>
      <c r="DS37" s="222">
        <v>0</v>
      </c>
      <c r="DT37" s="219">
        <v>0</v>
      </c>
      <c r="DU37" s="219">
        <v>0</v>
      </c>
      <c r="DV37" s="220">
        <v>6</v>
      </c>
      <c r="DW37" s="218">
        <v>13</v>
      </c>
      <c r="DX37" s="218">
        <v>13</v>
      </c>
      <c r="DY37" s="218">
        <v>34</v>
      </c>
      <c r="DZ37" s="219">
        <v>15</v>
      </c>
      <c r="EA37" s="240">
        <v>81</v>
      </c>
      <c r="EB37" s="242">
        <v>81</v>
      </c>
      <c r="EC37" s="239"/>
    </row>
    <row r="38" spans="2:133" ht="21" customHeight="1" x14ac:dyDescent="0.2">
      <c r="B38" s="106" t="s">
        <v>35</v>
      </c>
      <c r="C38" s="217">
        <v>0</v>
      </c>
      <c r="D38" s="219">
        <v>0</v>
      </c>
      <c r="E38" s="219">
        <v>0</v>
      </c>
      <c r="F38" s="220">
        <v>1</v>
      </c>
      <c r="G38" s="218">
        <v>1</v>
      </c>
      <c r="H38" s="218">
        <v>21</v>
      </c>
      <c r="I38" s="218">
        <v>57</v>
      </c>
      <c r="J38" s="219">
        <v>29</v>
      </c>
      <c r="K38" s="240">
        <v>109</v>
      </c>
      <c r="L38" s="241">
        <v>109</v>
      </c>
      <c r="M38" s="217">
        <v>0</v>
      </c>
      <c r="N38" s="219">
        <v>0</v>
      </c>
      <c r="O38" s="240">
        <v>0</v>
      </c>
      <c r="P38" s="220">
        <v>1</v>
      </c>
      <c r="Q38" s="218">
        <v>1</v>
      </c>
      <c r="R38" s="218">
        <v>21</v>
      </c>
      <c r="S38" s="218">
        <v>57</v>
      </c>
      <c r="T38" s="219">
        <v>29</v>
      </c>
      <c r="U38" s="240">
        <v>109</v>
      </c>
      <c r="V38" s="242">
        <v>109</v>
      </c>
      <c r="W38" s="222">
        <v>0</v>
      </c>
      <c r="X38" s="219">
        <v>0</v>
      </c>
      <c r="Y38" s="240">
        <v>0</v>
      </c>
      <c r="Z38" s="222">
        <v>0</v>
      </c>
      <c r="AA38" s="218">
        <v>0</v>
      </c>
      <c r="AB38" s="218">
        <v>0</v>
      </c>
      <c r="AC38" s="218">
        <v>0</v>
      </c>
      <c r="AD38" s="219">
        <v>0</v>
      </c>
      <c r="AE38" s="240">
        <v>0</v>
      </c>
      <c r="AF38" s="221">
        <v>0</v>
      </c>
      <c r="AG38" s="222">
        <v>0</v>
      </c>
      <c r="AH38" s="219">
        <v>0</v>
      </c>
      <c r="AI38" s="240">
        <v>0</v>
      </c>
      <c r="AJ38" s="222">
        <v>18</v>
      </c>
      <c r="AK38" s="218">
        <v>34</v>
      </c>
      <c r="AL38" s="218">
        <v>29</v>
      </c>
      <c r="AM38" s="218">
        <v>15</v>
      </c>
      <c r="AN38" s="219">
        <v>7</v>
      </c>
      <c r="AO38" s="240">
        <v>103</v>
      </c>
      <c r="AP38" s="221">
        <v>103</v>
      </c>
      <c r="AQ38" s="222">
        <v>0</v>
      </c>
      <c r="AR38" s="219">
        <v>0</v>
      </c>
      <c r="AS38" s="240">
        <v>0</v>
      </c>
      <c r="AT38" s="220">
        <v>18</v>
      </c>
      <c r="AU38" s="218">
        <v>34</v>
      </c>
      <c r="AV38" s="218">
        <v>29</v>
      </c>
      <c r="AW38" s="218">
        <v>15</v>
      </c>
      <c r="AX38" s="219">
        <v>7</v>
      </c>
      <c r="AY38" s="240">
        <v>103</v>
      </c>
      <c r="AZ38" s="241">
        <v>103</v>
      </c>
      <c r="BA38" s="217">
        <v>0</v>
      </c>
      <c r="BB38" s="219">
        <v>0</v>
      </c>
      <c r="BC38" s="219">
        <v>0</v>
      </c>
      <c r="BD38" s="220">
        <v>0</v>
      </c>
      <c r="BE38" s="218">
        <v>0</v>
      </c>
      <c r="BF38" s="218">
        <v>0</v>
      </c>
      <c r="BG38" s="218">
        <v>0</v>
      </c>
      <c r="BH38" s="219">
        <v>0</v>
      </c>
      <c r="BI38" s="240">
        <v>0</v>
      </c>
      <c r="BJ38" s="242">
        <v>0</v>
      </c>
      <c r="BK38" s="222">
        <v>0</v>
      </c>
      <c r="BL38" s="219">
        <v>0</v>
      </c>
      <c r="BM38" s="219">
        <v>0</v>
      </c>
      <c r="BN38" s="220">
        <v>0</v>
      </c>
      <c r="BO38" s="218">
        <v>0</v>
      </c>
      <c r="BP38" s="218">
        <v>0</v>
      </c>
      <c r="BQ38" s="218">
        <v>0</v>
      </c>
      <c r="BR38" s="219">
        <v>0</v>
      </c>
      <c r="BS38" s="240">
        <v>0</v>
      </c>
      <c r="BT38" s="241">
        <v>0</v>
      </c>
      <c r="BU38" s="217">
        <v>0</v>
      </c>
      <c r="BV38" s="219">
        <v>0</v>
      </c>
      <c r="BW38" s="219">
        <v>0</v>
      </c>
      <c r="BX38" s="220">
        <v>0</v>
      </c>
      <c r="BY38" s="218">
        <v>0</v>
      </c>
      <c r="BZ38" s="218">
        <v>0</v>
      </c>
      <c r="CA38" s="218">
        <v>0</v>
      </c>
      <c r="CB38" s="219">
        <v>0</v>
      </c>
      <c r="CC38" s="240">
        <v>0</v>
      </c>
      <c r="CD38" s="242">
        <v>0</v>
      </c>
      <c r="CE38" s="222">
        <v>0</v>
      </c>
      <c r="CF38" s="219">
        <v>0</v>
      </c>
      <c r="CG38" s="219">
        <v>0</v>
      </c>
      <c r="CH38" s="220">
        <v>0</v>
      </c>
      <c r="CI38" s="218">
        <v>0</v>
      </c>
      <c r="CJ38" s="218">
        <v>0</v>
      </c>
      <c r="CK38" s="218">
        <v>0</v>
      </c>
      <c r="CL38" s="219">
        <v>0</v>
      </c>
      <c r="CM38" s="240">
        <v>0</v>
      </c>
      <c r="CN38" s="242">
        <v>0</v>
      </c>
      <c r="CO38" s="222">
        <v>0</v>
      </c>
      <c r="CP38" s="219">
        <v>0</v>
      </c>
      <c r="CQ38" s="219">
        <v>0</v>
      </c>
      <c r="CR38" s="220">
        <v>2</v>
      </c>
      <c r="CS38" s="218">
        <v>3</v>
      </c>
      <c r="CT38" s="218">
        <v>3</v>
      </c>
      <c r="CU38" s="218">
        <v>3</v>
      </c>
      <c r="CV38" s="219">
        <v>7</v>
      </c>
      <c r="CW38" s="240">
        <v>18</v>
      </c>
      <c r="CX38" s="241">
        <v>18</v>
      </c>
      <c r="CY38" s="217">
        <v>0</v>
      </c>
      <c r="CZ38" s="219">
        <v>0</v>
      </c>
      <c r="DA38" s="219">
        <v>0</v>
      </c>
      <c r="DB38" s="220">
        <v>1</v>
      </c>
      <c r="DC38" s="218">
        <v>3</v>
      </c>
      <c r="DD38" s="218">
        <v>3</v>
      </c>
      <c r="DE38" s="218">
        <v>3</v>
      </c>
      <c r="DF38" s="219">
        <v>7</v>
      </c>
      <c r="DG38" s="240">
        <v>17</v>
      </c>
      <c r="DH38" s="242">
        <v>17</v>
      </c>
      <c r="DI38" s="222">
        <v>0</v>
      </c>
      <c r="DJ38" s="219">
        <v>0</v>
      </c>
      <c r="DK38" s="219">
        <v>0</v>
      </c>
      <c r="DL38" s="220">
        <v>1</v>
      </c>
      <c r="DM38" s="218">
        <v>0</v>
      </c>
      <c r="DN38" s="218">
        <v>0</v>
      </c>
      <c r="DO38" s="218">
        <v>0</v>
      </c>
      <c r="DP38" s="219">
        <v>0</v>
      </c>
      <c r="DQ38" s="240">
        <v>1</v>
      </c>
      <c r="DR38" s="242">
        <v>1</v>
      </c>
      <c r="DS38" s="222">
        <v>0</v>
      </c>
      <c r="DT38" s="219">
        <v>0</v>
      </c>
      <c r="DU38" s="219">
        <v>0</v>
      </c>
      <c r="DV38" s="220">
        <v>21</v>
      </c>
      <c r="DW38" s="218">
        <v>38</v>
      </c>
      <c r="DX38" s="218">
        <v>53</v>
      </c>
      <c r="DY38" s="218">
        <v>75</v>
      </c>
      <c r="DZ38" s="219">
        <v>43</v>
      </c>
      <c r="EA38" s="240">
        <v>230</v>
      </c>
      <c r="EB38" s="242">
        <v>230</v>
      </c>
      <c r="EC38" s="239"/>
    </row>
    <row r="39" spans="2:133" ht="21" customHeight="1" x14ac:dyDescent="0.2">
      <c r="B39" s="106" t="s">
        <v>36</v>
      </c>
      <c r="C39" s="217">
        <v>0</v>
      </c>
      <c r="D39" s="219">
        <v>0</v>
      </c>
      <c r="E39" s="219">
        <v>0</v>
      </c>
      <c r="F39" s="220">
        <v>0</v>
      </c>
      <c r="G39" s="218">
        <v>5</v>
      </c>
      <c r="H39" s="218">
        <v>72</v>
      </c>
      <c r="I39" s="218">
        <v>74</v>
      </c>
      <c r="J39" s="219">
        <v>52</v>
      </c>
      <c r="K39" s="240">
        <v>203</v>
      </c>
      <c r="L39" s="241">
        <v>203</v>
      </c>
      <c r="M39" s="217">
        <v>0</v>
      </c>
      <c r="N39" s="219">
        <v>0</v>
      </c>
      <c r="O39" s="240">
        <v>0</v>
      </c>
      <c r="P39" s="220">
        <v>0</v>
      </c>
      <c r="Q39" s="218">
        <v>5</v>
      </c>
      <c r="R39" s="218">
        <v>70</v>
      </c>
      <c r="S39" s="218">
        <v>71</v>
      </c>
      <c r="T39" s="219">
        <v>50</v>
      </c>
      <c r="U39" s="240">
        <v>196</v>
      </c>
      <c r="V39" s="242">
        <v>196</v>
      </c>
      <c r="W39" s="222">
        <v>0</v>
      </c>
      <c r="X39" s="219">
        <v>0</v>
      </c>
      <c r="Y39" s="240">
        <v>0</v>
      </c>
      <c r="Z39" s="222">
        <v>0</v>
      </c>
      <c r="AA39" s="218">
        <v>0</v>
      </c>
      <c r="AB39" s="218">
        <v>2</v>
      </c>
      <c r="AC39" s="218">
        <v>3</v>
      </c>
      <c r="AD39" s="219">
        <v>2</v>
      </c>
      <c r="AE39" s="240">
        <v>7</v>
      </c>
      <c r="AF39" s="221">
        <v>7</v>
      </c>
      <c r="AG39" s="222">
        <v>0</v>
      </c>
      <c r="AH39" s="219">
        <v>0</v>
      </c>
      <c r="AI39" s="240">
        <v>0</v>
      </c>
      <c r="AJ39" s="222">
        <v>11</v>
      </c>
      <c r="AK39" s="218">
        <v>22</v>
      </c>
      <c r="AL39" s="218">
        <v>35</v>
      </c>
      <c r="AM39" s="218">
        <v>48</v>
      </c>
      <c r="AN39" s="219">
        <v>17</v>
      </c>
      <c r="AO39" s="240">
        <v>133</v>
      </c>
      <c r="AP39" s="221">
        <v>133</v>
      </c>
      <c r="AQ39" s="222">
        <v>0</v>
      </c>
      <c r="AR39" s="219">
        <v>0</v>
      </c>
      <c r="AS39" s="240">
        <v>0</v>
      </c>
      <c r="AT39" s="220">
        <v>11</v>
      </c>
      <c r="AU39" s="218">
        <v>22</v>
      </c>
      <c r="AV39" s="218">
        <v>35</v>
      </c>
      <c r="AW39" s="218">
        <v>45</v>
      </c>
      <c r="AX39" s="219">
        <v>17</v>
      </c>
      <c r="AY39" s="240">
        <v>130</v>
      </c>
      <c r="AZ39" s="241">
        <v>130</v>
      </c>
      <c r="BA39" s="217">
        <v>0</v>
      </c>
      <c r="BB39" s="219">
        <v>0</v>
      </c>
      <c r="BC39" s="219">
        <v>0</v>
      </c>
      <c r="BD39" s="220">
        <v>0</v>
      </c>
      <c r="BE39" s="218">
        <v>0</v>
      </c>
      <c r="BF39" s="218">
        <v>0</v>
      </c>
      <c r="BG39" s="218">
        <v>3</v>
      </c>
      <c r="BH39" s="219">
        <v>0</v>
      </c>
      <c r="BI39" s="240">
        <v>3</v>
      </c>
      <c r="BJ39" s="242">
        <v>3</v>
      </c>
      <c r="BK39" s="222">
        <v>0</v>
      </c>
      <c r="BL39" s="219">
        <v>0</v>
      </c>
      <c r="BM39" s="219">
        <v>0</v>
      </c>
      <c r="BN39" s="220">
        <v>0</v>
      </c>
      <c r="BO39" s="218">
        <v>0</v>
      </c>
      <c r="BP39" s="218">
        <v>0</v>
      </c>
      <c r="BQ39" s="218">
        <v>0</v>
      </c>
      <c r="BR39" s="219">
        <v>0</v>
      </c>
      <c r="BS39" s="240">
        <v>0</v>
      </c>
      <c r="BT39" s="241">
        <v>0</v>
      </c>
      <c r="BU39" s="217">
        <v>0</v>
      </c>
      <c r="BV39" s="219">
        <v>0</v>
      </c>
      <c r="BW39" s="219">
        <v>0</v>
      </c>
      <c r="BX39" s="220">
        <v>0</v>
      </c>
      <c r="BY39" s="218">
        <v>0</v>
      </c>
      <c r="BZ39" s="218">
        <v>0</v>
      </c>
      <c r="CA39" s="218">
        <v>0</v>
      </c>
      <c r="CB39" s="219">
        <v>0</v>
      </c>
      <c r="CC39" s="240">
        <v>0</v>
      </c>
      <c r="CD39" s="242">
        <v>0</v>
      </c>
      <c r="CE39" s="222">
        <v>0</v>
      </c>
      <c r="CF39" s="219">
        <v>0</v>
      </c>
      <c r="CG39" s="219">
        <v>0</v>
      </c>
      <c r="CH39" s="220">
        <v>0</v>
      </c>
      <c r="CI39" s="218">
        <v>0</v>
      </c>
      <c r="CJ39" s="218">
        <v>0</v>
      </c>
      <c r="CK39" s="218">
        <v>0</v>
      </c>
      <c r="CL39" s="219">
        <v>0</v>
      </c>
      <c r="CM39" s="240">
        <v>0</v>
      </c>
      <c r="CN39" s="242">
        <v>0</v>
      </c>
      <c r="CO39" s="222">
        <v>0</v>
      </c>
      <c r="CP39" s="219">
        <v>0</v>
      </c>
      <c r="CQ39" s="219">
        <v>0</v>
      </c>
      <c r="CR39" s="220">
        <v>0</v>
      </c>
      <c r="CS39" s="218">
        <v>0</v>
      </c>
      <c r="CT39" s="218">
        <v>0</v>
      </c>
      <c r="CU39" s="218">
        <v>5</v>
      </c>
      <c r="CV39" s="219">
        <v>5</v>
      </c>
      <c r="CW39" s="240">
        <v>10</v>
      </c>
      <c r="CX39" s="241">
        <v>10</v>
      </c>
      <c r="CY39" s="217">
        <v>0</v>
      </c>
      <c r="CZ39" s="219">
        <v>0</v>
      </c>
      <c r="DA39" s="219">
        <v>0</v>
      </c>
      <c r="DB39" s="220">
        <v>0</v>
      </c>
      <c r="DC39" s="218">
        <v>0</v>
      </c>
      <c r="DD39" s="218">
        <v>0</v>
      </c>
      <c r="DE39" s="218">
        <v>4</v>
      </c>
      <c r="DF39" s="219">
        <v>5</v>
      </c>
      <c r="DG39" s="240">
        <v>9</v>
      </c>
      <c r="DH39" s="242">
        <v>9</v>
      </c>
      <c r="DI39" s="222">
        <v>0</v>
      </c>
      <c r="DJ39" s="219">
        <v>0</v>
      </c>
      <c r="DK39" s="219">
        <v>0</v>
      </c>
      <c r="DL39" s="220">
        <v>0</v>
      </c>
      <c r="DM39" s="218">
        <v>0</v>
      </c>
      <c r="DN39" s="218">
        <v>0</v>
      </c>
      <c r="DO39" s="218">
        <v>1</v>
      </c>
      <c r="DP39" s="219">
        <v>0</v>
      </c>
      <c r="DQ39" s="240">
        <v>1</v>
      </c>
      <c r="DR39" s="242">
        <v>1</v>
      </c>
      <c r="DS39" s="222">
        <v>0</v>
      </c>
      <c r="DT39" s="219">
        <v>0</v>
      </c>
      <c r="DU39" s="219">
        <v>0</v>
      </c>
      <c r="DV39" s="220">
        <v>11</v>
      </c>
      <c r="DW39" s="218">
        <v>27</v>
      </c>
      <c r="DX39" s="218">
        <v>107</v>
      </c>
      <c r="DY39" s="218">
        <v>127</v>
      </c>
      <c r="DZ39" s="219">
        <v>73</v>
      </c>
      <c r="EA39" s="240">
        <v>345</v>
      </c>
      <c r="EB39" s="242">
        <v>345</v>
      </c>
      <c r="EC39" s="239"/>
    </row>
    <row r="40" spans="2:133" ht="21" customHeight="1" thickBot="1" x14ac:dyDescent="0.25">
      <c r="B40" s="108" t="s">
        <v>37</v>
      </c>
      <c r="C40" s="223">
        <v>0</v>
      </c>
      <c r="D40" s="225">
        <v>0</v>
      </c>
      <c r="E40" s="225">
        <v>0</v>
      </c>
      <c r="F40" s="226">
        <v>0</v>
      </c>
      <c r="G40" s="224">
        <v>0</v>
      </c>
      <c r="H40" s="224">
        <v>6</v>
      </c>
      <c r="I40" s="224">
        <v>7</v>
      </c>
      <c r="J40" s="225">
        <v>7</v>
      </c>
      <c r="K40" s="243">
        <v>20</v>
      </c>
      <c r="L40" s="244">
        <v>20</v>
      </c>
      <c r="M40" s="223">
        <v>0</v>
      </c>
      <c r="N40" s="225">
        <v>0</v>
      </c>
      <c r="O40" s="243">
        <v>0</v>
      </c>
      <c r="P40" s="226">
        <v>0</v>
      </c>
      <c r="Q40" s="224">
        <v>0</v>
      </c>
      <c r="R40" s="224">
        <v>6</v>
      </c>
      <c r="S40" s="224">
        <v>7</v>
      </c>
      <c r="T40" s="225">
        <v>7</v>
      </c>
      <c r="U40" s="243">
        <v>20</v>
      </c>
      <c r="V40" s="245">
        <v>20</v>
      </c>
      <c r="W40" s="228">
        <v>0</v>
      </c>
      <c r="X40" s="225">
        <v>0</v>
      </c>
      <c r="Y40" s="243">
        <v>0</v>
      </c>
      <c r="Z40" s="228">
        <v>0</v>
      </c>
      <c r="AA40" s="224">
        <v>0</v>
      </c>
      <c r="AB40" s="224">
        <v>0</v>
      </c>
      <c r="AC40" s="224">
        <v>0</v>
      </c>
      <c r="AD40" s="225">
        <v>0</v>
      </c>
      <c r="AE40" s="243">
        <v>0</v>
      </c>
      <c r="AF40" s="227">
        <v>0</v>
      </c>
      <c r="AG40" s="228">
        <v>0</v>
      </c>
      <c r="AH40" s="225">
        <v>0</v>
      </c>
      <c r="AI40" s="243">
        <v>0</v>
      </c>
      <c r="AJ40" s="228">
        <v>1</v>
      </c>
      <c r="AK40" s="224">
        <v>2</v>
      </c>
      <c r="AL40" s="224">
        <v>6</v>
      </c>
      <c r="AM40" s="224">
        <v>3</v>
      </c>
      <c r="AN40" s="225">
        <v>5</v>
      </c>
      <c r="AO40" s="243">
        <v>17</v>
      </c>
      <c r="AP40" s="227">
        <v>17</v>
      </c>
      <c r="AQ40" s="228">
        <v>0</v>
      </c>
      <c r="AR40" s="225">
        <v>0</v>
      </c>
      <c r="AS40" s="243">
        <v>0</v>
      </c>
      <c r="AT40" s="226">
        <v>1</v>
      </c>
      <c r="AU40" s="224">
        <v>2</v>
      </c>
      <c r="AV40" s="224">
        <v>6</v>
      </c>
      <c r="AW40" s="224">
        <v>3</v>
      </c>
      <c r="AX40" s="225">
        <v>5</v>
      </c>
      <c r="AY40" s="243">
        <v>17</v>
      </c>
      <c r="AZ40" s="244">
        <v>17</v>
      </c>
      <c r="BA40" s="223">
        <v>0</v>
      </c>
      <c r="BB40" s="225">
        <v>0</v>
      </c>
      <c r="BC40" s="225">
        <v>0</v>
      </c>
      <c r="BD40" s="226">
        <v>0</v>
      </c>
      <c r="BE40" s="224">
        <v>0</v>
      </c>
      <c r="BF40" s="224">
        <v>0</v>
      </c>
      <c r="BG40" s="224">
        <v>0</v>
      </c>
      <c r="BH40" s="225">
        <v>0</v>
      </c>
      <c r="BI40" s="243">
        <v>0</v>
      </c>
      <c r="BJ40" s="245">
        <v>0</v>
      </c>
      <c r="BK40" s="228">
        <v>0</v>
      </c>
      <c r="BL40" s="225">
        <v>0</v>
      </c>
      <c r="BM40" s="225">
        <v>0</v>
      </c>
      <c r="BN40" s="226">
        <v>0</v>
      </c>
      <c r="BO40" s="224">
        <v>0</v>
      </c>
      <c r="BP40" s="224">
        <v>0</v>
      </c>
      <c r="BQ40" s="224">
        <v>0</v>
      </c>
      <c r="BR40" s="225">
        <v>0</v>
      </c>
      <c r="BS40" s="243">
        <v>0</v>
      </c>
      <c r="BT40" s="244">
        <v>0</v>
      </c>
      <c r="BU40" s="223">
        <v>0</v>
      </c>
      <c r="BV40" s="225">
        <v>0</v>
      </c>
      <c r="BW40" s="225">
        <v>0</v>
      </c>
      <c r="BX40" s="226">
        <v>0</v>
      </c>
      <c r="BY40" s="224">
        <v>0</v>
      </c>
      <c r="BZ40" s="224">
        <v>0</v>
      </c>
      <c r="CA40" s="224">
        <v>0</v>
      </c>
      <c r="CB40" s="225">
        <v>0</v>
      </c>
      <c r="CC40" s="243">
        <v>0</v>
      </c>
      <c r="CD40" s="245">
        <v>0</v>
      </c>
      <c r="CE40" s="228">
        <v>0</v>
      </c>
      <c r="CF40" s="225">
        <v>0</v>
      </c>
      <c r="CG40" s="225">
        <v>0</v>
      </c>
      <c r="CH40" s="226">
        <v>0</v>
      </c>
      <c r="CI40" s="224">
        <v>0</v>
      </c>
      <c r="CJ40" s="224">
        <v>0</v>
      </c>
      <c r="CK40" s="224">
        <v>0</v>
      </c>
      <c r="CL40" s="225">
        <v>0</v>
      </c>
      <c r="CM40" s="243">
        <v>0</v>
      </c>
      <c r="CN40" s="245">
        <v>0</v>
      </c>
      <c r="CO40" s="228">
        <v>0</v>
      </c>
      <c r="CP40" s="225">
        <v>0</v>
      </c>
      <c r="CQ40" s="225">
        <v>0</v>
      </c>
      <c r="CR40" s="226">
        <v>0</v>
      </c>
      <c r="CS40" s="224">
        <v>0</v>
      </c>
      <c r="CT40" s="224">
        <v>0</v>
      </c>
      <c r="CU40" s="224">
        <v>0</v>
      </c>
      <c r="CV40" s="225">
        <v>1</v>
      </c>
      <c r="CW40" s="243">
        <v>1</v>
      </c>
      <c r="CX40" s="244">
        <v>1</v>
      </c>
      <c r="CY40" s="223">
        <v>0</v>
      </c>
      <c r="CZ40" s="225">
        <v>0</v>
      </c>
      <c r="DA40" s="225">
        <v>0</v>
      </c>
      <c r="DB40" s="226">
        <v>0</v>
      </c>
      <c r="DC40" s="224">
        <v>0</v>
      </c>
      <c r="DD40" s="224">
        <v>0</v>
      </c>
      <c r="DE40" s="224">
        <v>0</v>
      </c>
      <c r="DF40" s="225">
        <v>1</v>
      </c>
      <c r="DG40" s="243">
        <v>1</v>
      </c>
      <c r="DH40" s="245">
        <v>1</v>
      </c>
      <c r="DI40" s="228">
        <v>0</v>
      </c>
      <c r="DJ40" s="225">
        <v>0</v>
      </c>
      <c r="DK40" s="225">
        <v>0</v>
      </c>
      <c r="DL40" s="226">
        <v>0</v>
      </c>
      <c r="DM40" s="224">
        <v>0</v>
      </c>
      <c r="DN40" s="224">
        <v>0</v>
      </c>
      <c r="DO40" s="224">
        <v>0</v>
      </c>
      <c r="DP40" s="225">
        <v>0</v>
      </c>
      <c r="DQ40" s="243">
        <v>0</v>
      </c>
      <c r="DR40" s="245">
        <v>0</v>
      </c>
      <c r="DS40" s="228">
        <v>0</v>
      </c>
      <c r="DT40" s="225">
        <v>0</v>
      </c>
      <c r="DU40" s="225">
        <v>0</v>
      </c>
      <c r="DV40" s="226">
        <v>1</v>
      </c>
      <c r="DW40" s="224">
        <v>2</v>
      </c>
      <c r="DX40" s="224">
        <v>11</v>
      </c>
      <c r="DY40" s="224">
        <v>10</v>
      </c>
      <c r="DZ40" s="225">
        <v>13</v>
      </c>
      <c r="EA40" s="243">
        <v>37</v>
      </c>
      <c r="EB40" s="245">
        <v>37</v>
      </c>
      <c r="EC40" s="239"/>
    </row>
    <row r="41" spans="2:133" x14ac:dyDescent="0.2">
      <c r="C41" s="246"/>
      <c r="D41" s="246"/>
      <c r="E41" s="246"/>
      <c r="F41" s="246"/>
      <c r="G41" s="246"/>
      <c r="H41" s="246"/>
      <c r="I41" s="246"/>
      <c r="J41" s="246"/>
      <c r="K41" s="246"/>
      <c r="L41" s="246"/>
      <c r="M41" s="246"/>
      <c r="N41" s="246"/>
      <c r="O41" s="246"/>
      <c r="P41" s="246"/>
      <c r="Q41" s="246"/>
      <c r="R41" s="246"/>
      <c r="S41" s="246"/>
      <c r="T41" s="246"/>
      <c r="U41" s="246"/>
      <c r="V41" s="246"/>
      <c r="W41" s="246"/>
      <c r="X41" s="246"/>
      <c r="Y41" s="246"/>
      <c r="Z41" s="246"/>
      <c r="AA41" s="246"/>
      <c r="AB41" s="246"/>
      <c r="AC41" s="246"/>
      <c r="AD41" s="246"/>
      <c r="AE41" s="246"/>
      <c r="AF41" s="246"/>
      <c r="AG41" s="239"/>
      <c r="AH41" s="239"/>
      <c r="AI41" s="239"/>
      <c r="AJ41" s="239"/>
      <c r="AK41" s="239"/>
      <c r="AL41" s="239"/>
      <c r="AM41" s="239"/>
      <c r="AN41" s="239"/>
      <c r="AO41" s="239"/>
      <c r="AP41" s="239"/>
      <c r="AQ41" s="239"/>
      <c r="AR41" s="239"/>
      <c r="AS41" s="239"/>
      <c r="AT41" s="239"/>
      <c r="AU41" s="239"/>
      <c r="AV41" s="239"/>
      <c r="AW41" s="239"/>
      <c r="AX41" s="239"/>
      <c r="AY41" s="239"/>
      <c r="AZ41" s="239"/>
      <c r="BA41" s="239"/>
      <c r="BB41" s="239"/>
      <c r="BC41" s="239"/>
      <c r="BD41" s="239"/>
      <c r="BE41" s="239"/>
      <c r="BF41" s="239"/>
      <c r="BG41" s="239"/>
      <c r="BH41" s="239"/>
      <c r="BI41" s="239"/>
      <c r="BJ41" s="239"/>
      <c r="BK41" s="239"/>
      <c r="BL41" s="239"/>
      <c r="BM41" s="239"/>
      <c r="BN41" s="239"/>
      <c r="BO41" s="239"/>
      <c r="BP41" s="239"/>
      <c r="BQ41" s="239"/>
      <c r="BR41" s="239"/>
      <c r="BS41" s="239"/>
      <c r="BT41" s="239"/>
      <c r="BU41" s="239"/>
      <c r="BV41" s="239"/>
      <c r="BW41" s="239"/>
      <c r="BX41" s="239"/>
      <c r="BY41" s="239"/>
      <c r="BZ41" s="239"/>
      <c r="CA41" s="239"/>
      <c r="CB41" s="239"/>
      <c r="CC41" s="239"/>
      <c r="CD41" s="239"/>
      <c r="CE41" s="239"/>
      <c r="CF41" s="239"/>
      <c r="CG41" s="239"/>
      <c r="CH41" s="239"/>
      <c r="CI41" s="239"/>
      <c r="CJ41" s="239"/>
      <c r="CK41" s="239"/>
      <c r="CL41" s="239"/>
      <c r="CM41" s="239"/>
      <c r="CN41" s="239"/>
      <c r="CO41" s="239"/>
      <c r="CP41" s="239"/>
      <c r="CQ41" s="239"/>
      <c r="CR41" s="239"/>
      <c r="CS41" s="239"/>
      <c r="CT41" s="239"/>
      <c r="CU41" s="239"/>
      <c r="CV41" s="239"/>
      <c r="CW41" s="239"/>
      <c r="CX41" s="239"/>
      <c r="CY41" s="239"/>
      <c r="CZ41" s="239"/>
      <c r="DA41" s="239"/>
      <c r="DB41" s="239"/>
      <c r="DC41" s="239"/>
      <c r="DD41" s="239"/>
      <c r="DE41" s="239"/>
      <c r="DF41" s="239"/>
      <c r="DG41" s="239"/>
      <c r="DH41" s="239"/>
      <c r="DI41" s="239"/>
      <c r="DJ41" s="239"/>
      <c r="DK41" s="239"/>
      <c r="DL41" s="239"/>
      <c r="DM41" s="239"/>
      <c r="DN41" s="239"/>
      <c r="DO41" s="239"/>
      <c r="DP41" s="239"/>
      <c r="DQ41" s="239"/>
      <c r="DR41" s="239"/>
      <c r="DS41" s="239"/>
      <c r="DT41" s="239"/>
      <c r="DU41" s="239"/>
      <c r="DV41" s="239"/>
      <c r="DW41" s="239"/>
      <c r="DX41" s="239"/>
      <c r="DY41" s="239"/>
      <c r="DZ41" s="239"/>
      <c r="EA41" s="239"/>
      <c r="EB41" s="239"/>
      <c r="EC41" s="239"/>
    </row>
    <row r="42" spans="2:133" x14ac:dyDescent="0.2">
      <c r="C42" s="246"/>
      <c r="D42" s="246"/>
      <c r="E42" s="246"/>
      <c r="F42" s="246"/>
      <c r="G42" s="246"/>
      <c r="H42" s="246"/>
      <c r="I42" s="246"/>
      <c r="J42" s="246"/>
      <c r="K42" s="246"/>
      <c r="L42" s="246"/>
      <c r="M42" s="246"/>
      <c r="N42" s="246"/>
      <c r="O42" s="246"/>
      <c r="P42" s="246"/>
      <c r="Q42" s="246"/>
      <c r="R42" s="246"/>
      <c r="S42" s="246"/>
      <c r="T42" s="246"/>
      <c r="U42" s="246"/>
      <c r="V42" s="246"/>
      <c r="W42" s="246"/>
      <c r="X42" s="246"/>
      <c r="Y42" s="246"/>
      <c r="Z42" s="246"/>
      <c r="AA42" s="246"/>
      <c r="AB42" s="246"/>
      <c r="AC42" s="246"/>
      <c r="AD42" s="246"/>
      <c r="AE42" s="246"/>
      <c r="AF42" s="246"/>
      <c r="AG42" s="239"/>
      <c r="AH42" s="239"/>
      <c r="AI42" s="239"/>
      <c r="AJ42" s="239"/>
      <c r="AK42" s="239"/>
      <c r="AL42" s="239"/>
      <c r="AM42" s="239"/>
      <c r="AN42" s="239"/>
      <c r="AO42" s="239"/>
      <c r="AP42" s="239"/>
      <c r="AQ42" s="239"/>
      <c r="AR42" s="239"/>
      <c r="AS42" s="239"/>
      <c r="AT42" s="239"/>
      <c r="AU42" s="239"/>
      <c r="AV42" s="239"/>
      <c r="AW42" s="239"/>
      <c r="AX42" s="239"/>
      <c r="AY42" s="239"/>
      <c r="AZ42" s="239"/>
      <c r="BA42" s="239"/>
      <c r="BB42" s="239"/>
      <c r="BC42" s="239"/>
      <c r="BD42" s="239"/>
      <c r="BE42" s="239"/>
      <c r="BF42" s="239"/>
      <c r="BG42" s="239"/>
      <c r="BH42" s="239"/>
      <c r="BI42" s="239"/>
      <c r="BJ42" s="239"/>
      <c r="BK42" s="239"/>
      <c r="BL42" s="239"/>
      <c r="BM42" s="239"/>
      <c r="BN42" s="239"/>
      <c r="BO42" s="239"/>
      <c r="BP42" s="239"/>
      <c r="BQ42" s="239"/>
      <c r="BR42" s="239"/>
      <c r="BS42" s="239"/>
      <c r="BT42" s="239"/>
      <c r="BU42" s="239"/>
      <c r="BV42" s="239"/>
      <c r="BW42" s="239"/>
      <c r="BX42" s="239"/>
      <c r="BY42" s="239"/>
      <c r="BZ42" s="239"/>
      <c r="CA42" s="239"/>
      <c r="CB42" s="239"/>
      <c r="CC42" s="239"/>
      <c r="CD42" s="239"/>
      <c r="CE42" s="239"/>
      <c r="CF42" s="239"/>
      <c r="CG42" s="239"/>
      <c r="CH42" s="239"/>
      <c r="CI42" s="239"/>
      <c r="CJ42" s="239"/>
      <c r="CK42" s="239"/>
      <c r="CL42" s="239"/>
      <c r="CM42" s="239"/>
      <c r="CN42" s="239"/>
      <c r="CO42" s="239"/>
      <c r="CP42" s="239"/>
      <c r="CQ42" s="239"/>
      <c r="CR42" s="239"/>
      <c r="CS42" s="239"/>
      <c r="CT42" s="239"/>
      <c r="CU42" s="239"/>
      <c r="CV42" s="239"/>
      <c r="CW42" s="239"/>
      <c r="CX42" s="239"/>
      <c r="CY42" s="239"/>
      <c r="CZ42" s="239"/>
      <c r="DA42" s="239"/>
      <c r="DB42" s="239"/>
      <c r="DC42" s="239"/>
      <c r="DD42" s="239"/>
      <c r="DE42" s="239"/>
      <c r="DF42" s="239"/>
      <c r="DG42" s="239"/>
      <c r="DH42" s="239"/>
      <c r="DI42" s="239"/>
      <c r="DJ42" s="239"/>
      <c r="DK42" s="239"/>
      <c r="DL42" s="239"/>
      <c r="DM42" s="239"/>
      <c r="DN42" s="239"/>
      <c r="DO42" s="239"/>
      <c r="DP42" s="239"/>
      <c r="DQ42" s="239"/>
      <c r="DR42" s="239"/>
      <c r="DS42" s="239"/>
      <c r="DT42" s="239"/>
      <c r="DU42" s="239"/>
      <c r="DV42" s="239"/>
      <c r="DW42" s="239"/>
      <c r="DX42" s="239"/>
      <c r="DY42" s="239"/>
      <c r="DZ42" s="239"/>
      <c r="EA42" s="239"/>
      <c r="EB42" s="239"/>
      <c r="EC42" s="239"/>
    </row>
    <row r="43" spans="2:133" x14ac:dyDescent="0.2">
      <c r="C43" s="246"/>
      <c r="D43" s="246"/>
      <c r="E43" s="246"/>
      <c r="F43" s="246"/>
      <c r="G43" s="246"/>
      <c r="H43" s="246"/>
      <c r="I43" s="246"/>
      <c r="J43" s="246"/>
      <c r="K43" s="246"/>
      <c r="L43" s="246"/>
      <c r="M43" s="246"/>
      <c r="N43" s="246"/>
      <c r="O43" s="246"/>
      <c r="P43" s="246"/>
      <c r="Q43" s="246"/>
      <c r="R43" s="246"/>
      <c r="S43" s="246"/>
      <c r="T43" s="246"/>
      <c r="U43" s="246"/>
      <c r="V43" s="246"/>
      <c r="W43" s="246"/>
      <c r="X43" s="246"/>
      <c r="Y43" s="246"/>
      <c r="Z43" s="246"/>
      <c r="AA43" s="246"/>
      <c r="AB43" s="246"/>
      <c r="AC43" s="246"/>
      <c r="AD43" s="246"/>
      <c r="AE43" s="246"/>
      <c r="AF43" s="246"/>
      <c r="AG43" s="239"/>
      <c r="AH43" s="239"/>
      <c r="AI43" s="239"/>
      <c r="AJ43" s="239"/>
      <c r="AK43" s="239"/>
      <c r="AL43" s="239"/>
      <c r="AM43" s="239"/>
      <c r="AN43" s="239"/>
      <c r="AO43" s="239"/>
      <c r="AP43" s="239"/>
      <c r="AQ43" s="239"/>
      <c r="AR43" s="239"/>
      <c r="AS43" s="239"/>
      <c r="AT43" s="239"/>
      <c r="AU43" s="239"/>
      <c r="AV43" s="239"/>
      <c r="AW43" s="239"/>
      <c r="AX43" s="239"/>
      <c r="AY43" s="239"/>
      <c r="AZ43" s="239"/>
      <c r="BA43" s="239"/>
      <c r="BB43" s="239"/>
      <c r="BC43" s="239"/>
      <c r="BD43" s="239"/>
      <c r="BE43" s="239"/>
      <c r="BF43" s="239"/>
      <c r="BG43" s="239"/>
      <c r="BH43" s="239"/>
      <c r="BI43" s="239"/>
      <c r="BJ43" s="239"/>
      <c r="BK43" s="239"/>
      <c r="BL43" s="239"/>
      <c r="BM43" s="239"/>
      <c r="BN43" s="239"/>
      <c r="BO43" s="239"/>
      <c r="BP43" s="239"/>
      <c r="BQ43" s="239"/>
      <c r="BR43" s="239"/>
      <c r="BS43" s="239"/>
      <c r="BT43" s="239"/>
      <c r="BU43" s="239"/>
      <c r="BV43" s="239"/>
      <c r="BW43" s="239"/>
      <c r="BX43" s="239"/>
      <c r="BY43" s="239"/>
      <c r="BZ43" s="239"/>
      <c r="CA43" s="239"/>
      <c r="CB43" s="239"/>
      <c r="CC43" s="239"/>
      <c r="CD43" s="239"/>
      <c r="CE43" s="239"/>
      <c r="CF43" s="239"/>
      <c r="CG43" s="239"/>
      <c r="CH43" s="239"/>
      <c r="CI43" s="239"/>
      <c r="CJ43" s="239"/>
      <c r="CK43" s="239"/>
      <c r="CL43" s="239"/>
      <c r="CM43" s="239"/>
      <c r="CN43" s="239"/>
      <c r="CO43" s="239"/>
      <c r="CP43" s="239"/>
      <c r="CQ43" s="239"/>
      <c r="CR43" s="239"/>
      <c r="CS43" s="239"/>
      <c r="CT43" s="239"/>
      <c r="CU43" s="239"/>
      <c r="CV43" s="239"/>
      <c r="CW43" s="239"/>
      <c r="CX43" s="239"/>
      <c r="CY43" s="239"/>
      <c r="CZ43" s="239"/>
      <c r="DA43" s="239"/>
      <c r="DB43" s="239"/>
      <c r="DC43" s="239"/>
      <c r="DD43" s="239"/>
      <c r="DE43" s="239"/>
      <c r="DF43" s="239"/>
      <c r="DG43" s="239"/>
      <c r="DH43" s="239"/>
      <c r="DI43" s="239"/>
      <c r="DJ43" s="239"/>
      <c r="DK43" s="239"/>
      <c r="DL43" s="239"/>
      <c r="DM43" s="239"/>
      <c r="DN43" s="239"/>
      <c r="DO43" s="239"/>
      <c r="DP43" s="239"/>
      <c r="DQ43" s="239"/>
      <c r="DR43" s="239"/>
      <c r="DS43" s="239"/>
      <c r="DT43" s="239"/>
      <c r="DU43" s="239"/>
      <c r="DV43" s="239"/>
      <c r="DW43" s="239"/>
      <c r="DX43" s="239"/>
      <c r="DY43" s="239"/>
      <c r="DZ43" s="239"/>
      <c r="EA43" s="239"/>
      <c r="EB43" s="239"/>
      <c r="EC43" s="239"/>
    </row>
    <row r="44" spans="2:133" x14ac:dyDescent="0.2">
      <c r="C44" s="246"/>
      <c r="D44" s="246"/>
      <c r="E44" s="246"/>
      <c r="F44" s="246"/>
      <c r="G44" s="246"/>
      <c r="H44" s="246"/>
      <c r="I44" s="246"/>
      <c r="J44" s="246"/>
      <c r="K44" s="246"/>
      <c r="L44" s="246"/>
      <c r="M44" s="246"/>
      <c r="N44" s="246"/>
      <c r="O44" s="246"/>
      <c r="P44" s="246"/>
      <c r="Q44" s="246"/>
      <c r="R44" s="246"/>
      <c r="S44" s="246"/>
      <c r="T44" s="246"/>
      <c r="U44" s="246"/>
      <c r="V44" s="246"/>
      <c r="W44" s="246"/>
      <c r="X44" s="246"/>
      <c r="Y44" s="246"/>
      <c r="Z44" s="246"/>
      <c r="AA44" s="246"/>
      <c r="AB44" s="246"/>
      <c r="AC44" s="246"/>
      <c r="AD44" s="246"/>
      <c r="AE44" s="246"/>
      <c r="AF44" s="246"/>
      <c r="AG44" s="239"/>
      <c r="AH44" s="239"/>
      <c r="AI44" s="239"/>
      <c r="AJ44" s="239"/>
      <c r="AK44" s="239"/>
      <c r="AL44" s="239"/>
      <c r="AM44" s="239"/>
      <c r="AN44" s="239"/>
      <c r="AO44" s="239"/>
      <c r="AP44" s="239"/>
      <c r="AQ44" s="239"/>
      <c r="AR44" s="239"/>
      <c r="AS44" s="239"/>
      <c r="AT44" s="239"/>
      <c r="AU44" s="239"/>
      <c r="AV44" s="239"/>
      <c r="AW44" s="239"/>
      <c r="AX44" s="239"/>
      <c r="AY44" s="239"/>
      <c r="AZ44" s="239"/>
      <c r="BA44" s="239"/>
      <c r="BB44" s="239"/>
      <c r="BC44" s="239"/>
      <c r="BD44" s="239"/>
      <c r="BE44" s="239"/>
      <c r="BF44" s="239"/>
      <c r="BG44" s="239"/>
      <c r="BH44" s="239"/>
      <c r="BI44" s="239"/>
      <c r="BJ44" s="239"/>
      <c r="BK44" s="239"/>
      <c r="BL44" s="239"/>
      <c r="BM44" s="239"/>
      <c r="BN44" s="239"/>
      <c r="BO44" s="239"/>
      <c r="BP44" s="239"/>
      <c r="BQ44" s="239"/>
      <c r="BR44" s="239"/>
      <c r="BS44" s="239"/>
      <c r="BT44" s="239"/>
      <c r="BU44" s="239"/>
      <c r="BV44" s="239"/>
      <c r="BW44" s="239"/>
      <c r="BX44" s="239"/>
      <c r="BY44" s="239"/>
      <c r="BZ44" s="239"/>
      <c r="CA44" s="239"/>
      <c r="CB44" s="239"/>
      <c r="CC44" s="239"/>
      <c r="CD44" s="239"/>
      <c r="CE44" s="239"/>
      <c r="CF44" s="239"/>
      <c r="CG44" s="239"/>
      <c r="CH44" s="239"/>
      <c r="CI44" s="239"/>
      <c r="CJ44" s="239"/>
      <c r="CK44" s="239"/>
      <c r="CL44" s="239"/>
      <c r="CM44" s="239"/>
      <c r="CN44" s="239"/>
      <c r="CO44" s="239"/>
      <c r="CP44" s="239"/>
      <c r="CQ44" s="239"/>
      <c r="CR44" s="239"/>
      <c r="CS44" s="239"/>
      <c r="CT44" s="239"/>
      <c r="CU44" s="239"/>
      <c r="CV44" s="239"/>
      <c r="CW44" s="239"/>
      <c r="CX44" s="239"/>
      <c r="CY44" s="239"/>
      <c r="CZ44" s="239"/>
      <c r="DA44" s="239"/>
      <c r="DB44" s="239"/>
      <c r="DC44" s="239"/>
      <c r="DD44" s="239"/>
      <c r="DE44" s="239"/>
      <c r="DF44" s="239"/>
      <c r="DG44" s="239"/>
      <c r="DH44" s="239"/>
      <c r="DI44" s="239"/>
      <c r="DJ44" s="239"/>
      <c r="DK44" s="239"/>
      <c r="DL44" s="239"/>
      <c r="DM44" s="239"/>
      <c r="DN44" s="239"/>
      <c r="DO44" s="239"/>
      <c r="DP44" s="239"/>
      <c r="DQ44" s="239"/>
      <c r="DR44" s="239"/>
      <c r="DS44" s="239"/>
      <c r="DT44" s="239"/>
      <c r="DU44" s="239"/>
      <c r="DV44" s="239"/>
      <c r="DW44" s="239"/>
      <c r="DX44" s="239"/>
      <c r="DY44" s="239"/>
      <c r="DZ44" s="239"/>
      <c r="EA44" s="239"/>
      <c r="EB44" s="239"/>
      <c r="EC44" s="239"/>
    </row>
    <row r="45" spans="2:133" x14ac:dyDescent="0.2">
      <c r="C45" s="246"/>
      <c r="D45" s="246"/>
      <c r="E45" s="246"/>
      <c r="F45" s="246"/>
      <c r="G45" s="246"/>
      <c r="H45" s="246"/>
      <c r="I45" s="246"/>
      <c r="J45" s="246"/>
      <c r="K45" s="246"/>
      <c r="L45" s="246"/>
      <c r="M45" s="246"/>
      <c r="N45" s="246"/>
      <c r="O45" s="246"/>
      <c r="P45" s="246"/>
      <c r="Q45" s="246"/>
      <c r="R45" s="246"/>
      <c r="S45" s="246"/>
      <c r="T45" s="246"/>
      <c r="U45" s="246"/>
      <c r="V45" s="246"/>
      <c r="W45" s="246"/>
      <c r="X45" s="246"/>
      <c r="Y45" s="246"/>
      <c r="Z45" s="246"/>
      <c r="AA45" s="246"/>
      <c r="AB45" s="246"/>
      <c r="AC45" s="246"/>
      <c r="AD45" s="246"/>
      <c r="AE45" s="246"/>
      <c r="AF45" s="246"/>
      <c r="AG45" s="239"/>
      <c r="AH45" s="239"/>
      <c r="AI45" s="239"/>
      <c r="AJ45" s="239"/>
      <c r="AK45" s="239"/>
      <c r="AL45" s="239"/>
      <c r="AM45" s="239"/>
      <c r="AN45" s="239"/>
      <c r="AO45" s="239"/>
      <c r="AP45" s="239"/>
      <c r="AQ45" s="239"/>
      <c r="AR45" s="239"/>
      <c r="AS45" s="239"/>
      <c r="AT45" s="239"/>
      <c r="AU45" s="239"/>
      <c r="AV45" s="239"/>
      <c r="AW45" s="239"/>
      <c r="AX45" s="239"/>
      <c r="AY45" s="239"/>
      <c r="AZ45" s="239"/>
      <c r="BA45" s="239"/>
      <c r="BB45" s="239"/>
      <c r="BC45" s="239"/>
      <c r="BD45" s="239"/>
      <c r="BE45" s="239"/>
      <c r="BF45" s="239"/>
      <c r="BG45" s="239"/>
      <c r="BH45" s="239"/>
      <c r="BI45" s="239"/>
      <c r="BJ45" s="239"/>
      <c r="BK45" s="239"/>
      <c r="BL45" s="239"/>
      <c r="BM45" s="239"/>
      <c r="BN45" s="239"/>
      <c r="BO45" s="239"/>
      <c r="BP45" s="239"/>
      <c r="BQ45" s="239"/>
      <c r="BR45" s="239"/>
      <c r="BS45" s="239"/>
      <c r="BT45" s="239"/>
      <c r="BU45" s="239"/>
      <c r="BV45" s="239"/>
      <c r="BW45" s="239"/>
      <c r="BX45" s="239"/>
      <c r="BY45" s="239"/>
      <c r="BZ45" s="239"/>
      <c r="CA45" s="239"/>
      <c r="CB45" s="239"/>
      <c r="CC45" s="239"/>
      <c r="CD45" s="239"/>
      <c r="CE45" s="239"/>
      <c r="CF45" s="239"/>
      <c r="CG45" s="239"/>
      <c r="CH45" s="239"/>
      <c r="CI45" s="239"/>
      <c r="CJ45" s="239"/>
      <c r="CK45" s="239"/>
      <c r="CL45" s="239"/>
      <c r="CM45" s="239"/>
      <c r="CN45" s="239"/>
      <c r="CO45" s="239"/>
      <c r="CP45" s="239"/>
      <c r="CQ45" s="239"/>
      <c r="CR45" s="239"/>
      <c r="CS45" s="239"/>
      <c r="CT45" s="239"/>
      <c r="CU45" s="239"/>
      <c r="CV45" s="239"/>
      <c r="CW45" s="239"/>
      <c r="CX45" s="239"/>
      <c r="CY45" s="239"/>
      <c r="CZ45" s="239"/>
      <c r="DA45" s="239"/>
      <c r="DB45" s="239"/>
      <c r="DC45" s="239"/>
      <c r="DD45" s="239"/>
      <c r="DE45" s="239"/>
      <c r="DF45" s="239"/>
      <c r="DG45" s="239"/>
      <c r="DH45" s="239"/>
      <c r="DI45" s="239"/>
      <c r="DJ45" s="239"/>
      <c r="DK45" s="239"/>
      <c r="DL45" s="239"/>
      <c r="DM45" s="239"/>
      <c r="DN45" s="239"/>
      <c r="DO45" s="239"/>
      <c r="DP45" s="239"/>
      <c r="DQ45" s="239"/>
      <c r="DR45" s="239"/>
      <c r="DS45" s="239"/>
      <c r="DT45" s="239"/>
      <c r="DU45" s="239"/>
      <c r="DV45" s="239"/>
      <c r="DW45" s="239"/>
      <c r="DX45" s="239"/>
      <c r="DY45" s="239"/>
      <c r="DZ45" s="239"/>
      <c r="EA45" s="239"/>
      <c r="EB45" s="239"/>
      <c r="EC45" s="239"/>
    </row>
    <row r="46" spans="2:133" x14ac:dyDescent="0.2">
      <c r="C46" s="70"/>
      <c r="D46" s="70"/>
      <c r="E46" s="70"/>
      <c r="F46" s="70"/>
      <c r="G46" s="70"/>
      <c r="H46" s="70"/>
      <c r="I46" s="70"/>
      <c r="J46" s="70"/>
      <c r="K46" s="70"/>
      <c r="L46" s="70"/>
      <c r="M46" s="70"/>
      <c r="N46" s="70"/>
      <c r="O46" s="70"/>
      <c r="P46" s="70"/>
      <c r="Q46" s="70"/>
      <c r="R46" s="70"/>
      <c r="S46" s="70"/>
      <c r="T46" s="70"/>
      <c r="U46" s="70"/>
      <c r="V46" s="70"/>
      <c r="W46" s="70"/>
      <c r="X46" s="70"/>
      <c r="Y46" s="70"/>
      <c r="Z46" s="70"/>
      <c r="AA46" s="70"/>
      <c r="AB46" s="70"/>
      <c r="AC46" s="70"/>
      <c r="AD46" s="70"/>
      <c r="AE46" s="70"/>
      <c r="AF46" s="70"/>
    </row>
    <row r="47" spans="2:133" x14ac:dyDescent="0.2">
      <c r="C47" s="70"/>
      <c r="D47" s="70"/>
      <c r="E47" s="70"/>
      <c r="F47" s="70"/>
      <c r="G47" s="70"/>
      <c r="H47" s="70"/>
      <c r="I47" s="70"/>
      <c r="J47" s="70"/>
      <c r="K47" s="70"/>
      <c r="L47" s="70"/>
      <c r="M47" s="70"/>
      <c r="N47" s="70"/>
      <c r="O47" s="70"/>
      <c r="P47" s="70"/>
      <c r="Q47" s="70"/>
      <c r="R47" s="70"/>
      <c r="S47" s="70"/>
      <c r="T47" s="70"/>
      <c r="U47" s="70"/>
      <c r="V47" s="70"/>
      <c r="W47" s="70"/>
      <c r="X47" s="70"/>
      <c r="Y47" s="70"/>
      <c r="Z47" s="70"/>
      <c r="AA47" s="70"/>
      <c r="AB47" s="70"/>
      <c r="AC47" s="70"/>
      <c r="AD47" s="70"/>
      <c r="AE47" s="70"/>
      <c r="AF47" s="70"/>
    </row>
    <row r="48" spans="2:133" x14ac:dyDescent="0.2">
      <c r="C48" s="70"/>
      <c r="D48" s="70"/>
      <c r="E48" s="70"/>
      <c r="F48" s="70"/>
      <c r="G48" s="70"/>
      <c r="H48" s="70"/>
      <c r="I48" s="70"/>
      <c r="J48" s="70"/>
      <c r="K48" s="70"/>
      <c r="L48" s="70"/>
      <c r="M48" s="70"/>
      <c r="N48" s="70"/>
      <c r="O48" s="70"/>
      <c r="P48" s="70"/>
      <c r="Q48" s="70"/>
      <c r="R48" s="70"/>
      <c r="S48" s="70"/>
      <c r="T48" s="70"/>
      <c r="U48" s="70"/>
      <c r="V48" s="70"/>
      <c r="W48" s="70"/>
      <c r="X48" s="70"/>
      <c r="Y48" s="70"/>
      <c r="Z48" s="70"/>
      <c r="AA48" s="70"/>
      <c r="AB48" s="70"/>
      <c r="AC48" s="70"/>
      <c r="AD48" s="70"/>
      <c r="AE48" s="70"/>
      <c r="AF48" s="70"/>
    </row>
    <row r="49" spans="3:32" x14ac:dyDescent="0.2">
      <c r="C49" s="70"/>
      <c r="D49" s="70"/>
      <c r="E49" s="70"/>
      <c r="F49" s="70"/>
      <c r="G49" s="70"/>
      <c r="H49" s="70"/>
      <c r="I49" s="70"/>
      <c r="J49" s="70"/>
      <c r="K49" s="70"/>
      <c r="L49" s="70"/>
      <c r="M49" s="70"/>
      <c r="N49" s="70"/>
      <c r="O49" s="70"/>
      <c r="P49" s="70"/>
      <c r="Q49" s="70"/>
      <c r="R49" s="70"/>
      <c r="S49" s="70"/>
      <c r="T49" s="70"/>
      <c r="U49" s="70"/>
      <c r="V49" s="70"/>
      <c r="W49" s="70"/>
      <c r="X49" s="70"/>
      <c r="Y49" s="70"/>
      <c r="Z49" s="70"/>
      <c r="AA49" s="70"/>
      <c r="AB49" s="70"/>
      <c r="AC49" s="70"/>
      <c r="AD49" s="70"/>
      <c r="AE49" s="70"/>
      <c r="AF49" s="70"/>
    </row>
    <row r="50" spans="3:32" x14ac:dyDescent="0.2">
      <c r="C50" s="70"/>
      <c r="D50" s="70"/>
      <c r="E50" s="70"/>
      <c r="F50" s="70"/>
      <c r="G50" s="70"/>
      <c r="H50" s="70"/>
      <c r="I50" s="70"/>
      <c r="J50" s="70"/>
      <c r="K50" s="70"/>
      <c r="L50" s="70"/>
      <c r="M50" s="70"/>
      <c r="N50" s="70"/>
      <c r="O50" s="70"/>
      <c r="P50" s="70"/>
      <c r="Q50" s="70"/>
      <c r="R50" s="70"/>
      <c r="S50" s="70"/>
      <c r="T50" s="70"/>
      <c r="U50" s="70"/>
      <c r="V50" s="70"/>
      <c r="W50" s="70"/>
      <c r="X50" s="70"/>
      <c r="Y50" s="70"/>
      <c r="Z50" s="70"/>
      <c r="AA50" s="70"/>
      <c r="AB50" s="70"/>
      <c r="AC50" s="70"/>
      <c r="AD50" s="70"/>
      <c r="AE50" s="70"/>
      <c r="AF50" s="70"/>
    </row>
    <row r="51" spans="3:32" x14ac:dyDescent="0.2">
      <c r="C51" s="70"/>
      <c r="D51" s="70"/>
      <c r="E51" s="70"/>
      <c r="F51" s="70"/>
      <c r="G51" s="70"/>
      <c r="H51" s="70"/>
      <c r="I51" s="70"/>
      <c r="J51" s="70"/>
      <c r="K51" s="70"/>
      <c r="L51" s="70"/>
      <c r="M51" s="70"/>
      <c r="N51" s="70"/>
      <c r="O51" s="70"/>
      <c r="P51" s="70"/>
      <c r="Q51" s="70"/>
      <c r="R51" s="70"/>
      <c r="S51" s="70"/>
      <c r="T51" s="70"/>
      <c r="U51" s="70"/>
      <c r="V51" s="70"/>
      <c r="W51" s="70"/>
      <c r="X51" s="70"/>
      <c r="Y51" s="70"/>
      <c r="Z51" s="70"/>
      <c r="AA51" s="70"/>
      <c r="AB51" s="70"/>
      <c r="AC51" s="70"/>
      <c r="AD51" s="70"/>
      <c r="AE51" s="70"/>
      <c r="AF51" s="70"/>
    </row>
    <row r="52" spans="3:32" x14ac:dyDescent="0.2">
      <c r="C52" s="70"/>
      <c r="D52" s="70"/>
      <c r="E52" s="70"/>
      <c r="F52" s="70"/>
      <c r="G52" s="70"/>
      <c r="H52" s="70"/>
      <c r="I52" s="70"/>
      <c r="J52" s="70"/>
      <c r="K52" s="70"/>
      <c r="L52" s="70"/>
      <c r="M52" s="70"/>
      <c r="N52" s="70"/>
      <c r="O52" s="70"/>
      <c r="P52" s="70"/>
      <c r="Q52" s="70"/>
      <c r="R52" s="70"/>
      <c r="S52" s="70"/>
      <c r="T52" s="70"/>
      <c r="U52" s="70"/>
      <c r="V52" s="70"/>
      <c r="W52" s="70"/>
      <c r="X52" s="70"/>
      <c r="Y52" s="70"/>
      <c r="Z52" s="70"/>
      <c r="AA52" s="70"/>
      <c r="AB52" s="70"/>
      <c r="AC52" s="70"/>
      <c r="AD52" s="70"/>
      <c r="AE52" s="70"/>
      <c r="AF52" s="70"/>
    </row>
    <row r="53" spans="3:32" x14ac:dyDescent="0.2">
      <c r="C53" s="70"/>
      <c r="D53" s="70"/>
      <c r="E53" s="70"/>
      <c r="F53" s="70"/>
      <c r="G53" s="70"/>
      <c r="H53" s="70"/>
      <c r="I53" s="70"/>
      <c r="J53" s="70"/>
      <c r="K53" s="70"/>
      <c r="L53" s="70"/>
      <c r="M53" s="70"/>
      <c r="N53" s="70"/>
      <c r="O53" s="70"/>
      <c r="P53" s="70"/>
      <c r="Q53" s="70"/>
      <c r="R53" s="70"/>
      <c r="S53" s="70"/>
      <c r="T53" s="70"/>
      <c r="U53" s="70"/>
      <c r="V53" s="70"/>
      <c r="W53" s="70"/>
      <c r="X53" s="70"/>
      <c r="Y53" s="70"/>
      <c r="Z53" s="70"/>
      <c r="AA53" s="70"/>
      <c r="AB53" s="70"/>
      <c r="AC53" s="70"/>
      <c r="AD53" s="70"/>
      <c r="AE53" s="70"/>
      <c r="AF53" s="70"/>
    </row>
    <row r="54" spans="3:32" x14ac:dyDescent="0.2">
      <c r="C54" s="70"/>
      <c r="D54" s="70"/>
      <c r="E54" s="70"/>
      <c r="F54" s="70"/>
      <c r="G54" s="70"/>
      <c r="H54" s="70"/>
      <c r="I54" s="70"/>
      <c r="J54" s="70"/>
      <c r="K54" s="70"/>
      <c r="L54" s="70"/>
      <c r="M54" s="70"/>
      <c r="N54" s="70"/>
      <c r="O54" s="70"/>
      <c r="P54" s="70"/>
      <c r="Q54" s="70"/>
      <c r="R54" s="70"/>
      <c r="S54" s="70"/>
      <c r="T54" s="70"/>
      <c r="U54" s="70"/>
      <c r="V54" s="70"/>
      <c r="W54" s="70"/>
      <c r="X54" s="70"/>
      <c r="Y54" s="70"/>
      <c r="Z54" s="70"/>
      <c r="AA54" s="70"/>
      <c r="AB54" s="70"/>
      <c r="AC54" s="70"/>
      <c r="AD54" s="70"/>
      <c r="AE54" s="70"/>
      <c r="AF54" s="70"/>
    </row>
    <row r="55" spans="3:32" x14ac:dyDescent="0.2">
      <c r="C55" s="70"/>
      <c r="D55" s="70"/>
      <c r="E55" s="70"/>
      <c r="F55" s="70"/>
      <c r="G55" s="70"/>
      <c r="H55" s="70"/>
      <c r="I55" s="70"/>
      <c r="J55" s="70"/>
      <c r="K55" s="70"/>
      <c r="L55" s="70"/>
      <c r="M55" s="70"/>
      <c r="N55" s="70"/>
      <c r="O55" s="70"/>
      <c r="P55" s="70"/>
      <c r="Q55" s="70"/>
      <c r="R55" s="70"/>
      <c r="S55" s="70"/>
      <c r="T55" s="70"/>
      <c r="U55" s="70"/>
      <c r="V55" s="70"/>
      <c r="W55" s="70"/>
      <c r="X55" s="70"/>
      <c r="Y55" s="70"/>
      <c r="Z55" s="70"/>
      <c r="AA55" s="70"/>
      <c r="AB55" s="70"/>
      <c r="AC55" s="70"/>
      <c r="AD55" s="70"/>
      <c r="AE55" s="70"/>
      <c r="AF55" s="70"/>
    </row>
    <row r="56" spans="3:32" x14ac:dyDescent="0.2">
      <c r="C56" s="70"/>
      <c r="D56" s="70"/>
      <c r="E56" s="70"/>
      <c r="F56" s="70"/>
      <c r="G56" s="70"/>
      <c r="H56" s="70"/>
      <c r="I56" s="70"/>
      <c r="J56" s="70"/>
      <c r="K56" s="70"/>
      <c r="L56" s="70"/>
      <c r="M56" s="70"/>
      <c r="N56" s="70"/>
      <c r="O56" s="70"/>
      <c r="P56" s="70"/>
      <c r="Q56" s="70"/>
      <c r="R56" s="70"/>
      <c r="S56" s="70"/>
      <c r="T56" s="70"/>
      <c r="U56" s="70"/>
      <c r="V56" s="70"/>
      <c r="W56" s="70"/>
      <c r="X56" s="70"/>
      <c r="Y56" s="70"/>
      <c r="Z56" s="70"/>
      <c r="AA56" s="70"/>
      <c r="AB56" s="70"/>
      <c r="AC56" s="70"/>
      <c r="AD56" s="70"/>
      <c r="AE56" s="70"/>
      <c r="AF56" s="70"/>
    </row>
    <row r="57" spans="3:32" x14ac:dyDescent="0.2">
      <c r="C57" s="70"/>
      <c r="D57" s="70"/>
      <c r="E57" s="70"/>
      <c r="F57" s="70"/>
      <c r="G57" s="70"/>
      <c r="H57" s="70"/>
      <c r="I57" s="70"/>
      <c r="J57" s="70"/>
      <c r="K57" s="70"/>
      <c r="L57" s="70"/>
      <c r="M57" s="70"/>
      <c r="N57" s="70"/>
      <c r="O57" s="70"/>
      <c r="P57" s="70"/>
      <c r="Q57" s="70"/>
      <c r="R57" s="70"/>
      <c r="S57" s="70"/>
      <c r="T57" s="70"/>
      <c r="U57" s="70"/>
      <c r="V57" s="70"/>
      <c r="W57" s="70"/>
      <c r="X57" s="70"/>
      <c r="Y57" s="70"/>
      <c r="Z57" s="70"/>
      <c r="AA57" s="70"/>
      <c r="AB57" s="70"/>
      <c r="AC57" s="70"/>
      <c r="AD57" s="70"/>
      <c r="AE57" s="70"/>
      <c r="AF57" s="70"/>
    </row>
    <row r="58" spans="3:32" x14ac:dyDescent="0.2">
      <c r="C58" s="70"/>
      <c r="D58" s="70"/>
      <c r="E58" s="70"/>
      <c r="F58" s="70"/>
      <c r="G58" s="70"/>
      <c r="H58" s="70"/>
      <c r="I58" s="70"/>
      <c r="J58" s="70"/>
      <c r="K58" s="70"/>
      <c r="L58" s="70"/>
      <c r="M58" s="70"/>
      <c r="N58" s="70"/>
      <c r="O58" s="70"/>
      <c r="P58" s="70"/>
      <c r="Q58" s="70"/>
      <c r="R58" s="70"/>
      <c r="S58" s="70"/>
      <c r="T58" s="70"/>
      <c r="U58" s="70"/>
      <c r="V58" s="70"/>
      <c r="W58" s="70"/>
      <c r="X58" s="70"/>
      <c r="Y58" s="70"/>
      <c r="Z58" s="70"/>
      <c r="AA58" s="70"/>
      <c r="AB58" s="70"/>
      <c r="AC58" s="70"/>
      <c r="AD58" s="70"/>
      <c r="AE58" s="70"/>
      <c r="AF58" s="70"/>
    </row>
    <row r="59" spans="3:32" x14ac:dyDescent="0.2">
      <c r="C59" s="70"/>
      <c r="D59" s="70"/>
      <c r="E59" s="70"/>
      <c r="F59" s="70"/>
      <c r="G59" s="70"/>
      <c r="H59" s="70"/>
      <c r="I59" s="70"/>
      <c r="J59" s="70"/>
      <c r="K59" s="70"/>
      <c r="L59" s="70"/>
      <c r="M59" s="70"/>
      <c r="N59" s="70"/>
      <c r="O59" s="70"/>
      <c r="P59" s="70"/>
      <c r="Q59" s="70"/>
      <c r="R59" s="70"/>
      <c r="S59" s="70"/>
      <c r="T59" s="70"/>
      <c r="U59" s="70"/>
      <c r="V59" s="70"/>
      <c r="W59" s="70"/>
      <c r="X59" s="70"/>
      <c r="Y59" s="70"/>
      <c r="Z59" s="70"/>
      <c r="AA59" s="70"/>
      <c r="AB59" s="70"/>
      <c r="AC59" s="70"/>
      <c r="AD59" s="70"/>
      <c r="AE59" s="70"/>
      <c r="AF59" s="70"/>
    </row>
    <row r="60" spans="3:32" x14ac:dyDescent="0.2">
      <c r="C60" s="70"/>
      <c r="D60" s="70"/>
      <c r="E60" s="70"/>
      <c r="F60" s="70"/>
      <c r="G60" s="70"/>
      <c r="H60" s="70"/>
      <c r="I60" s="70"/>
      <c r="J60" s="70"/>
      <c r="K60" s="70"/>
      <c r="L60" s="70"/>
      <c r="M60" s="70"/>
      <c r="N60" s="70"/>
      <c r="O60" s="70"/>
      <c r="P60" s="70"/>
      <c r="Q60" s="70"/>
      <c r="R60" s="70"/>
      <c r="S60" s="70"/>
      <c r="T60" s="70"/>
      <c r="U60" s="70"/>
      <c r="V60" s="70"/>
      <c r="W60" s="70"/>
      <c r="X60" s="70"/>
      <c r="Y60" s="70"/>
      <c r="Z60" s="70"/>
      <c r="AA60" s="70"/>
      <c r="AB60" s="70"/>
      <c r="AC60" s="70"/>
      <c r="AD60" s="70"/>
      <c r="AE60" s="70"/>
      <c r="AF60" s="70"/>
    </row>
    <row r="61" spans="3:32" x14ac:dyDescent="0.2">
      <c r="C61" s="70"/>
      <c r="D61" s="70"/>
      <c r="E61" s="70"/>
      <c r="F61" s="70"/>
      <c r="G61" s="70"/>
      <c r="H61" s="70"/>
      <c r="I61" s="70"/>
      <c r="J61" s="70"/>
      <c r="K61" s="70"/>
      <c r="L61" s="70"/>
      <c r="M61" s="70"/>
      <c r="N61" s="70"/>
      <c r="O61" s="70"/>
      <c r="P61" s="70"/>
      <c r="Q61" s="70"/>
      <c r="R61" s="70"/>
      <c r="S61" s="70"/>
      <c r="T61" s="70"/>
      <c r="U61" s="70"/>
      <c r="V61" s="70"/>
      <c r="W61" s="70"/>
      <c r="X61" s="70"/>
      <c r="Y61" s="70"/>
      <c r="Z61" s="70"/>
      <c r="AA61" s="70"/>
      <c r="AB61" s="70"/>
      <c r="AC61" s="70"/>
      <c r="AD61" s="70"/>
      <c r="AE61" s="70"/>
      <c r="AF61" s="70"/>
    </row>
    <row r="62" spans="3:32" x14ac:dyDescent="0.2">
      <c r="C62" s="70"/>
      <c r="D62" s="70"/>
      <c r="E62" s="70"/>
      <c r="F62" s="70"/>
      <c r="G62" s="70"/>
      <c r="H62" s="70"/>
      <c r="I62" s="70"/>
      <c r="J62" s="70"/>
      <c r="K62" s="70"/>
      <c r="L62" s="70"/>
      <c r="M62" s="70"/>
      <c r="N62" s="70"/>
      <c r="O62" s="70"/>
      <c r="P62" s="70"/>
      <c r="Q62" s="70"/>
      <c r="R62" s="70"/>
      <c r="S62" s="70"/>
      <c r="T62" s="70"/>
      <c r="U62" s="70"/>
      <c r="V62" s="70"/>
      <c r="W62" s="70"/>
      <c r="X62" s="70"/>
      <c r="Y62" s="70"/>
      <c r="Z62" s="70"/>
      <c r="AA62" s="70"/>
      <c r="AB62" s="70"/>
      <c r="AC62" s="70"/>
      <c r="AD62" s="70"/>
      <c r="AE62" s="70"/>
      <c r="AF62" s="70"/>
    </row>
    <row r="63" spans="3:32" x14ac:dyDescent="0.2">
      <c r="C63" s="70"/>
      <c r="D63" s="70"/>
      <c r="E63" s="70"/>
      <c r="F63" s="70"/>
      <c r="G63" s="70"/>
      <c r="H63" s="70"/>
      <c r="I63" s="70"/>
      <c r="J63" s="70"/>
      <c r="K63" s="70"/>
      <c r="L63" s="70"/>
      <c r="M63" s="70"/>
      <c r="N63" s="70"/>
      <c r="O63" s="70"/>
      <c r="P63" s="70"/>
      <c r="Q63" s="70"/>
      <c r="R63" s="70"/>
      <c r="S63" s="70"/>
      <c r="T63" s="70"/>
      <c r="U63" s="70"/>
      <c r="V63" s="70"/>
      <c r="W63" s="70"/>
      <c r="X63" s="70"/>
      <c r="Y63" s="70"/>
      <c r="Z63" s="70"/>
      <c r="AA63" s="70"/>
      <c r="AB63" s="70"/>
      <c r="AC63" s="70"/>
      <c r="AD63" s="70"/>
      <c r="AE63" s="70"/>
      <c r="AF63" s="70"/>
    </row>
    <row r="64" spans="3:32" x14ac:dyDescent="0.2">
      <c r="C64" s="70"/>
      <c r="D64" s="70"/>
      <c r="E64" s="70"/>
      <c r="F64" s="70"/>
      <c r="G64" s="70"/>
      <c r="H64" s="70"/>
      <c r="I64" s="70"/>
      <c r="J64" s="70"/>
      <c r="K64" s="70"/>
      <c r="L64" s="70"/>
      <c r="M64" s="70"/>
      <c r="N64" s="70"/>
      <c r="O64" s="70"/>
      <c r="P64" s="70"/>
      <c r="Q64" s="70"/>
      <c r="R64" s="70"/>
      <c r="S64" s="70"/>
      <c r="T64" s="70"/>
      <c r="U64" s="70"/>
      <c r="V64" s="70"/>
      <c r="W64" s="70"/>
      <c r="X64" s="70"/>
      <c r="Y64" s="70"/>
      <c r="Z64" s="70"/>
      <c r="AA64" s="70"/>
      <c r="AB64" s="70"/>
      <c r="AC64" s="70"/>
      <c r="AD64" s="70"/>
      <c r="AE64" s="70"/>
      <c r="AF64" s="70"/>
    </row>
    <row r="65" spans="3:32" x14ac:dyDescent="0.2">
      <c r="C65" s="70"/>
      <c r="D65" s="70"/>
      <c r="E65" s="70"/>
      <c r="F65" s="70"/>
      <c r="G65" s="70"/>
      <c r="H65" s="70"/>
      <c r="I65" s="70"/>
      <c r="J65" s="70"/>
      <c r="K65" s="70"/>
      <c r="L65" s="70"/>
      <c r="M65" s="70"/>
      <c r="N65" s="70"/>
      <c r="O65" s="70"/>
      <c r="P65" s="70"/>
      <c r="Q65" s="70"/>
      <c r="R65" s="70"/>
      <c r="S65" s="70"/>
      <c r="T65" s="70"/>
      <c r="U65" s="70"/>
      <c r="V65" s="70"/>
      <c r="W65" s="70"/>
      <c r="X65" s="70"/>
      <c r="Y65" s="70"/>
      <c r="Z65" s="70"/>
      <c r="AA65" s="70"/>
      <c r="AB65" s="70"/>
      <c r="AC65" s="70"/>
      <c r="AD65" s="70"/>
      <c r="AE65" s="70"/>
      <c r="AF65" s="70"/>
    </row>
    <row r="66" spans="3:32" x14ac:dyDescent="0.2">
      <c r="C66" s="70"/>
      <c r="D66" s="70"/>
      <c r="E66" s="70"/>
      <c r="F66" s="70"/>
      <c r="G66" s="70"/>
      <c r="H66" s="70"/>
      <c r="I66" s="70"/>
      <c r="J66" s="70"/>
      <c r="K66" s="70"/>
      <c r="L66" s="70"/>
      <c r="M66" s="70"/>
      <c r="N66" s="70"/>
      <c r="O66" s="70"/>
      <c r="P66" s="70"/>
      <c r="Q66" s="70"/>
      <c r="R66" s="70"/>
      <c r="S66" s="70"/>
      <c r="T66" s="70"/>
      <c r="U66" s="70"/>
      <c r="V66" s="70"/>
      <c r="W66" s="70"/>
      <c r="X66" s="70"/>
      <c r="Y66" s="70"/>
      <c r="Z66" s="70"/>
      <c r="AA66" s="70"/>
      <c r="AB66" s="70"/>
      <c r="AC66" s="70"/>
      <c r="AD66" s="70"/>
      <c r="AE66" s="70"/>
      <c r="AF66" s="70"/>
    </row>
    <row r="67" spans="3:32" x14ac:dyDescent="0.2">
      <c r="C67" s="70"/>
      <c r="D67" s="70"/>
      <c r="E67" s="70"/>
      <c r="F67" s="70"/>
      <c r="G67" s="70"/>
      <c r="H67" s="70"/>
      <c r="I67" s="70"/>
      <c r="J67" s="70"/>
      <c r="K67" s="70"/>
      <c r="L67" s="70"/>
      <c r="M67" s="70"/>
      <c r="N67" s="70"/>
      <c r="O67" s="70"/>
      <c r="P67" s="70"/>
      <c r="Q67" s="70"/>
      <c r="R67" s="70"/>
      <c r="S67" s="70"/>
      <c r="T67" s="70"/>
      <c r="U67" s="70"/>
      <c r="V67" s="70"/>
      <c r="W67" s="70"/>
      <c r="X67" s="70"/>
      <c r="Y67" s="70"/>
      <c r="Z67" s="70"/>
      <c r="AA67" s="70"/>
      <c r="AB67" s="70"/>
      <c r="AC67" s="70"/>
      <c r="AD67" s="70"/>
      <c r="AE67" s="70"/>
      <c r="AF67" s="70"/>
    </row>
    <row r="68" spans="3:32" x14ac:dyDescent="0.2">
      <c r="C68" s="70"/>
      <c r="D68" s="70"/>
      <c r="E68" s="70"/>
      <c r="F68" s="70"/>
      <c r="G68" s="70"/>
      <c r="H68" s="70"/>
      <c r="I68" s="70"/>
      <c r="J68" s="70"/>
      <c r="K68" s="70"/>
      <c r="L68" s="70"/>
      <c r="M68" s="70"/>
      <c r="N68" s="70"/>
      <c r="O68" s="70"/>
      <c r="P68" s="70"/>
      <c r="Q68" s="70"/>
      <c r="R68" s="70"/>
      <c r="S68" s="70"/>
      <c r="T68" s="70"/>
      <c r="U68" s="70"/>
      <c r="V68" s="70"/>
      <c r="W68" s="70"/>
      <c r="X68" s="70"/>
      <c r="Y68" s="70"/>
      <c r="Z68" s="70"/>
      <c r="AA68" s="70"/>
      <c r="AB68" s="70"/>
      <c r="AC68" s="70"/>
      <c r="AD68" s="70"/>
      <c r="AE68" s="70"/>
      <c r="AF68" s="70"/>
    </row>
    <row r="69" spans="3:32" x14ac:dyDescent="0.2">
      <c r="C69" s="70"/>
      <c r="D69" s="70"/>
      <c r="E69" s="70"/>
      <c r="F69" s="70"/>
      <c r="G69" s="70"/>
      <c r="H69" s="70"/>
      <c r="I69" s="70"/>
      <c r="J69" s="70"/>
      <c r="K69" s="70"/>
      <c r="L69" s="70"/>
      <c r="M69" s="70"/>
      <c r="N69" s="70"/>
      <c r="O69" s="70"/>
      <c r="P69" s="70"/>
      <c r="Q69" s="70"/>
      <c r="R69" s="70"/>
      <c r="S69" s="70"/>
      <c r="T69" s="70"/>
      <c r="U69" s="70"/>
      <c r="V69" s="70"/>
      <c r="W69" s="70"/>
      <c r="X69" s="70"/>
      <c r="Y69" s="70"/>
      <c r="Z69" s="70"/>
      <c r="AA69" s="70"/>
      <c r="AB69" s="70"/>
      <c r="AC69" s="70"/>
      <c r="AD69" s="70"/>
      <c r="AE69" s="70"/>
      <c r="AF69" s="70"/>
    </row>
    <row r="70" spans="3:32" x14ac:dyDescent="0.2">
      <c r="C70" s="70"/>
      <c r="D70" s="70"/>
      <c r="E70" s="70"/>
      <c r="F70" s="70"/>
      <c r="G70" s="70"/>
      <c r="H70" s="70"/>
      <c r="I70" s="70"/>
      <c r="J70" s="70"/>
      <c r="K70" s="70"/>
      <c r="L70" s="70"/>
      <c r="M70" s="70"/>
      <c r="N70" s="70"/>
      <c r="O70" s="70"/>
      <c r="P70" s="70"/>
      <c r="Q70" s="70"/>
      <c r="R70" s="70"/>
      <c r="S70" s="70"/>
      <c r="T70" s="70"/>
      <c r="U70" s="70"/>
      <c r="V70" s="70"/>
      <c r="W70" s="70"/>
      <c r="X70" s="70"/>
      <c r="Y70" s="70"/>
      <c r="Z70" s="70"/>
      <c r="AA70" s="70"/>
      <c r="AB70" s="70"/>
      <c r="AC70" s="70"/>
      <c r="AD70" s="70"/>
      <c r="AE70" s="70"/>
      <c r="AF70" s="70"/>
    </row>
    <row r="71" spans="3:32" x14ac:dyDescent="0.2">
      <c r="C71" s="70"/>
      <c r="D71" s="70"/>
      <c r="E71" s="70"/>
      <c r="F71" s="70"/>
      <c r="G71" s="70"/>
      <c r="H71" s="70"/>
      <c r="I71" s="70"/>
      <c r="J71" s="70"/>
      <c r="K71" s="70"/>
      <c r="L71" s="70"/>
      <c r="M71" s="70"/>
      <c r="N71" s="70"/>
      <c r="O71" s="70"/>
      <c r="P71" s="70"/>
      <c r="Q71" s="70"/>
      <c r="R71" s="70"/>
      <c r="S71" s="70"/>
      <c r="T71" s="70"/>
      <c r="U71" s="70"/>
      <c r="V71" s="70"/>
      <c r="W71" s="70"/>
      <c r="X71" s="70"/>
      <c r="Y71" s="70"/>
      <c r="Z71" s="70"/>
      <c r="AA71" s="70"/>
      <c r="AB71" s="70"/>
      <c r="AC71" s="70"/>
      <c r="AD71" s="70"/>
      <c r="AE71" s="70"/>
      <c r="AF71" s="70"/>
    </row>
    <row r="72" spans="3:32" x14ac:dyDescent="0.2">
      <c r="C72" s="70"/>
      <c r="D72" s="70"/>
      <c r="E72" s="70"/>
      <c r="F72" s="70"/>
      <c r="G72" s="70"/>
      <c r="H72" s="70"/>
      <c r="I72" s="70"/>
      <c r="J72" s="70"/>
      <c r="K72" s="70"/>
      <c r="L72" s="70"/>
      <c r="M72" s="70"/>
      <c r="N72" s="70"/>
      <c r="O72" s="70"/>
      <c r="P72" s="70"/>
      <c r="Q72" s="70"/>
      <c r="R72" s="70"/>
      <c r="S72" s="70"/>
      <c r="T72" s="70"/>
      <c r="U72" s="70"/>
      <c r="V72" s="70"/>
      <c r="W72" s="70"/>
      <c r="X72" s="70"/>
      <c r="Y72" s="70"/>
      <c r="Z72" s="70"/>
      <c r="AA72" s="70"/>
      <c r="AB72" s="70"/>
      <c r="AC72" s="70"/>
      <c r="AD72" s="70"/>
      <c r="AE72" s="70"/>
      <c r="AF72" s="70"/>
    </row>
    <row r="73" spans="3:32" x14ac:dyDescent="0.2">
      <c r="C73" s="70"/>
      <c r="D73" s="70"/>
      <c r="E73" s="70"/>
      <c r="F73" s="70"/>
      <c r="G73" s="70"/>
      <c r="H73" s="70"/>
      <c r="I73" s="70"/>
      <c r="J73" s="70"/>
      <c r="K73" s="70"/>
      <c r="L73" s="70"/>
      <c r="M73" s="70"/>
      <c r="N73" s="70"/>
      <c r="O73" s="70"/>
      <c r="P73" s="70"/>
      <c r="Q73" s="70"/>
      <c r="R73" s="70"/>
      <c r="S73" s="70"/>
      <c r="T73" s="70"/>
      <c r="U73" s="70"/>
      <c r="V73" s="70"/>
      <c r="W73" s="70"/>
      <c r="X73" s="70"/>
      <c r="Y73" s="70"/>
      <c r="Z73" s="70"/>
      <c r="AA73" s="70"/>
      <c r="AB73" s="70"/>
      <c r="AC73" s="70"/>
      <c r="AD73" s="70"/>
      <c r="AE73" s="70"/>
      <c r="AF73" s="70"/>
    </row>
    <row r="74" spans="3:32" x14ac:dyDescent="0.2">
      <c r="C74" s="70"/>
      <c r="D74" s="70"/>
      <c r="E74" s="70"/>
      <c r="F74" s="70"/>
      <c r="G74" s="70"/>
      <c r="H74" s="70"/>
      <c r="I74" s="70"/>
      <c r="J74" s="70"/>
      <c r="K74" s="70"/>
      <c r="L74" s="70"/>
      <c r="M74" s="70"/>
      <c r="N74" s="70"/>
      <c r="O74" s="70"/>
      <c r="P74" s="70"/>
      <c r="Q74" s="70"/>
      <c r="R74" s="70"/>
      <c r="S74" s="70"/>
      <c r="T74" s="70"/>
      <c r="U74" s="70"/>
      <c r="V74" s="70"/>
      <c r="W74" s="70"/>
      <c r="X74" s="70"/>
      <c r="Y74" s="70"/>
      <c r="Z74" s="70"/>
      <c r="AA74" s="70"/>
      <c r="AB74" s="70"/>
      <c r="AC74" s="70"/>
      <c r="AD74" s="70"/>
      <c r="AE74" s="70"/>
      <c r="AF74" s="70"/>
    </row>
    <row r="75" spans="3:32" x14ac:dyDescent="0.2">
      <c r="C75" s="70"/>
      <c r="D75" s="70"/>
      <c r="E75" s="70"/>
      <c r="F75" s="70"/>
      <c r="G75" s="70"/>
      <c r="H75" s="70"/>
      <c r="I75" s="70"/>
      <c r="J75" s="70"/>
      <c r="K75" s="70"/>
      <c r="L75" s="70"/>
      <c r="M75" s="70"/>
      <c r="N75" s="70"/>
      <c r="O75" s="70"/>
      <c r="P75" s="70"/>
      <c r="Q75" s="70"/>
      <c r="R75" s="70"/>
      <c r="S75" s="70"/>
      <c r="T75" s="70"/>
      <c r="U75" s="70"/>
      <c r="V75" s="70"/>
      <c r="W75" s="70"/>
      <c r="X75" s="70"/>
      <c r="Y75" s="70"/>
      <c r="Z75" s="70"/>
      <c r="AA75" s="70"/>
      <c r="AB75" s="70"/>
      <c r="AC75" s="70"/>
      <c r="AD75" s="70"/>
      <c r="AE75" s="70"/>
      <c r="AF75" s="70"/>
    </row>
    <row r="76" spans="3:32" x14ac:dyDescent="0.2">
      <c r="C76" s="70"/>
      <c r="D76" s="70"/>
      <c r="E76" s="70"/>
      <c r="F76" s="70"/>
      <c r="G76" s="70"/>
      <c r="H76" s="70"/>
      <c r="I76" s="70"/>
      <c r="J76" s="70"/>
      <c r="K76" s="70"/>
      <c r="L76" s="70"/>
      <c r="M76" s="70"/>
      <c r="N76" s="70"/>
      <c r="O76" s="70"/>
      <c r="P76" s="70"/>
      <c r="Q76" s="70"/>
      <c r="R76" s="70"/>
      <c r="S76" s="70"/>
      <c r="T76" s="70"/>
      <c r="U76" s="70"/>
      <c r="V76" s="70"/>
      <c r="W76" s="70"/>
      <c r="X76" s="70"/>
      <c r="Y76" s="70"/>
      <c r="Z76" s="70"/>
      <c r="AA76" s="70"/>
      <c r="AB76" s="70"/>
      <c r="AC76" s="70"/>
      <c r="AD76" s="70"/>
      <c r="AE76" s="70"/>
      <c r="AF76" s="70"/>
    </row>
    <row r="77" spans="3:32" x14ac:dyDescent="0.2">
      <c r="C77" s="70"/>
      <c r="D77" s="70"/>
      <c r="E77" s="70"/>
      <c r="F77" s="70"/>
      <c r="G77" s="70"/>
      <c r="H77" s="70"/>
      <c r="I77" s="70"/>
      <c r="J77" s="70"/>
      <c r="K77" s="70"/>
      <c r="L77" s="70"/>
      <c r="M77" s="70"/>
      <c r="N77" s="70"/>
      <c r="O77" s="70"/>
      <c r="P77" s="70"/>
      <c r="Q77" s="70"/>
      <c r="R77" s="70"/>
      <c r="S77" s="70"/>
      <c r="T77" s="70"/>
      <c r="U77" s="70"/>
      <c r="V77" s="70"/>
      <c r="W77" s="70"/>
      <c r="X77" s="70"/>
      <c r="Y77" s="70"/>
      <c r="Z77" s="70"/>
      <c r="AA77" s="70"/>
      <c r="AB77" s="70"/>
      <c r="AC77" s="70"/>
      <c r="AD77" s="70"/>
      <c r="AE77" s="70"/>
      <c r="AF77" s="70"/>
    </row>
    <row r="78" spans="3:32" x14ac:dyDescent="0.2">
      <c r="C78" s="70"/>
      <c r="D78" s="70"/>
      <c r="E78" s="70"/>
      <c r="F78" s="70"/>
      <c r="G78" s="70"/>
      <c r="H78" s="70"/>
      <c r="I78" s="70"/>
      <c r="J78" s="70"/>
      <c r="K78" s="70"/>
      <c r="L78" s="70"/>
      <c r="M78" s="70"/>
      <c r="N78" s="70"/>
      <c r="O78" s="70"/>
      <c r="P78" s="70"/>
      <c r="Q78" s="70"/>
      <c r="R78" s="70"/>
      <c r="S78" s="70"/>
      <c r="T78" s="70"/>
      <c r="U78" s="70"/>
      <c r="V78" s="70"/>
      <c r="W78" s="70"/>
      <c r="X78" s="70"/>
      <c r="Y78" s="70"/>
      <c r="Z78" s="70"/>
      <c r="AA78" s="70"/>
      <c r="AB78" s="70"/>
      <c r="AC78" s="70"/>
      <c r="AD78" s="70"/>
      <c r="AE78" s="70"/>
      <c r="AF78" s="70"/>
    </row>
    <row r="79" spans="3:32" x14ac:dyDescent="0.2">
      <c r="C79" s="70"/>
      <c r="D79" s="70"/>
      <c r="E79" s="70"/>
      <c r="F79" s="70"/>
      <c r="G79" s="70"/>
      <c r="H79" s="70"/>
      <c r="I79" s="70"/>
      <c r="J79" s="70"/>
      <c r="K79" s="70"/>
      <c r="L79" s="70"/>
      <c r="M79" s="70"/>
      <c r="N79" s="70"/>
      <c r="O79" s="70"/>
      <c r="P79" s="70"/>
      <c r="Q79" s="70"/>
      <c r="R79" s="70"/>
      <c r="S79" s="70"/>
      <c r="T79" s="70"/>
      <c r="U79" s="70"/>
      <c r="V79" s="70"/>
      <c r="W79" s="70"/>
      <c r="X79" s="70"/>
      <c r="Y79" s="70"/>
      <c r="Z79" s="70"/>
      <c r="AA79" s="70"/>
      <c r="AB79" s="70"/>
      <c r="AC79" s="70"/>
      <c r="AD79" s="70"/>
      <c r="AE79" s="70"/>
      <c r="AF79" s="70"/>
    </row>
    <row r="80" spans="3:32" x14ac:dyDescent="0.2">
      <c r="C80" s="70"/>
      <c r="D80" s="70"/>
      <c r="E80" s="70"/>
      <c r="F80" s="70"/>
      <c r="G80" s="70"/>
      <c r="H80" s="70"/>
      <c r="I80" s="70"/>
      <c r="J80" s="70"/>
      <c r="K80" s="70"/>
      <c r="L80" s="70"/>
      <c r="M80" s="70"/>
      <c r="N80" s="70"/>
      <c r="O80" s="70"/>
      <c r="P80" s="70"/>
      <c r="Q80" s="70"/>
      <c r="R80" s="70"/>
      <c r="S80" s="70"/>
      <c r="T80" s="70"/>
      <c r="U80" s="70"/>
      <c r="V80" s="70"/>
      <c r="W80" s="70"/>
      <c r="X80" s="70"/>
      <c r="Y80" s="70"/>
      <c r="Z80" s="70"/>
      <c r="AA80" s="70"/>
      <c r="AB80" s="70"/>
      <c r="AC80" s="70"/>
      <c r="AD80" s="70"/>
      <c r="AE80" s="70"/>
      <c r="AF80" s="70"/>
    </row>
    <row r="81" spans="3:32" x14ac:dyDescent="0.2">
      <c r="C81" s="70"/>
      <c r="D81" s="70"/>
      <c r="E81" s="70"/>
      <c r="F81" s="70"/>
      <c r="G81" s="70"/>
      <c r="H81" s="70"/>
      <c r="I81" s="70"/>
      <c r="J81" s="70"/>
      <c r="K81" s="70"/>
      <c r="L81" s="70"/>
      <c r="M81" s="70"/>
      <c r="N81" s="70"/>
      <c r="O81" s="70"/>
      <c r="P81" s="70"/>
      <c r="Q81" s="70"/>
      <c r="R81" s="70"/>
      <c r="S81" s="70"/>
      <c r="T81" s="70"/>
      <c r="U81" s="70"/>
      <c r="V81" s="70"/>
      <c r="W81" s="70"/>
      <c r="X81" s="70"/>
      <c r="Y81" s="70"/>
      <c r="Z81" s="70"/>
      <c r="AA81" s="70"/>
      <c r="AB81" s="70"/>
      <c r="AC81" s="70"/>
      <c r="AD81" s="70"/>
      <c r="AE81" s="70"/>
      <c r="AF81" s="70"/>
    </row>
    <row r="82" spans="3:32" x14ac:dyDescent="0.2">
      <c r="C82" s="70"/>
      <c r="D82" s="70"/>
      <c r="E82" s="70"/>
      <c r="F82" s="70"/>
      <c r="G82" s="70"/>
      <c r="H82" s="70"/>
      <c r="I82" s="70"/>
      <c r="J82" s="70"/>
      <c r="K82" s="70"/>
      <c r="L82" s="70"/>
      <c r="M82" s="70"/>
      <c r="N82" s="70"/>
      <c r="O82" s="70"/>
      <c r="P82" s="70"/>
      <c r="Q82" s="70"/>
      <c r="R82" s="70"/>
      <c r="S82" s="70"/>
      <c r="T82" s="70"/>
      <c r="U82" s="70"/>
      <c r="V82" s="70"/>
      <c r="W82" s="70"/>
      <c r="X82" s="70"/>
      <c r="Y82" s="70"/>
      <c r="Z82" s="70"/>
      <c r="AA82" s="70"/>
      <c r="AB82" s="70"/>
      <c r="AC82" s="70"/>
      <c r="AD82" s="70"/>
      <c r="AE82" s="70"/>
      <c r="AF82" s="70"/>
    </row>
    <row r="83" spans="3:32" x14ac:dyDescent="0.2">
      <c r="C83" s="70"/>
      <c r="D83" s="70"/>
      <c r="E83" s="70"/>
      <c r="F83" s="70"/>
      <c r="G83" s="70"/>
      <c r="H83" s="70"/>
      <c r="I83" s="70"/>
      <c r="J83" s="70"/>
      <c r="K83" s="70"/>
      <c r="L83" s="70"/>
      <c r="M83" s="70"/>
      <c r="N83" s="70"/>
      <c r="O83" s="70"/>
      <c r="P83" s="70"/>
      <c r="Q83" s="70"/>
      <c r="R83" s="70"/>
      <c r="S83" s="70"/>
      <c r="T83" s="70"/>
      <c r="U83" s="70"/>
      <c r="V83" s="70"/>
      <c r="W83" s="70"/>
      <c r="X83" s="70"/>
      <c r="Y83" s="70"/>
      <c r="Z83" s="70"/>
      <c r="AA83" s="70"/>
      <c r="AB83" s="70"/>
      <c r="AC83" s="70"/>
      <c r="AD83" s="70"/>
      <c r="AE83" s="70"/>
      <c r="AF83" s="70"/>
    </row>
    <row r="84" spans="3:32" x14ac:dyDescent="0.2">
      <c r="C84" s="70"/>
      <c r="D84" s="70"/>
      <c r="E84" s="70"/>
      <c r="F84" s="70"/>
      <c r="G84" s="70"/>
      <c r="H84" s="70"/>
      <c r="I84" s="70"/>
      <c r="J84" s="70"/>
      <c r="K84" s="70"/>
      <c r="L84" s="70"/>
      <c r="M84" s="70"/>
      <c r="N84" s="70"/>
      <c r="O84" s="70"/>
      <c r="P84" s="70"/>
      <c r="Q84" s="70"/>
      <c r="R84" s="70"/>
      <c r="S84" s="70"/>
      <c r="T84" s="70"/>
      <c r="U84" s="70"/>
      <c r="V84" s="70"/>
      <c r="W84" s="70"/>
      <c r="X84" s="70"/>
      <c r="Y84" s="70"/>
      <c r="Z84" s="70"/>
      <c r="AA84" s="70"/>
      <c r="AB84" s="70"/>
      <c r="AC84" s="70"/>
      <c r="AD84" s="70"/>
      <c r="AE84" s="70"/>
      <c r="AF84" s="70"/>
    </row>
    <row r="85" spans="3:32" x14ac:dyDescent="0.2">
      <c r="C85" s="70"/>
      <c r="D85" s="70"/>
      <c r="E85" s="70"/>
      <c r="F85" s="70"/>
      <c r="G85" s="70"/>
      <c r="H85" s="70"/>
      <c r="I85" s="70"/>
      <c r="J85" s="70"/>
      <c r="K85" s="70"/>
      <c r="L85" s="70"/>
      <c r="M85" s="70"/>
      <c r="N85" s="70"/>
      <c r="O85" s="70"/>
      <c r="P85" s="70"/>
      <c r="Q85" s="70"/>
      <c r="R85" s="70"/>
      <c r="S85" s="70"/>
      <c r="T85" s="70"/>
      <c r="U85" s="70"/>
      <c r="V85" s="70"/>
      <c r="W85" s="70"/>
      <c r="X85" s="70"/>
      <c r="Y85" s="70"/>
      <c r="Z85" s="70"/>
      <c r="AA85" s="70"/>
      <c r="AB85" s="70"/>
      <c r="AC85" s="70"/>
      <c r="AD85" s="70"/>
      <c r="AE85" s="70"/>
      <c r="AF85" s="70"/>
    </row>
    <row r="86" spans="3:32" x14ac:dyDescent="0.2">
      <c r="C86" s="70"/>
      <c r="D86" s="70"/>
      <c r="E86" s="70"/>
      <c r="F86" s="70"/>
      <c r="G86" s="70"/>
      <c r="H86" s="70"/>
      <c r="I86" s="70"/>
      <c r="J86" s="70"/>
      <c r="K86" s="70"/>
      <c r="L86" s="70"/>
      <c r="M86" s="70"/>
      <c r="N86" s="70"/>
      <c r="O86" s="70"/>
      <c r="P86" s="70"/>
      <c r="Q86" s="70"/>
      <c r="R86" s="70"/>
      <c r="S86" s="70"/>
      <c r="T86" s="70"/>
      <c r="U86" s="70"/>
      <c r="V86" s="70"/>
      <c r="W86" s="70"/>
      <c r="X86" s="70"/>
      <c r="Y86" s="70"/>
      <c r="Z86" s="70"/>
      <c r="AA86" s="70"/>
      <c r="AB86" s="70"/>
      <c r="AC86" s="70"/>
      <c r="AD86" s="70"/>
      <c r="AE86" s="70"/>
      <c r="AF86" s="70"/>
    </row>
    <row r="87" spans="3:32" x14ac:dyDescent="0.2">
      <c r="C87" s="70"/>
      <c r="D87" s="70"/>
      <c r="E87" s="70"/>
      <c r="F87" s="70"/>
      <c r="G87" s="70"/>
      <c r="H87" s="70"/>
      <c r="I87" s="70"/>
      <c r="J87" s="70"/>
      <c r="K87" s="70"/>
      <c r="L87" s="70"/>
      <c r="M87" s="70"/>
      <c r="N87" s="70"/>
      <c r="O87" s="70"/>
      <c r="P87" s="70"/>
      <c r="Q87" s="70"/>
      <c r="R87" s="70"/>
      <c r="S87" s="70"/>
      <c r="T87" s="70"/>
      <c r="U87" s="70"/>
      <c r="V87" s="70"/>
      <c r="W87" s="70"/>
      <c r="X87" s="70"/>
      <c r="Y87" s="70"/>
      <c r="Z87" s="70"/>
      <c r="AA87" s="70"/>
      <c r="AB87" s="70"/>
      <c r="AC87" s="70"/>
      <c r="AD87" s="70"/>
      <c r="AE87" s="70"/>
      <c r="AF87" s="70"/>
    </row>
    <row r="88" spans="3:32" x14ac:dyDescent="0.2">
      <c r="C88" s="70"/>
      <c r="D88" s="70"/>
      <c r="E88" s="70"/>
      <c r="F88" s="70"/>
      <c r="G88" s="70"/>
      <c r="H88" s="70"/>
      <c r="I88" s="70"/>
      <c r="J88" s="70"/>
      <c r="K88" s="70"/>
      <c r="L88" s="70"/>
      <c r="M88" s="70"/>
      <c r="N88" s="70"/>
      <c r="O88" s="70"/>
      <c r="P88" s="70"/>
      <c r="Q88" s="70"/>
      <c r="R88" s="70"/>
      <c r="S88" s="70"/>
      <c r="T88" s="70"/>
      <c r="U88" s="70"/>
      <c r="V88" s="70"/>
      <c r="W88" s="70"/>
      <c r="X88" s="70"/>
      <c r="Y88" s="70"/>
      <c r="Z88" s="70"/>
      <c r="AA88" s="70"/>
      <c r="AB88" s="70"/>
      <c r="AC88" s="70"/>
      <c r="AD88" s="70"/>
      <c r="AE88" s="70"/>
      <c r="AF88" s="70"/>
    </row>
    <row r="89" spans="3:32" x14ac:dyDescent="0.2">
      <c r="C89" s="70"/>
      <c r="D89" s="70"/>
      <c r="E89" s="70"/>
      <c r="F89" s="70"/>
      <c r="G89" s="70"/>
      <c r="H89" s="70"/>
      <c r="I89" s="70"/>
      <c r="J89" s="70"/>
      <c r="K89" s="70"/>
      <c r="L89" s="70"/>
      <c r="M89" s="70"/>
      <c r="N89" s="70"/>
      <c r="O89" s="70"/>
      <c r="P89" s="70"/>
      <c r="Q89" s="70"/>
      <c r="R89" s="70"/>
      <c r="S89" s="70"/>
      <c r="T89" s="70"/>
      <c r="U89" s="70"/>
      <c r="V89" s="70"/>
      <c r="W89" s="70"/>
      <c r="X89" s="70"/>
      <c r="Y89" s="70"/>
      <c r="Z89" s="70"/>
      <c r="AA89" s="70"/>
      <c r="AB89" s="70"/>
      <c r="AC89" s="70"/>
      <c r="AD89" s="70"/>
      <c r="AE89" s="70"/>
      <c r="AF89" s="70"/>
    </row>
    <row r="90" spans="3:32" x14ac:dyDescent="0.2">
      <c r="C90" s="70"/>
      <c r="D90" s="70"/>
      <c r="E90" s="70"/>
      <c r="F90" s="70"/>
      <c r="G90" s="70"/>
      <c r="H90" s="70"/>
      <c r="I90" s="70"/>
      <c r="J90" s="70"/>
      <c r="K90" s="70"/>
      <c r="L90" s="70"/>
      <c r="M90" s="70"/>
      <c r="N90" s="70"/>
      <c r="O90" s="70"/>
      <c r="P90" s="70"/>
      <c r="Q90" s="70"/>
      <c r="R90" s="70"/>
      <c r="S90" s="70"/>
      <c r="T90" s="70"/>
      <c r="U90" s="70"/>
      <c r="V90" s="70"/>
      <c r="W90" s="70"/>
      <c r="X90" s="70"/>
      <c r="Y90" s="70"/>
      <c r="Z90" s="70"/>
      <c r="AA90" s="70"/>
      <c r="AB90" s="70"/>
      <c r="AC90" s="70"/>
      <c r="AD90" s="70"/>
      <c r="AE90" s="70"/>
      <c r="AF90" s="70"/>
    </row>
    <row r="91" spans="3:32" x14ac:dyDescent="0.2">
      <c r="C91" s="70"/>
      <c r="D91" s="70"/>
      <c r="E91" s="70"/>
      <c r="F91" s="70"/>
      <c r="G91" s="70"/>
      <c r="H91" s="70"/>
      <c r="I91" s="70"/>
      <c r="J91" s="70"/>
      <c r="K91" s="70"/>
      <c r="L91" s="70"/>
      <c r="M91" s="70"/>
      <c r="N91" s="70"/>
      <c r="O91" s="70"/>
      <c r="P91" s="70"/>
      <c r="Q91" s="70"/>
      <c r="R91" s="70"/>
      <c r="S91" s="70"/>
      <c r="T91" s="70"/>
      <c r="U91" s="70"/>
      <c r="V91" s="70"/>
      <c r="W91" s="70"/>
      <c r="X91" s="70"/>
      <c r="Y91" s="70"/>
      <c r="Z91" s="70"/>
      <c r="AA91" s="70"/>
      <c r="AB91" s="70"/>
      <c r="AC91" s="70"/>
      <c r="AD91" s="70"/>
      <c r="AE91" s="70"/>
      <c r="AF91" s="70"/>
    </row>
    <row r="92" spans="3:32" x14ac:dyDescent="0.2">
      <c r="C92" s="70"/>
      <c r="D92" s="70"/>
      <c r="E92" s="70"/>
      <c r="F92" s="70"/>
      <c r="G92" s="70"/>
      <c r="H92" s="70"/>
      <c r="I92" s="70"/>
      <c r="J92" s="70"/>
      <c r="K92" s="70"/>
      <c r="L92" s="70"/>
      <c r="M92" s="70"/>
      <c r="N92" s="70"/>
      <c r="O92" s="70"/>
      <c r="P92" s="70"/>
      <c r="Q92" s="70"/>
      <c r="R92" s="70"/>
      <c r="S92" s="70"/>
      <c r="T92" s="70"/>
      <c r="U92" s="70"/>
      <c r="V92" s="70"/>
      <c r="W92" s="70"/>
      <c r="X92" s="70"/>
      <c r="Y92" s="70"/>
      <c r="Z92" s="70"/>
      <c r="AA92" s="70"/>
      <c r="AB92" s="70"/>
      <c r="AC92" s="70"/>
      <c r="AD92" s="70"/>
      <c r="AE92" s="70"/>
      <c r="AF92" s="70"/>
    </row>
    <row r="93" spans="3:32" x14ac:dyDescent="0.2">
      <c r="C93" s="70"/>
      <c r="D93" s="70"/>
      <c r="E93" s="70"/>
      <c r="F93" s="70"/>
      <c r="G93" s="70"/>
      <c r="H93" s="70"/>
      <c r="I93" s="70"/>
      <c r="J93" s="70"/>
      <c r="K93" s="70"/>
      <c r="L93" s="70"/>
      <c r="M93" s="70"/>
      <c r="N93" s="70"/>
      <c r="O93" s="70"/>
      <c r="P93" s="70"/>
      <c r="Q93" s="70"/>
      <c r="R93" s="70"/>
      <c r="S93" s="70"/>
      <c r="T93" s="70"/>
      <c r="U93" s="70"/>
      <c r="V93" s="70"/>
      <c r="W93" s="70"/>
      <c r="X93" s="70"/>
      <c r="Y93" s="70"/>
      <c r="Z93" s="70"/>
      <c r="AA93" s="70"/>
      <c r="AB93" s="70"/>
      <c r="AC93" s="70"/>
      <c r="AD93" s="70"/>
      <c r="AE93" s="70"/>
      <c r="AF93" s="70"/>
    </row>
    <row r="94" spans="3:32" x14ac:dyDescent="0.2">
      <c r="C94" s="70"/>
      <c r="D94" s="70"/>
      <c r="E94" s="70"/>
      <c r="F94" s="70"/>
      <c r="G94" s="70"/>
      <c r="H94" s="70"/>
      <c r="I94" s="70"/>
      <c r="J94" s="70"/>
      <c r="K94" s="70"/>
      <c r="L94" s="70"/>
      <c r="M94" s="70"/>
      <c r="N94" s="70"/>
      <c r="O94" s="70"/>
      <c r="P94" s="70"/>
      <c r="Q94" s="70"/>
      <c r="R94" s="70"/>
      <c r="S94" s="70"/>
      <c r="T94" s="70"/>
      <c r="U94" s="70"/>
      <c r="V94" s="70"/>
      <c r="W94" s="70"/>
      <c r="X94" s="70"/>
      <c r="Y94" s="70"/>
      <c r="Z94" s="70"/>
      <c r="AA94" s="70"/>
      <c r="AB94" s="70"/>
      <c r="AC94" s="70"/>
      <c r="AD94" s="70"/>
      <c r="AE94" s="70"/>
      <c r="AF94" s="70"/>
    </row>
    <row r="95" spans="3:32" x14ac:dyDescent="0.2">
      <c r="C95" s="70"/>
      <c r="D95" s="70"/>
      <c r="E95" s="70"/>
      <c r="F95" s="70"/>
      <c r="G95" s="70"/>
      <c r="H95" s="70"/>
      <c r="I95" s="70"/>
      <c r="J95" s="70"/>
      <c r="K95" s="70"/>
      <c r="L95" s="70"/>
      <c r="M95" s="70"/>
      <c r="N95" s="70"/>
      <c r="O95" s="70"/>
      <c r="P95" s="70"/>
      <c r="Q95" s="70"/>
      <c r="R95" s="70"/>
      <c r="S95" s="70"/>
      <c r="T95" s="70"/>
      <c r="U95" s="70"/>
      <c r="V95" s="70"/>
      <c r="W95" s="70"/>
      <c r="X95" s="70"/>
      <c r="Y95" s="70"/>
      <c r="Z95" s="70"/>
      <c r="AA95" s="70"/>
      <c r="AB95" s="70"/>
      <c r="AC95" s="70"/>
      <c r="AD95" s="70"/>
      <c r="AE95" s="70"/>
      <c r="AF95" s="70"/>
    </row>
    <row r="96" spans="3:32" x14ac:dyDescent="0.2">
      <c r="C96" s="70"/>
      <c r="D96" s="70"/>
      <c r="E96" s="70"/>
      <c r="F96" s="70"/>
      <c r="G96" s="70"/>
      <c r="H96" s="70"/>
      <c r="I96" s="70"/>
      <c r="J96" s="70"/>
      <c r="K96" s="70"/>
      <c r="L96" s="70"/>
      <c r="M96" s="70"/>
      <c r="N96" s="70"/>
      <c r="O96" s="70"/>
      <c r="P96" s="70"/>
      <c r="Q96" s="70"/>
      <c r="R96" s="70"/>
      <c r="S96" s="70"/>
      <c r="T96" s="70"/>
      <c r="U96" s="70"/>
      <c r="V96" s="70"/>
      <c r="W96" s="70"/>
      <c r="X96" s="70"/>
      <c r="Y96" s="70"/>
      <c r="Z96" s="70"/>
      <c r="AA96" s="70"/>
      <c r="AB96" s="70"/>
      <c r="AC96" s="70"/>
      <c r="AD96" s="70"/>
      <c r="AE96" s="70"/>
      <c r="AF96" s="70"/>
    </row>
    <row r="97" spans="3:32" x14ac:dyDescent="0.2">
      <c r="C97" s="70"/>
      <c r="D97" s="70"/>
      <c r="E97" s="70"/>
      <c r="F97" s="70"/>
      <c r="G97" s="70"/>
      <c r="H97" s="70"/>
      <c r="I97" s="70"/>
      <c r="J97" s="70"/>
      <c r="K97" s="70"/>
      <c r="L97" s="70"/>
      <c r="M97" s="70"/>
      <c r="N97" s="70"/>
      <c r="O97" s="70"/>
      <c r="P97" s="70"/>
      <c r="Q97" s="70"/>
      <c r="R97" s="70"/>
      <c r="S97" s="70"/>
      <c r="T97" s="70"/>
      <c r="U97" s="70"/>
      <c r="V97" s="70"/>
      <c r="W97" s="70"/>
      <c r="X97" s="70"/>
      <c r="Y97" s="70"/>
      <c r="Z97" s="70"/>
      <c r="AA97" s="70"/>
      <c r="AB97" s="70"/>
      <c r="AC97" s="70"/>
      <c r="AD97" s="70"/>
      <c r="AE97" s="70"/>
      <c r="AF97" s="70"/>
    </row>
    <row r="98" spans="3:32" x14ac:dyDescent="0.2">
      <c r="C98" s="70"/>
      <c r="D98" s="70"/>
      <c r="E98" s="70"/>
      <c r="F98" s="70"/>
      <c r="G98" s="70"/>
      <c r="H98" s="70"/>
      <c r="I98" s="70"/>
      <c r="J98" s="70"/>
      <c r="K98" s="70"/>
      <c r="L98" s="70"/>
      <c r="M98" s="70"/>
      <c r="N98" s="70"/>
      <c r="O98" s="70"/>
      <c r="P98" s="70"/>
      <c r="Q98" s="70"/>
      <c r="R98" s="70"/>
      <c r="S98" s="70"/>
      <c r="T98" s="70"/>
      <c r="U98" s="70"/>
      <c r="V98" s="70"/>
      <c r="W98" s="70"/>
      <c r="X98" s="70"/>
      <c r="Y98" s="70"/>
      <c r="Z98" s="70"/>
      <c r="AA98" s="70"/>
      <c r="AB98" s="70"/>
      <c r="AC98" s="70"/>
      <c r="AD98" s="70"/>
      <c r="AE98" s="70"/>
      <c r="AF98" s="70"/>
    </row>
    <row r="99" spans="3:32" x14ac:dyDescent="0.2">
      <c r="C99" s="70"/>
      <c r="D99" s="70"/>
      <c r="E99" s="70"/>
      <c r="F99" s="70"/>
      <c r="G99" s="70"/>
      <c r="H99" s="70"/>
      <c r="I99" s="70"/>
      <c r="J99" s="70"/>
      <c r="K99" s="70"/>
      <c r="L99" s="70"/>
      <c r="M99" s="70"/>
      <c r="N99" s="70"/>
      <c r="O99" s="70"/>
      <c r="P99" s="70"/>
      <c r="Q99" s="70"/>
      <c r="R99" s="70"/>
      <c r="S99" s="70"/>
      <c r="T99" s="70"/>
      <c r="U99" s="70"/>
      <c r="V99" s="70"/>
      <c r="W99" s="70"/>
      <c r="X99" s="70"/>
      <c r="Y99" s="70"/>
      <c r="Z99" s="70"/>
      <c r="AA99" s="70"/>
      <c r="AB99" s="70"/>
      <c r="AC99" s="70"/>
      <c r="AD99" s="70"/>
      <c r="AE99" s="70"/>
      <c r="AF99" s="70"/>
    </row>
    <row r="100" spans="3:32" x14ac:dyDescent="0.2">
      <c r="C100" s="70"/>
      <c r="D100" s="70"/>
      <c r="E100" s="70"/>
      <c r="F100" s="70"/>
      <c r="G100" s="70"/>
      <c r="H100" s="70"/>
      <c r="I100" s="70"/>
      <c r="J100" s="70"/>
      <c r="K100" s="70"/>
      <c r="L100" s="70"/>
      <c r="M100" s="70"/>
      <c r="N100" s="70"/>
      <c r="O100" s="70"/>
      <c r="P100" s="70"/>
      <c r="Q100" s="70"/>
      <c r="R100" s="70"/>
      <c r="S100" s="70"/>
      <c r="T100" s="70"/>
      <c r="U100" s="70"/>
      <c r="V100" s="70"/>
      <c r="W100" s="70"/>
      <c r="X100" s="70"/>
      <c r="Y100" s="70"/>
      <c r="Z100" s="70"/>
      <c r="AA100" s="70"/>
      <c r="AB100" s="70"/>
      <c r="AC100" s="70"/>
      <c r="AD100" s="70"/>
      <c r="AE100" s="70"/>
      <c r="AF100" s="70"/>
    </row>
    <row r="101" spans="3:32" x14ac:dyDescent="0.2">
      <c r="C101" s="70"/>
      <c r="D101" s="70"/>
      <c r="E101" s="70"/>
      <c r="F101" s="70"/>
      <c r="G101" s="70"/>
      <c r="H101" s="70"/>
      <c r="I101" s="70"/>
      <c r="J101" s="70"/>
      <c r="K101" s="70"/>
      <c r="L101" s="70"/>
      <c r="M101" s="70"/>
      <c r="N101" s="70"/>
      <c r="O101" s="70"/>
      <c r="P101" s="70"/>
      <c r="Q101" s="70"/>
      <c r="R101" s="70"/>
      <c r="S101" s="70"/>
      <c r="T101" s="70"/>
      <c r="U101" s="70"/>
      <c r="V101" s="70"/>
      <c r="W101" s="70"/>
      <c r="X101" s="70"/>
      <c r="Y101" s="70"/>
      <c r="Z101" s="70"/>
      <c r="AA101" s="70"/>
      <c r="AB101" s="70"/>
      <c r="AC101" s="70"/>
      <c r="AD101" s="70"/>
      <c r="AE101" s="70"/>
      <c r="AF101" s="70"/>
    </row>
    <row r="102" spans="3:32" x14ac:dyDescent="0.2">
      <c r="C102" s="70"/>
      <c r="D102" s="70"/>
      <c r="E102" s="70"/>
      <c r="F102" s="70"/>
      <c r="G102" s="70"/>
      <c r="H102" s="70"/>
      <c r="I102" s="70"/>
      <c r="J102" s="70"/>
      <c r="K102" s="70"/>
      <c r="L102" s="70"/>
      <c r="M102" s="70"/>
      <c r="N102" s="70"/>
      <c r="O102" s="70"/>
      <c r="P102" s="70"/>
      <c r="Q102" s="70"/>
      <c r="R102" s="70"/>
      <c r="S102" s="70"/>
      <c r="T102" s="70"/>
      <c r="U102" s="70"/>
      <c r="V102" s="70"/>
      <c r="W102" s="70"/>
      <c r="X102" s="70"/>
      <c r="Y102" s="70"/>
      <c r="Z102" s="70"/>
      <c r="AA102" s="70"/>
      <c r="AB102" s="70"/>
      <c r="AC102" s="70"/>
      <c r="AD102" s="70"/>
      <c r="AE102" s="70"/>
      <c r="AF102" s="70"/>
    </row>
    <row r="103" spans="3:32" x14ac:dyDescent="0.2">
      <c r="C103" s="70"/>
      <c r="D103" s="70"/>
      <c r="E103" s="70"/>
      <c r="F103" s="70"/>
      <c r="G103" s="70"/>
      <c r="H103" s="70"/>
      <c r="I103" s="70"/>
      <c r="J103" s="70"/>
      <c r="K103" s="70"/>
      <c r="L103" s="70"/>
      <c r="M103" s="70"/>
      <c r="N103" s="70"/>
      <c r="O103" s="70"/>
      <c r="P103" s="70"/>
      <c r="Q103" s="70"/>
      <c r="R103" s="70"/>
      <c r="S103" s="70"/>
      <c r="T103" s="70"/>
      <c r="U103" s="70"/>
      <c r="V103" s="70"/>
      <c r="W103" s="70"/>
      <c r="X103" s="70"/>
      <c r="Y103" s="70"/>
      <c r="Z103" s="70"/>
      <c r="AA103" s="70"/>
      <c r="AB103" s="70"/>
      <c r="AC103" s="70"/>
      <c r="AD103" s="70"/>
      <c r="AE103" s="70"/>
      <c r="AF103" s="70"/>
    </row>
    <row r="104" spans="3:32" x14ac:dyDescent="0.2">
      <c r="C104" s="70"/>
      <c r="D104" s="70"/>
      <c r="E104" s="70"/>
      <c r="F104" s="70"/>
      <c r="G104" s="70"/>
      <c r="H104" s="70"/>
      <c r="I104" s="70"/>
      <c r="J104" s="70"/>
      <c r="K104" s="70"/>
      <c r="L104" s="70"/>
      <c r="M104" s="70"/>
      <c r="N104" s="70"/>
      <c r="O104" s="70"/>
      <c r="P104" s="70"/>
      <c r="Q104" s="70"/>
      <c r="R104" s="70"/>
      <c r="S104" s="70"/>
      <c r="T104" s="70"/>
      <c r="U104" s="70"/>
      <c r="V104" s="70"/>
      <c r="W104" s="70"/>
      <c r="X104" s="70"/>
      <c r="Y104" s="70"/>
      <c r="Z104" s="70"/>
      <c r="AA104" s="70"/>
      <c r="AB104" s="70"/>
      <c r="AC104" s="70"/>
      <c r="AD104" s="70"/>
      <c r="AE104" s="70"/>
      <c r="AF104" s="70"/>
    </row>
    <row r="105" spans="3:32" x14ac:dyDescent="0.2">
      <c r="C105" s="70"/>
      <c r="D105" s="70"/>
      <c r="E105" s="70"/>
      <c r="F105" s="70"/>
      <c r="G105" s="70"/>
      <c r="H105" s="70"/>
      <c r="I105" s="70"/>
      <c r="J105" s="70"/>
      <c r="K105" s="70"/>
      <c r="L105" s="70"/>
      <c r="M105" s="70"/>
      <c r="N105" s="70"/>
      <c r="O105" s="70"/>
      <c r="P105" s="70"/>
      <c r="Q105" s="70"/>
      <c r="R105" s="70"/>
      <c r="S105" s="70"/>
      <c r="T105" s="70"/>
      <c r="U105" s="70"/>
      <c r="V105" s="70"/>
      <c r="W105" s="70"/>
      <c r="X105" s="70"/>
      <c r="Y105" s="70"/>
      <c r="Z105" s="70"/>
      <c r="AA105" s="70"/>
      <c r="AB105" s="70"/>
      <c r="AC105" s="70"/>
      <c r="AD105" s="70"/>
      <c r="AE105" s="70"/>
      <c r="AF105" s="70"/>
    </row>
    <row r="106" spans="3:32" x14ac:dyDescent="0.2">
      <c r="C106" s="70"/>
      <c r="D106" s="70"/>
      <c r="E106" s="70"/>
      <c r="F106" s="70"/>
      <c r="G106" s="70"/>
      <c r="H106" s="70"/>
      <c r="I106" s="70"/>
      <c r="J106" s="70"/>
      <c r="K106" s="70"/>
      <c r="L106" s="70"/>
      <c r="M106" s="70"/>
      <c r="N106" s="70"/>
      <c r="O106" s="70"/>
      <c r="P106" s="70"/>
      <c r="Q106" s="70"/>
      <c r="R106" s="70"/>
      <c r="S106" s="70"/>
      <c r="T106" s="70"/>
      <c r="U106" s="70"/>
      <c r="V106" s="70"/>
      <c r="W106" s="70"/>
      <c r="X106" s="70"/>
      <c r="Y106" s="70"/>
      <c r="Z106" s="70"/>
      <c r="AA106" s="70"/>
      <c r="AB106" s="70"/>
      <c r="AC106" s="70"/>
      <c r="AD106" s="70"/>
      <c r="AE106" s="70"/>
      <c r="AF106" s="70"/>
    </row>
    <row r="107" spans="3:32" x14ac:dyDescent="0.2">
      <c r="C107" s="70"/>
      <c r="D107" s="70"/>
      <c r="E107" s="70"/>
      <c r="F107" s="70"/>
      <c r="G107" s="70"/>
      <c r="H107" s="70"/>
      <c r="I107" s="70"/>
      <c r="J107" s="70"/>
      <c r="K107" s="70"/>
      <c r="L107" s="70"/>
      <c r="M107" s="70"/>
      <c r="N107" s="70"/>
      <c r="O107" s="70"/>
      <c r="P107" s="70"/>
      <c r="Q107" s="70"/>
      <c r="R107" s="70"/>
      <c r="S107" s="70"/>
      <c r="T107" s="70"/>
      <c r="U107" s="70"/>
      <c r="V107" s="70"/>
      <c r="W107" s="70"/>
      <c r="X107" s="70"/>
      <c r="Y107" s="70"/>
      <c r="Z107" s="70"/>
      <c r="AA107" s="70"/>
      <c r="AB107" s="70"/>
      <c r="AC107" s="70"/>
      <c r="AD107" s="70"/>
      <c r="AE107" s="70"/>
      <c r="AF107" s="70"/>
    </row>
    <row r="108" spans="3:32" x14ac:dyDescent="0.2">
      <c r="C108" s="70"/>
      <c r="D108" s="70"/>
      <c r="E108" s="70"/>
      <c r="F108" s="70"/>
      <c r="G108" s="70"/>
      <c r="H108" s="70"/>
      <c r="I108" s="70"/>
      <c r="J108" s="70"/>
      <c r="K108" s="70"/>
      <c r="L108" s="70"/>
      <c r="M108" s="70"/>
      <c r="N108" s="70"/>
      <c r="O108" s="70"/>
      <c r="P108" s="70"/>
      <c r="Q108" s="70"/>
      <c r="R108" s="70"/>
      <c r="S108" s="70"/>
      <c r="T108" s="70"/>
      <c r="U108" s="70"/>
      <c r="V108" s="70"/>
      <c r="W108" s="70"/>
      <c r="X108" s="70"/>
      <c r="Y108" s="70"/>
      <c r="Z108" s="70"/>
      <c r="AA108" s="70"/>
      <c r="AB108" s="70"/>
      <c r="AC108" s="70"/>
      <c r="AD108" s="70"/>
      <c r="AE108" s="70"/>
      <c r="AF108" s="70"/>
    </row>
    <row r="109" spans="3:32" x14ac:dyDescent="0.2">
      <c r="C109" s="70"/>
      <c r="D109" s="70"/>
      <c r="E109" s="70"/>
      <c r="F109" s="70"/>
      <c r="G109" s="70"/>
      <c r="H109" s="70"/>
      <c r="I109" s="70"/>
      <c r="J109" s="70"/>
      <c r="K109" s="70"/>
      <c r="L109" s="70"/>
      <c r="M109" s="70"/>
      <c r="N109" s="70"/>
      <c r="O109" s="70"/>
      <c r="P109" s="70"/>
      <c r="Q109" s="70"/>
      <c r="R109" s="70"/>
      <c r="S109" s="70"/>
      <c r="T109" s="70"/>
      <c r="U109" s="70"/>
      <c r="V109" s="70"/>
      <c r="W109" s="70"/>
      <c r="X109" s="70"/>
      <c r="Y109" s="70"/>
      <c r="Z109" s="70"/>
      <c r="AA109" s="70"/>
      <c r="AB109" s="70"/>
      <c r="AC109" s="70"/>
      <c r="AD109" s="70"/>
      <c r="AE109" s="70"/>
      <c r="AF109" s="70"/>
    </row>
    <row r="110" spans="3:32" x14ac:dyDescent="0.2">
      <c r="C110" s="70"/>
      <c r="D110" s="70"/>
      <c r="E110" s="70"/>
      <c r="F110" s="70"/>
      <c r="G110" s="70"/>
      <c r="H110" s="70"/>
      <c r="I110" s="70"/>
      <c r="J110" s="70"/>
      <c r="K110" s="70"/>
      <c r="L110" s="70"/>
      <c r="M110" s="70"/>
      <c r="N110" s="70"/>
      <c r="O110" s="70"/>
      <c r="P110" s="70"/>
      <c r="Q110" s="70"/>
      <c r="R110" s="70"/>
      <c r="S110" s="70"/>
      <c r="T110" s="70"/>
      <c r="U110" s="70"/>
      <c r="V110" s="70"/>
      <c r="W110" s="70"/>
      <c r="X110" s="70"/>
      <c r="Y110" s="70"/>
      <c r="Z110" s="70"/>
      <c r="AA110" s="70"/>
      <c r="AB110" s="70"/>
      <c r="AC110" s="70"/>
      <c r="AD110" s="70"/>
      <c r="AE110" s="70"/>
      <c r="AF110" s="70"/>
    </row>
    <row r="111" spans="3:32" x14ac:dyDescent="0.2">
      <c r="C111" s="70"/>
      <c r="D111" s="70"/>
      <c r="E111" s="70"/>
      <c r="F111" s="70"/>
      <c r="G111" s="70"/>
      <c r="H111" s="70"/>
      <c r="I111" s="70"/>
      <c r="J111" s="70"/>
      <c r="K111" s="70"/>
      <c r="L111" s="70"/>
      <c r="M111" s="70"/>
      <c r="N111" s="70"/>
      <c r="O111" s="70"/>
      <c r="P111" s="70"/>
      <c r="Q111" s="70"/>
      <c r="R111" s="70"/>
      <c r="S111" s="70"/>
      <c r="T111" s="70"/>
      <c r="U111" s="70"/>
      <c r="V111" s="70"/>
      <c r="W111" s="70"/>
      <c r="X111" s="70"/>
      <c r="Y111" s="70"/>
      <c r="Z111" s="70"/>
      <c r="AA111" s="70"/>
      <c r="AB111" s="70"/>
      <c r="AC111" s="70"/>
      <c r="AD111" s="70"/>
      <c r="AE111" s="70"/>
      <c r="AF111" s="70"/>
    </row>
    <row r="112" spans="3:32" x14ac:dyDescent="0.2">
      <c r="C112" s="70"/>
      <c r="D112" s="70"/>
      <c r="E112" s="70"/>
      <c r="F112" s="70"/>
      <c r="G112" s="70"/>
      <c r="H112" s="70"/>
      <c r="I112" s="70"/>
      <c r="J112" s="70"/>
      <c r="K112" s="70"/>
      <c r="L112" s="70"/>
      <c r="M112" s="70"/>
      <c r="N112" s="70"/>
      <c r="O112" s="70"/>
      <c r="P112" s="70"/>
      <c r="Q112" s="70"/>
      <c r="R112" s="70"/>
      <c r="S112" s="70"/>
      <c r="T112" s="70"/>
      <c r="U112" s="70"/>
      <c r="V112" s="70"/>
      <c r="W112" s="70"/>
      <c r="X112" s="70"/>
      <c r="Y112" s="70"/>
      <c r="Z112" s="70"/>
      <c r="AA112" s="70"/>
      <c r="AB112" s="70"/>
      <c r="AC112" s="70"/>
      <c r="AD112" s="70"/>
      <c r="AE112" s="70"/>
      <c r="AF112" s="70"/>
    </row>
    <row r="113" spans="3:32" x14ac:dyDescent="0.2">
      <c r="C113" s="70"/>
      <c r="D113" s="70"/>
      <c r="E113" s="70"/>
      <c r="F113" s="70"/>
      <c r="G113" s="70"/>
      <c r="H113" s="70"/>
      <c r="I113" s="70"/>
      <c r="J113" s="70"/>
      <c r="K113" s="70"/>
      <c r="L113" s="70"/>
      <c r="M113" s="70"/>
      <c r="N113" s="70"/>
      <c r="O113" s="70"/>
      <c r="P113" s="70"/>
      <c r="Q113" s="70"/>
      <c r="R113" s="70"/>
      <c r="S113" s="70"/>
      <c r="T113" s="70"/>
      <c r="U113" s="70"/>
      <c r="V113" s="70"/>
      <c r="W113" s="70"/>
      <c r="X113" s="70"/>
      <c r="Y113" s="70"/>
      <c r="Z113" s="70"/>
      <c r="AA113" s="70"/>
      <c r="AB113" s="70"/>
      <c r="AC113" s="70"/>
      <c r="AD113" s="70"/>
      <c r="AE113" s="70"/>
      <c r="AF113" s="70"/>
    </row>
    <row r="114" spans="3:32" x14ac:dyDescent="0.2">
      <c r="C114" s="70"/>
      <c r="D114" s="70"/>
      <c r="E114" s="70"/>
      <c r="F114" s="70"/>
      <c r="G114" s="70"/>
      <c r="H114" s="70"/>
      <c r="I114" s="70"/>
      <c r="J114" s="70"/>
      <c r="K114" s="70"/>
      <c r="L114" s="70"/>
      <c r="M114" s="70"/>
      <c r="N114" s="70"/>
      <c r="O114" s="70"/>
      <c r="P114" s="70"/>
      <c r="Q114" s="70"/>
      <c r="R114" s="70"/>
      <c r="S114" s="70"/>
      <c r="T114" s="70"/>
      <c r="U114" s="70"/>
      <c r="V114" s="70"/>
      <c r="W114" s="70"/>
      <c r="X114" s="70"/>
      <c r="Y114" s="70"/>
      <c r="Z114" s="70"/>
      <c r="AA114" s="70"/>
      <c r="AB114" s="70"/>
      <c r="AC114" s="70"/>
      <c r="AD114" s="70"/>
      <c r="AE114" s="70"/>
      <c r="AF114" s="70"/>
    </row>
    <row r="115" spans="3:32" x14ac:dyDescent="0.2">
      <c r="C115" s="70"/>
      <c r="D115" s="70"/>
      <c r="E115" s="70"/>
      <c r="F115" s="70"/>
      <c r="G115" s="70"/>
      <c r="H115" s="70"/>
      <c r="I115" s="70"/>
      <c r="J115" s="70"/>
      <c r="K115" s="70"/>
      <c r="L115" s="70"/>
      <c r="M115" s="70"/>
      <c r="N115" s="70"/>
      <c r="O115" s="70"/>
      <c r="P115" s="70"/>
      <c r="Q115" s="70"/>
      <c r="R115" s="70"/>
      <c r="S115" s="70"/>
      <c r="T115" s="70"/>
      <c r="U115" s="70"/>
      <c r="V115" s="70"/>
      <c r="W115" s="70"/>
      <c r="X115" s="70"/>
      <c r="Y115" s="70"/>
      <c r="Z115" s="70"/>
      <c r="AA115" s="70"/>
      <c r="AB115" s="70"/>
      <c r="AC115" s="70"/>
      <c r="AD115" s="70"/>
      <c r="AE115" s="70"/>
      <c r="AF115" s="70"/>
    </row>
    <row r="116" spans="3:32" x14ac:dyDescent="0.2">
      <c r="C116" s="70"/>
      <c r="D116" s="70"/>
      <c r="E116" s="70"/>
      <c r="F116" s="70"/>
      <c r="G116" s="70"/>
      <c r="H116" s="70"/>
      <c r="I116" s="70"/>
      <c r="J116" s="70"/>
      <c r="K116" s="70"/>
      <c r="L116" s="70"/>
      <c r="M116" s="70"/>
      <c r="N116" s="70"/>
      <c r="O116" s="70"/>
      <c r="P116" s="70"/>
      <c r="Q116" s="70"/>
      <c r="R116" s="70"/>
      <c r="S116" s="70"/>
      <c r="T116" s="70"/>
      <c r="U116" s="70"/>
      <c r="V116" s="70"/>
      <c r="W116" s="70"/>
      <c r="X116" s="70"/>
      <c r="Y116" s="70"/>
      <c r="Z116" s="70"/>
      <c r="AA116" s="70"/>
      <c r="AB116" s="70"/>
      <c r="AC116" s="70"/>
      <c r="AD116" s="70"/>
      <c r="AE116" s="70"/>
      <c r="AF116" s="70"/>
    </row>
    <row r="117" spans="3:32" x14ac:dyDescent="0.2">
      <c r="C117" s="70"/>
      <c r="D117" s="70"/>
      <c r="E117" s="70"/>
      <c r="F117" s="70"/>
      <c r="G117" s="70"/>
      <c r="H117" s="70"/>
      <c r="I117" s="70"/>
      <c r="J117" s="70"/>
      <c r="K117" s="70"/>
      <c r="L117" s="70"/>
      <c r="M117" s="70"/>
      <c r="N117" s="70"/>
      <c r="O117" s="70"/>
      <c r="P117" s="70"/>
      <c r="Q117" s="70"/>
      <c r="R117" s="70"/>
      <c r="S117" s="70"/>
      <c r="T117" s="70"/>
      <c r="U117" s="70"/>
      <c r="V117" s="70"/>
      <c r="W117" s="70"/>
      <c r="X117" s="70"/>
      <c r="Y117" s="70"/>
      <c r="Z117" s="70"/>
      <c r="AA117" s="70"/>
      <c r="AB117" s="70"/>
      <c r="AC117" s="70"/>
      <c r="AD117" s="70"/>
      <c r="AE117" s="70"/>
      <c r="AF117" s="70"/>
    </row>
    <row r="118" spans="3:32" x14ac:dyDescent="0.2">
      <c r="C118" s="70"/>
      <c r="D118" s="70"/>
      <c r="E118" s="70"/>
      <c r="F118" s="70"/>
      <c r="G118" s="70"/>
      <c r="H118" s="70"/>
      <c r="I118" s="70"/>
      <c r="J118" s="70"/>
      <c r="K118" s="70"/>
      <c r="L118" s="70"/>
      <c r="M118" s="70"/>
      <c r="N118" s="70"/>
      <c r="O118" s="70"/>
      <c r="P118" s="70"/>
      <c r="Q118" s="70"/>
      <c r="R118" s="70"/>
      <c r="S118" s="70"/>
      <c r="T118" s="70"/>
      <c r="U118" s="70"/>
      <c r="V118" s="70"/>
      <c r="W118" s="70"/>
      <c r="X118" s="70"/>
      <c r="Y118" s="70"/>
      <c r="Z118" s="70"/>
      <c r="AA118" s="70"/>
      <c r="AB118" s="70"/>
      <c r="AC118" s="70"/>
      <c r="AD118" s="70"/>
      <c r="AE118" s="70"/>
      <c r="AF118" s="70"/>
    </row>
    <row r="119" spans="3:32" x14ac:dyDescent="0.2">
      <c r="C119" s="70"/>
      <c r="D119" s="70"/>
      <c r="E119" s="70"/>
      <c r="F119" s="70"/>
      <c r="G119" s="70"/>
      <c r="H119" s="70"/>
      <c r="I119" s="70"/>
      <c r="J119" s="70"/>
      <c r="K119" s="70"/>
      <c r="L119" s="70"/>
      <c r="M119" s="70"/>
      <c r="N119" s="70"/>
      <c r="O119" s="70"/>
      <c r="P119" s="70"/>
      <c r="Q119" s="70"/>
      <c r="R119" s="70"/>
      <c r="S119" s="70"/>
      <c r="T119" s="70"/>
      <c r="U119" s="70"/>
      <c r="V119" s="70"/>
      <c r="W119" s="70"/>
      <c r="X119" s="70"/>
      <c r="Y119" s="70"/>
      <c r="Z119" s="70"/>
      <c r="AA119" s="70"/>
      <c r="AB119" s="70"/>
      <c r="AC119" s="70"/>
      <c r="AD119" s="70"/>
      <c r="AE119" s="70"/>
      <c r="AF119" s="70"/>
    </row>
    <row r="120" spans="3:32" x14ac:dyDescent="0.2">
      <c r="C120" s="70"/>
      <c r="D120" s="70"/>
      <c r="E120" s="70"/>
      <c r="F120" s="70"/>
      <c r="G120" s="70"/>
      <c r="H120" s="70"/>
      <c r="I120" s="70"/>
      <c r="J120" s="70"/>
      <c r="K120" s="70"/>
      <c r="L120" s="70"/>
      <c r="M120" s="70"/>
      <c r="N120" s="70"/>
      <c r="O120" s="70"/>
      <c r="P120" s="70"/>
      <c r="Q120" s="70"/>
      <c r="R120" s="70"/>
      <c r="S120" s="70"/>
      <c r="T120" s="70"/>
      <c r="U120" s="70"/>
      <c r="V120" s="70"/>
      <c r="W120" s="70"/>
      <c r="X120" s="70"/>
      <c r="Y120" s="70"/>
      <c r="Z120" s="70"/>
      <c r="AA120" s="70"/>
      <c r="AB120" s="70"/>
      <c r="AC120" s="70"/>
      <c r="AD120" s="70"/>
      <c r="AE120" s="70"/>
      <c r="AF120" s="70"/>
    </row>
    <row r="121" spans="3:32" x14ac:dyDescent="0.2">
      <c r="C121" s="70"/>
      <c r="D121" s="70"/>
      <c r="E121" s="70"/>
      <c r="F121" s="70"/>
      <c r="G121" s="70"/>
      <c r="H121" s="70"/>
      <c r="I121" s="70"/>
      <c r="J121" s="70"/>
      <c r="K121" s="70"/>
      <c r="L121" s="70"/>
      <c r="M121" s="70"/>
      <c r="N121" s="70"/>
      <c r="O121" s="70"/>
      <c r="P121" s="70"/>
      <c r="Q121" s="70"/>
      <c r="R121" s="70"/>
      <c r="S121" s="70"/>
      <c r="T121" s="70"/>
      <c r="U121" s="70"/>
      <c r="V121" s="70"/>
      <c r="W121" s="70"/>
      <c r="X121" s="70"/>
      <c r="Y121" s="70"/>
      <c r="Z121" s="70"/>
      <c r="AA121" s="70"/>
      <c r="AB121" s="70"/>
      <c r="AC121" s="70"/>
      <c r="AD121" s="70"/>
      <c r="AE121" s="70"/>
      <c r="AF121" s="70"/>
    </row>
    <row r="122" spans="3:32" x14ac:dyDescent="0.2">
      <c r="C122" s="70"/>
      <c r="D122" s="70"/>
      <c r="E122" s="70"/>
      <c r="F122" s="70"/>
      <c r="G122" s="70"/>
      <c r="H122" s="70"/>
      <c r="I122" s="70"/>
      <c r="J122" s="70"/>
      <c r="K122" s="70"/>
      <c r="L122" s="70"/>
      <c r="M122" s="70"/>
      <c r="N122" s="70"/>
      <c r="O122" s="70"/>
      <c r="P122" s="70"/>
      <c r="Q122" s="70"/>
      <c r="R122" s="70"/>
      <c r="S122" s="70"/>
      <c r="T122" s="70"/>
      <c r="U122" s="70"/>
      <c r="V122" s="70"/>
      <c r="W122" s="70"/>
      <c r="X122" s="70"/>
      <c r="Y122" s="70"/>
      <c r="Z122" s="70"/>
      <c r="AA122" s="70"/>
      <c r="AB122" s="70"/>
      <c r="AC122" s="70"/>
      <c r="AD122" s="70"/>
      <c r="AE122" s="70"/>
      <c r="AF122" s="70"/>
    </row>
    <row r="123" spans="3:32" x14ac:dyDescent="0.2">
      <c r="C123" s="70"/>
      <c r="D123" s="70"/>
      <c r="E123" s="70"/>
      <c r="F123" s="70"/>
      <c r="G123" s="70"/>
      <c r="H123" s="70"/>
      <c r="I123" s="70"/>
      <c r="J123" s="70"/>
      <c r="K123" s="70"/>
      <c r="L123" s="70"/>
      <c r="M123" s="70"/>
      <c r="N123" s="70"/>
      <c r="O123" s="70"/>
      <c r="P123" s="70"/>
      <c r="Q123" s="70"/>
      <c r="R123" s="70"/>
      <c r="S123" s="70"/>
      <c r="T123" s="70"/>
      <c r="U123" s="70"/>
      <c r="V123" s="70"/>
      <c r="W123" s="70"/>
      <c r="X123" s="70"/>
      <c r="Y123" s="70"/>
      <c r="Z123" s="70"/>
      <c r="AA123" s="70"/>
      <c r="AB123" s="70"/>
      <c r="AC123" s="70"/>
      <c r="AD123" s="70"/>
      <c r="AE123" s="70"/>
      <c r="AF123" s="70"/>
    </row>
    <row r="124" spans="3:32" x14ac:dyDescent="0.2">
      <c r="C124" s="70"/>
      <c r="D124" s="70"/>
      <c r="E124" s="70"/>
      <c r="F124" s="70"/>
      <c r="G124" s="70"/>
      <c r="H124" s="70"/>
      <c r="I124" s="70"/>
      <c r="J124" s="70"/>
      <c r="K124" s="70"/>
      <c r="L124" s="70"/>
      <c r="M124" s="70"/>
      <c r="N124" s="70"/>
      <c r="O124" s="70"/>
      <c r="P124" s="70"/>
      <c r="Q124" s="70"/>
      <c r="R124" s="70"/>
      <c r="S124" s="70"/>
      <c r="T124" s="70"/>
      <c r="U124" s="70"/>
      <c r="V124" s="70"/>
      <c r="W124" s="70"/>
      <c r="X124" s="70"/>
      <c r="Y124" s="70"/>
      <c r="Z124" s="70"/>
      <c r="AA124" s="70"/>
      <c r="AB124" s="70"/>
      <c r="AC124" s="70"/>
      <c r="AD124" s="70"/>
      <c r="AE124" s="70"/>
      <c r="AF124" s="70"/>
    </row>
    <row r="125" spans="3:32" x14ac:dyDescent="0.2">
      <c r="C125" s="70"/>
      <c r="D125" s="70"/>
      <c r="E125" s="70"/>
      <c r="F125" s="70"/>
      <c r="G125" s="70"/>
      <c r="H125" s="70"/>
      <c r="I125" s="70"/>
      <c r="J125" s="70"/>
      <c r="K125" s="70"/>
      <c r="L125" s="70"/>
      <c r="M125" s="70"/>
      <c r="N125" s="70"/>
      <c r="O125" s="70"/>
      <c r="P125" s="70"/>
      <c r="Q125" s="70"/>
      <c r="R125" s="70"/>
      <c r="S125" s="70"/>
      <c r="T125" s="70"/>
      <c r="U125" s="70"/>
      <c r="V125" s="70"/>
      <c r="W125" s="70"/>
      <c r="X125" s="70"/>
      <c r="Y125" s="70"/>
      <c r="Z125" s="70"/>
      <c r="AA125" s="70"/>
      <c r="AB125" s="70"/>
      <c r="AC125" s="70"/>
      <c r="AD125" s="70"/>
      <c r="AE125" s="70"/>
      <c r="AF125" s="70"/>
    </row>
    <row r="126" spans="3:32" x14ac:dyDescent="0.2">
      <c r="C126" s="70"/>
      <c r="D126" s="70"/>
      <c r="E126" s="70"/>
      <c r="F126" s="70"/>
      <c r="G126" s="70"/>
      <c r="H126" s="70"/>
      <c r="I126" s="70"/>
      <c r="J126" s="70"/>
      <c r="K126" s="70"/>
      <c r="L126" s="70"/>
      <c r="M126" s="70"/>
      <c r="N126" s="70"/>
      <c r="O126" s="70"/>
      <c r="P126" s="70"/>
      <c r="Q126" s="70"/>
      <c r="R126" s="70"/>
      <c r="S126" s="70"/>
      <c r="T126" s="70"/>
      <c r="U126" s="70"/>
      <c r="V126" s="70"/>
      <c r="W126" s="70"/>
      <c r="X126" s="70"/>
      <c r="Y126" s="70"/>
      <c r="Z126" s="70"/>
      <c r="AA126" s="70"/>
      <c r="AB126" s="70"/>
      <c r="AC126" s="70"/>
      <c r="AD126" s="70"/>
      <c r="AE126" s="70"/>
      <c r="AF126" s="70"/>
    </row>
    <row r="127" spans="3:32" x14ac:dyDescent="0.2">
      <c r="C127" s="70"/>
      <c r="D127" s="70"/>
      <c r="E127" s="70"/>
      <c r="F127" s="70"/>
      <c r="G127" s="70"/>
      <c r="H127" s="70"/>
      <c r="I127" s="70"/>
      <c r="J127" s="70"/>
      <c r="K127" s="70"/>
      <c r="L127" s="70"/>
      <c r="M127" s="70"/>
      <c r="N127" s="70"/>
      <c r="O127" s="70"/>
      <c r="P127" s="70"/>
      <c r="Q127" s="70"/>
      <c r="R127" s="70"/>
      <c r="S127" s="70"/>
      <c r="T127" s="70"/>
      <c r="U127" s="70"/>
      <c r="V127" s="70"/>
      <c r="W127" s="70"/>
      <c r="X127" s="70"/>
      <c r="Y127" s="70"/>
      <c r="Z127" s="70"/>
      <c r="AA127" s="70"/>
      <c r="AB127" s="70"/>
      <c r="AC127" s="70"/>
      <c r="AD127" s="70"/>
      <c r="AE127" s="70"/>
      <c r="AF127" s="70"/>
    </row>
    <row r="128" spans="3:32" x14ac:dyDescent="0.2">
      <c r="C128" s="70"/>
      <c r="D128" s="70"/>
      <c r="E128" s="70"/>
      <c r="F128" s="70"/>
      <c r="G128" s="70"/>
      <c r="H128" s="70"/>
      <c r="I128" s="70"/>
      <c r="J128" s="70"/>
      <c r="K128" s="70"/>
      <c r="L128" s="70"/>
      <c r="M128" s="70"/>
      <c r="N128" s="70"/>
      <c r="O128" s="70"/>
      <c r="P128" s="70"/>
      <c r="Q128" s="70"/>
      <c r="R128" s="70"/>
      <c r="S128" s="70"/>
      <c r="T128" s="70"/>
      <c r="U128" s="70"/>
      <c r="V128" s="70"/>
      <c r="W128" s="70"/>
      <c r="X128" s="70"/>
      <c r="Y128" s="70"/>
      <c r="Z128" s="70"/>
      <c r="AA128" s="70"/>
      <c r="AB128" s="70"/>
      <c r="AC128" s="70"/>
      <c r="AD128" s="70"/>
      <c r="AE128" s="70"/>
      <c r="AF128" s="70"/>
    </row>
    <row r="129" spans="3:32" x14ac:dyDescent="0.2">
      <c r="C129" s="70"/>
      <c r="D129" s="70"/>
      <c r="E129" s="70"/>
      <c r="F129" s="70"/>
      <c r="G129" s="70"/>
      <c r="H129" s="70"/>
      <c r="I129" s="70"/>
      <c r="J129" s="70"/>
      <c r="K129" s="70"/>
      <c r="L129" s="70"/>
      <c r="M129" s="70"/>
      <c r="N129" s="70"/>
      <c r="O129" s="70"/>
      <c r="P129" s="70"/>
      <c r="Q129" s="70"/>
      <c r="R129" s="70"/>
      <c r="S129" s="70"/>
      <c r="T129" s="70"/>
      <c r="U129" s="70"/>
      <c r="V129" s="70"/>
      <c r="W129" s="70"/>
      <c r="X129" s="70"/>
      <c r="Y129" s="70"/>
      <c r="Z129" s="70"/>
      <c r="AA129" s="70"/>
      <c r="AB129" s="70"/>
      <c r="AC129" s="70"/>
      <c r="AD129" s="70"/>
      <c r="AE129" s="70"/>
      <c r="AF129" s="70"/>
    </row>
    <row r="130" spans="3:32" x14ac:dyDescent="0.2">
      <c r="C130" s="70"/>
      <c r="D130" s="70"/>
      <c r="E130" s="70"/>
      <c r="F130" s="70"/>
      <c r="G130" s="70"/>
      <c r="H130" s="70"/>
      <c r="I130" s="70"/>
      <c r="J130" s="70"/>
      <c r="K130" s="70"/>
      <c r="L130" s="70"/>
      <c r="M130" s="70"/>
      <c r="N130" s="70"/>
      <c r="O130" s="70"/>
      <c r="P130" s="70"/>
      <c r="Q130" s="70"/>
      <c r="R130" s="70"/>
      <c r="S130" s="70"/>
      <c r="T130" s="70"/>
      <c r="U130" s="70"/>
      <c r="V130" s="70"/>
      <c r="W130" s="70"/>
      <c r="X130" s="70"/>
      <c r="Y130" s="70"/>
      <c r="Z130" s="70"/>
      <c r="AA130" s="70"/>
      <c r="AB130" s="70"/>
      <c r="AC130" s="70"/>
      <c r="AD130" s="70"/>
      <c r="AE130" s="70"/>
      <c r="AF130" s="70"/>
    </row>
    <row r="131" spans="3:32" x14ac:dyDescent="0.2">
      <c r="C131" s="70"/>
      <c r="D131" s="70"/>
      <c r="E131" s="70"/>
      <c r="F131" s="70"/>
      <c r="G131" s="70"/>
      <c r="H131" s="70"/>
      <c r="I131" s="70"/>
      <c r="J131" s="70"/>
      <c r="K131" s="70"/>
      <c r="L131" s="70"/>
      <c r="M131" s="70"/>
      <c r="N131" s="70"/>
      <c r="O131" s="70"/>
      <c r="P131" s="70"/>
      <c r="Q131" s="70"/>
      <c r="R131" s="70"/>
      <c r="S131" s="70"/>
      <c r="T131" s="70"/>
      <c r="U131" s="70"/>
      <c r="V131" s="70"/>
      <c r="W131" s="70"/>
      <c r="X131" s="70"/>
      <c r="Y131" s="70"/>
      <c r="Z131" s="70"/>
      <c r="AA131" s="70"/>
      <c r="AB131" s="70"/>
      <c r="AC131" s="70"/>
      <c r="AD131" s="70"/>
      <c r="AE131" s="70"/>
      <c r="AF131" s="70"/>
    </row>
    <row r="132" spans="3:32" x14ac:dyDescent="0.2">
      <c r="C132" s="70"/>
      <c r="D132" s="70"/>
      <c r="E132" s="70"/>
      <c r="F132" s="70"/>
      <c r="G132" s="70"/>
      <c r="H132" s="70"/>
      <c r="I132" s="70"/>
      <c r="J132" s="70"/>
      <c r="K132" s="70"/>
      <c r="L132" s="70"/>
      <c r="M132" s="70"/>
      <c r="N132" s="70"/>
      <c r="O132" s="70"/>
      <c r="P132" s="70"/>
      <c r="Q132" s="70"/>
      <c r="R132" s="70"/>
      <c r="S132" s="70"/>
      <c r="T132" s="70"/>
      <c r="U132" s="70"/>
      <c r="V132" s="70"/>
      <c r="W132" s="70"/>
      <c r="X132" s="70"/>
      <c r="Y132" s="70"/>
      <c r="Z132" s="70"/>
      <c r="AA132" s="70"/>
      <c r="AB132" s="70"/>
      <c r="AC132" s="70"/>
      <c r="AD132" s="70"/>
      <c r="AE132" s="70"/>
      <c r="AF132" s="70"/>
    </row>
    <row r="133" spans="3:32" x14ac:dyDescent="0.2">
      <c r="C133" s="70"/>
      <c r="D133" s="70"/>
      <c r="E133" s="70"/>
      <c r="F133" s="70"/>
      <c r="G133" s="70"/>
      <c r="H133" s="70"/>
      <c r="I133" s="70"/>
      <c r="J133" s="70"/>
      <c r="K133" s="70"/>
      <c r="L133" s="70"/>
      <c r="M133" s="70"/>
      <c r="N133" s="70"/>
      <c r="O133" s="70"/>
      <c r="P133" s="70"/>
      <c r="Q133" s="70"/>
      <c r="R133" s="70"/>
      <c r="S133" s="70"/>
      <c r="T133" s="70"/>
      <c r="U133" s="70"/>
      <c r="V133" s="70"/>
      <c r="W133" s="70"/>
      <c r="X133" s="70"/>
      <c r="Y133" s="70"/>
      <c r="Z133" s="70"/>
      <c r="AA133" s="70"/>
      <c r="AB133" s="70"/>
      <c r="AC133" s="70"/>
      <c r="AD133" s="70"/>
      <c r="AE133" s="70"/>
      <c r="AF133" s="70"/>
    </row>
    <row r="134" spans="3:32" x14ac:dyDescent="0.2">
      <c r="C134" s="70"/>
      <c r="D134" s="70"/>
      <c r="E134" s="70"/>
      <c r="F134" s="70"/>
      <c r="G134" s="70"/>
      <c r="H134" s="70"/>
      <c r="I134" s="70"/>
      <c r="J134" s="70"/>
      <c r="K134" s="70"/>
      <c r="L134" s="70"/>
      <c r="M134" s="70"/>
      <c r="N134" s="70"/>
      <c r="O134" s="70"/>
      <c r="P134" s="70"/>
      <c r="Q134" s="70"/>
      <c r="R134" s="70"/>
      <c r="S134" s="70"/>
      <c r="T134" s="70"/>
      <c r="U134" s="70"/>
      <c r="V134" s="70"/>
      <c r="W134" s="70"/>
      <c r="X134" s="70"/>
      <c r="Y134" s="70"/>
      <c r="Z134" s="70"/>
      <c r="AA134" s="70"/>
      <c r="AB134" s="70"/>
      <c r="AC134" s="70"/>
      <c r="AD134" s="70"/>
      <c r="AE134" s="70"/>
      <c r="AF134" s="70"/>
    </row>
    <row r="135" spans="3:32" x14ac:dyDescent="0.2">
      <c r="C135" s="70"/>
      <c r="D135" s="70"/>
      <c r="E135" s="70"/>
      <c r="F135" s="70"/>
      <c r="G135" s="70"/>
      <c r="H135" s="70"/>
      <c r="I135" s="70"/>
      <c r="J135" s="70"/>
      <c r="K135" s="70"/>
      <c r="L135" s="70"/>
      <c r="M135" s="70"/>
      <c r="N135" s="70"/>
      <c r="O135" s="70"/>
      <c r="P135" s="70"/>
      <c r="Q135" s="70"/>
      <c r="R135" s="70"/>
      <c r="S135" s="70"/>
      <c r="T135" s="70"/>
      <c r="U135" s="70"/>
      <c r="V135" s="70"/>
      <c r="W135" s="70"/>
      <c r="X135" s="70"/>
      <c r="Y135" s="70"/>
      <c r="Z135" s="70"/>
      <c r="AA135" s="70"/>
      <c r="AB135" s="70"/>
      <c r="AC135" s="70"/>
      <c r="AD135" s="70"/>
      <c r="AE135" s="70"/>
      <c r="AF135" s="70"/>
    </row>
    <row r="136" spans="3:32" x14ac:dyDescent="0.2">
      <c r="C136" s="70"/>
      <c r="D136" s="70"/>
      <c r="E136" s="70"/>
      <c r="F136" s="70"/>
      <c r="G136" s="70"/>
      <c r="H136" s="70"/>
      <c r="I136" s="70"/>
      <c r="J136" s="70"/>
      <c r="K136" s="70"/>
      <c r="L136" s="70"/>
      <c r="M136" s="70"/>
      <c r="N136" s="70"/>
      <c r="O136" s="70"/>
      <c r="P136" s="70"/>
      <c r="Q136" s="70"/>
      <c r="R136" s="70"/>
      <c r="S136" s="70"/>
      <c r="T136" s="70"/>
      <c r="U136" s="70"/>
      <c r="V136" s="70"/>
      <c r="W136" s="70"/>
      <c r="X136" s="70"/>
      <c r="Y136" s="70"/>
      <c r="Z136" s="70"/>
      <c r="AA136" s="70"/>
      <c r="AB136" s="70"/>
      <c r="AC136" s="70"/>
      <c r="AD136" s="70"/>
      <c r="AE136" s="70"/>
      <c r="AF136" s="70"/>
    </row>
    <row r="137" spans="3:32" x14ac:dyDescent="0.2">
      <c r="C137" s="70"/>
      <c r="D137" s="70"/>
      <c r="E137" s="70"/>
      <c r="F137" s="70"/>
      <c r="G137" s="70"/>
      <c r="H137" s="70"/>
      <c r="I137" s="70"/>
      <c r="J137" s="70"/>
      <c r="K137" s="70"/>
      <c r="L137" s="70"/>
      <c r="M137" s="70"/>
      <c r="N137" s="70"/>
      <c r="O137" s="70"/>
      <c r="P137" s="70"/>
      <c r="Q137" s="70"/>
      <c r="R137" s="70"/>
      <c r="S137" s="70"/>
      <c r="T137" s="70"/>
      <c r="U137" s="70"/>
      <c r="V137" s="70"/>
      <c r="W137" s="70"/>
      <c r="X137" s="70"/>
      <c r="Y137" s="70"/>
      <c r="Z137" s="70"/>
      <c r="AA137" s="70"/>
      <c r="AB137" s="70"/>
      <c r="AC137" s="70"/>
      <c r="AD137" s="70"/>
      <c r="AE137" s="70"/>
      <c r="AF137" s="70"/>
    </row>
    <row r="138" spans="3:32" x14ac:dyDescent="0.2">
      <c r="C138" s="70"/>
      <c r="D138" s="70"/>
      <c r="E138" s="70"/>
      <c r="F138" s="70"/>
      <c r="G138" s="70"/>
      <c r="H138" s="70"/>
      <c r="I138" s="70"/>
      <c r="J138" s="70"/>
      <c r="K138" s="70"/>
      <c r="L138" s="70"/>
      <c r="M138" s="70"/>
      <c r="N138" s="70"/>
      <c r="O138" s="70"/>
      <c r="P138" s="70"/>
      <c r="Q138" s="70"/>
      <c r="R138" s="70"/>
      <c r="S138" s="70"/>
      <c r="T138" s="70"/>
      <c r="U138" s="70"/>
      <c r="V138" s="70"/>
      <c r="W138" s="70"/>
      <c r="X138" s="70"/>
      <c r="Y138" s="70"/>
      <c r="Z138" s="70"/>
      <c r="AA138" s="70"/>
      <c r="AB138" s="70"/>
      <c r="AC138" s="70"/>
      <c r="AD138" s="70"/>
      <c r="AE138" s="70"/>
      <c r="AF138" s="70"/>
    </row>
    <row r="139" spans="3:32" x14ac:dyDescent="0.2">
      <c r="C139" s="70"/>
      <c r="D139" s="70"/>
      <c r="E139" s="70"/>
      <c r="F139" s="70"/>
      <c r="G139" s="70"/>
      <c r="H139" s="70"/>
      <c r="I139" s="70"/>
      <c r="J139" s="70"/>
      <c r="K139" s="70"/>
      <c r="L139" s="70"/>
      <c r="M139" s="70"/>
      <c r="N139" s="70"/>
      <c r="O139" s="70"/>
      <c r="P139" s="70"/>
      <c r="Q139" s="70"/>
      <c r="R139" s="70"/>
      <c r="S139" s="70"/>
      <c r="T139" s="70"/>
      <c r="U139" s="70"/>
      <c r="V139" s="70"/>
      <c r="W139" s="70"/>
      <c r="X139" s="70"/>
      <c r="Y139" s="70"/>
      <c r="Z139" s="70"/>
      <c r="AA139" s="70"/>
      <c r="AB139" s="70"/>
      <c r="AC139" s="70"/>
      <c r="AD139" s="70"/>
      <c r="AE139" s="70"/>
      <c r="AF139" s="70"/>
    </row>
    <row r="140" spans="3:32" x14ac:dyDescent="0.2">
      <c r="C140" s="70"/>
      <c r="D140" s="70"/>
      <c r="E140" s="70"/>
      <c r="F140" s="70"/>
      <c r="G140" s="70"/>
      <c r="H140" s="70"/>
      <c r="I140" s="70"/>
      <c r="J140" s="70"/>
      <c r="K140" s="70"/>
      <c r="L140" s="70"/>
      <c r="M140" s="70"/>
      <c r="N140" s="70"/>
      <c r="O140" s="70"/>
      <c r="P140" s="70"/>
      <c r="Q140" s="70"/>
      <c r="R140" s="70"/>
      <c r="S140" s="70"/>
      <c r="T140" s="70"/>
      <c r="U140" s="70"/>
      <c r="V140" s="70"/>
      <c r="W140" s="70"/>
      <c r="X140" s="70"/>
      <c r="Y140" s="70"/>
      <c r="Z140" s="70"/>
      <c r="AA140" s="70"/>
      <c r="AB140" s="70"/>
      <c r="AC140" s="70"/>
      <c r="AD140" s="70"/>
      <c r="AE140" s="70"/>
      <c r="AF140" s="70"/>
    </row>
    <row r="141" spans="3:32" x14ac:dyDescent="0.2">
      <c r="C141" s="70"/>
      <c r="D141" s="70"/>
      <c r="E141" s="70"/>
      <c r="F141" s="70"/>
      <c r="G141" s="70"/>
      <c r="H141" s="70"/>
      <c r="I141" s="70"/>
      <c r="J141" s="70"/>
      <c r="K141" s="70"/>
      <c r="L141" s="70"/>
      <c r="M141" s="70"/>
      <c r="N141" s="70"/>
      <c r="O141" s="70"/>
      <c r="P141" s="70"/>
      <c r="Q141" s="70"/>
      <c r="R141" s="70"/>
      <c r="S141" s="70"/>
      <c r="T141" s="70"/>
      <c r="U141" s="70"/>
      <c r="V141" s="70"/>
      <c r="W141" s="70"/>
      <c r="X141" s="70"/>
      <c r="Y141" s="70"/>
      <c r="Z141" s="70"/>
      <c r="AA141" s="70"/>
      <c r="AB141" s="70"/>
      <c r="AC141" s="70"/>
      <c r="AD141" s="70"/>
      <c r="AE141" s="70"/>
      <c r="AF141" s="70"/>
    </row>
    <row r="142" spans="3:32" x14ac:dyDescent="0.2">
      <c r="C142" s="70"/>
      <c r="D142" s="70"/>
      <c r="E142" s="70"/>
      <c r="F142" s="70"/>
      <c r="G142" s="70"/>
      <c r="H142" s="70"/>
      <c r="I142" s="70"/>
      <c r="J142" s="70"/>
      <c r="K142" s="70"/>
      <c r="L142" s="70"/>
      <c r="M142" s="70"/>
      <c r="N142" s="70"/>
      <c r="O142" s="70"/>
      <c r="P142" s="70"/>
      <c r="Q142" s="70"/>
      <c r="R142" s="70"/>
      <c r="S142" s="70"/>
      <c r="T142" s="70"/>
      <c r="U142" s="70"/>
      <c r="V142" s="70"/>
      <c r="W142" s="70"/>
      <c r="X142" s="70"/>
      <c r="Y142" s="70"/>
      <c r="Z142" s="70"/>
      <c r="AA142" s="70"/>
      <c r="AB142" s="70"/>
      <c r="AC142" s="70"/>
      <c r="AD142" s="70"/>
      <c r="AE142" s="70"/>
      <c r="AF142" s="70"/>
    </row>
    <row r="143" spans="3:32" x14ac:dyDescent="0.2">
      <c r="C143" s="70"/>
      <c r="D143" s="70"/>
      <c r="E143" s="70"/>
      <c r="F143" s="70"/>
      <c r="G143" s="70"/>
      <c r="H143" s="70"/>
      <c r="I143" s="70"/>
      <c r="J143" s="70"/>
      <c r="K143" s="70"/>
      <c r="L143" s="70"/>
      <c r="M143" s="70"/>
      <c r="N143" s="70"/>
      <c r="O143" s="70"/>
      <c r="P143" s="70"/>
      <c r="Q143" s="70"/>
      <c r="R143" s="70"/>
      <c r="S143" s="70"/>
      <c r="T143" s="70"/>
      <c r="U143" s="70"/>
      <c r="V143" s="70"/>
      <c r="W143" s="70"/>
      <c r="X143" s="70"/>
      <c r="Y143" s="70"/>
      <c r="Z143" s="70"/>
      <c r="AA143" s="70"/>
      <c r="AB143" s="70"/>
      <c r="AC143" s="70"/>
      <c r="AD143" s="70"/>
      <c r="AE143" s="70"/>
      <c r="AF143" s="70"/>
    </row>
    <row r="144" spans="3:32" x14ac:dyDescent="0.2">
      <c r="C144" s="70"/>
      <c r="D144" s="70"/>
      <c r="E144" s="70"/>
      <c r="F144" s="70"/>
      <c r="G144" s="70"/>
      <c r="H144" s="70"/>
      <c r="I144" s="70"/>
      <c r="J144" s="70"/>
      <c r="K144" s="70"/>
      <c r="L144" s="70"/>
      <c r="M144" s="70"/>
      <c r="N144" s="70"/>
      <c r="O144" s="70"/>
      <c r="P144" s="70"/>
      <c r="Q144" s="70"/>
      <c r="R144" s="70"/>
      <c r="S144" s="70"/>
      <c r="T144" s="70"/>
      <c r="U144" s="70"/>
      <c r="V144" s="70"/>
      <c r="W144" s="70"/>
      <c r="X144" s="70"/>
      <c r="Y144" s="70"/>
      <c r="Z144" s="70"/>
      <c r="AA144" s="70"/>
      <c r="AB144" s="70"/>
      <c r="AC144" s="70"/>
      <c r="AD144" s="70"/>
      <c r="AE144" s="70"/>
      <c r="AF144" s="70"/>
    </row>
    <row r="145" spans="3:32" x14ac:dyDescent="0.2">
      <c r="C145" s="70"/>
      <c r="D145" s="70"/>
      <c r="E145" s="70"/>
      <c r="F145" s="70"/>
      <c r="G145" s="70"/>
      <c r="H145" s="70"/>
      <c r="I145" s="70"/>
      <c r="J145" s="70"/>
      <c r="K145" s="70"/>
      <c r="L145" s="70"/>
      <c r="M145" s="70"/>
      <c r="N145" s="70"/>
      <c r="O145" s="70"/>
      <c r="P145" s="70"/>
      <c r="Q145" s="70"/>
      <c r="R145" s="70"/>
      <c r="S145" s="70"/>
      <c r="T145" s="70"/>
      <c r="U145" s="70"/>
      <c r="V145" s="70"/>
      <c r="W145" s="70"/>
      <c r="X145" s="70"/>
      <c r="Y145" s="70"/>
      <c r="Z145" s="70"/>
      <c r="AA145" s="70"/>
      <c r="AB145" s="70"/>
      <c r="AC145" s="70"/>
      <c r="AD145" s="70"/>
      <c r="AE145" s="70"/>
      <c r="AF145" s="70"/>
    </row>
    <row r="146" spans="3:32" x14ac:dyDescent="0.2">
      <c r="C146" s="70"/>
      <c r="D146" s="70"/>
      <c r="E146" s="70"/>
      <c r="F146" s="70"/>
      <c r="G146" s="70"/>
      <c r="H146" s="70"/>
      <c r="I146" s="70"/>
      <c r="J146" s="70"/>
      <c r="K146" s="70"/>
      <c r="L146" s="70"/>
      <c r="M146" s="70"/>
      <c r="N146" s="70"/>
      <c r="O146" s="70"/>
      <c r="P146" s="70"/>
      <c r="Q146" s="70"/>
      <c r="R146" s="70"/>
      <c r="S146" s="70"/>
      <c r="T146" s="70"/>
      <c r="U146" s="70"/>
      <c r="V146" s="70"/>
      <c r="W146" s="70"/>
      <c r="X146" s="70"/>
      <c r="Y146" s="70"/>
      <c r="Z146" s="70"/>
      <c r="AA146" s="70"/>
      <c r="AB146" s="70"/>
      <c r="AC146" s="70"/>
      <c r="AD146" s="70"/>
      <c r="AE146" s="70"/>
      <c r="AF146" s="70"/>
    </row>
    <row r="147" spans="3:32" x14ac:dyDescent="0.2">
      <c r="C147" s="70"/>
      <c r="D147" s="70"/>
      <c r="E147" s="70"/>
      <c r="F147" s="70"/>
      <c r="G147" s="70"/>
      <c r="H147" s="70"/>
      <c r="I147" s="70"/>
      <c r="J147" s="70"/>
      <c r="K147" s="70"/>
      <c r="L147" s="70"/>
      <c r="M147" s="70"/>
      <c r="N147" s="70"/>
      <c r="O147" s="70"/>
      <c r="P147" s="70"/>
      <c r="Q147" s="70"/>
      <c r="R147" s="70"/>
      <c r="S147" s="70"/>
      <c r="T147" s="70"/>
      <c r="U147" s="70"/>
      <c r="V147" s="70"/>
      <c r="W147" s="70"/>
      <c r="X147" s="70"/>
      <c r="Y147" s="70"/>
      <c r="Z147" s="70"/>
      <c r="AA147" s="70"/>
      <c r="AB147" s="70"/>
      <c r="AC147" s="70"/>
      <c r="AD147" s="70"/>
      <c r="AE147" s="70"/>
      <c r="AF147" s="70"/>
    </row>
    <row r="148" spans="3:32" x14ac:dyDescent="0.2">
      <c r="C148" s="70"/>
      <c r="D148" s="70"/>
      <c r="E148" s="70"/>
      <c r="F148" s="70"/>
      <c r="G148" s="70"/>
      <c r="H148" s="70"/>
      <c r="I148" s="70"/>
      <c r="J148" s="70"/>
      <c r="K148" s="70"/>
      <c r="L148" s="70"/>
      <c r="M148" s="70"/>
      <c r="N148" s="70"/>
      <c r="O148" s="70"/>
      <c r="P148" s="70"/>
      <c r="Q148" s="70"/>
      <c r="R148" s="70"/>
      <c r="S148" s="70"/>
      <c r="T148" s="70"/>
      <c r="U148" s="70"/>
      <c r="V148" s="70"/>
      <c r="W148" s="70"/>
      <c r="X148" s="70"/>
      <c r="Y148" s="70"/>
      <c r="Z148" s="70"/>
      <c r="AA148" s="70"/>
      <c r="AB148" s="70"/>
      <c r="AC148" s="70"/>
      <c r="AD148" s="70"/>
      <c r="AE148" s="70"/>
      <c r="AF148" s="70"/>
    </row>
    <row r="149" spans="3:32" x14ac:dyDescent="0.2">
      <c r="C149" s="70"/>
      <c r="D149" s="70"/>
      <c r="E149" s="70"/>
      <c r="F149" s="70"/>
      <c r="G149" s="70"/>
      <c r="H149" s="70"/>
      <c r="I149" s="70"/>
      <c r="J149" s="70"/>
      <c r="K149" s="70"/>
      <c r="L149" s="70"/>
      <c r="M149" s="70"/>
      <c r="N149" s="70"/>
      <c r="O149" s="70"/>
      <c r="P149" s="70"/>
      <c r="Q149" s="70"/>
      <c r="R149" s="70"/>
      <c r="S149" s="70"/>
      <c r="T149" s="70"/>
      <c r="U149" s="70"/>
      <c r="V149" s="70"/>
      <c r="W149" s="70"/>
      <c r="X149" s="70"/>
      <c r="Y149" s="70"/>
      <c r="Z149" s="70"/>
      <c r="AA149" s="70"/>
      <c r="AB149" s="70"/>
      <c r="AC149" s="70"/>
      <c r="AD149" s="70"/>
      <c r="AE149" s="70"/>
      <c r="AF149" s="70"/>
    </row>
    <row r="150" spans="3:32" x14ac:dyDescent="0.2">
      <c r="C150" s="70"/>
      <c r="D150" s="70"/>
      <c r="E150" s="70"/>
      <c r="F150" s="70"/>
      <c r="G150" s="70"/>
      <c r="H150" s="70"/>
      <c r="I150" s="70"/>
      <c r="J150" s="70"/>
      <c r="K150" s="70"/>
      <c r="L150" s="70"/>
      <c r="M150" s="70"/>
      <c r="N150" s="70"/>
      <c r="O150" s="70"/>
      <c r="P150" s="70"/>
      <c r="Q150" s="70"/>
      <c r="R150" s="70"/>
      <c r="S150" s="70"/>
      <c r="T150" s="70"/>
      <c r="U150" s="70"/>
      <c r="V150" s="70"/>
      <c r="W150" s="70"/>
      <c r="X150" s="70"/>
      <c r="Y150" s="70"/>
      <c r="Z150" s="70"/>
      <c r="AA150" s="70"/>
      <c r="AB150" s="70"/>
      <c r="AC150" s="70"/>
      <c r="AD150" s="70"/>
      <c r="AE150" s="70"/>
      <c r="AF150" s="70"/>
    </row>
    <row r="151" spans="3:32" x14ac:dyDescent="0.2">
      <c r="C151" s="70"/>
      <c r="D151" s="70"/>
      <c r="E151" s="70"/>
      <c r="F151" s="70"/>
      <c r="G151" s="70"/>
      <c r="H151" s="70"/>
      <c r="I151" s="70"/>
      <c r="J151" s="70"/>
      <c r="K151" s="70"/>
      <c r="L151" s="70"/>
      <c r="M151" s="70"/>
      <c r="N151" s="70"/>
      <c r="O151" s="70"/>
      <c r="P151" s="70"/>
      <c r="Q151" s="70"/>
      <c r="R151" s="70"/>
      <c r="S151" s="70"/>
      <c r="T151" s="70"/>
      <c r="U151" s="70"/>
      <c r="V151" s="70"/>
      <c r="W151" s="70"/>
      <c r="X151" s="70"/>
      <c r="Y151" s="70"/>
      <c r="Z151" s="70"/>
      <c r="AA151" s="70"/>
      <c r="AB151" s="70"/>
      <c r="AC151" s="70"/>
      <c r="AD151" s="70"/>
      <c r="AE151" s="70"/>
      <c r="AF151" s="70"/>
    </row>
    <row r="152" spans="3:32" x14ac:dyDescent="0.2">
      <c r="C152" s="70"/>
      <c r="D152" s="70"/>
      <c r="E152" s="70"/>
      <c r="F152" s="70"/>
      <c r="G152" s="70"/>
      <c r="H152" s="70"/>
      <c r="I152" s="70"/>
      <c r="J152" s="70"/>
      <c r="K152" s="70"/>
      <c r="L152" s="70"/>
      <c r="M152" s="70"/>
      <c r="N152" s="70"/>
      <c r="O152" s="70"/>
      <c r="P152" s="70"/>
      <c r="Q152" s="70"/>
      <c r="R152" s="70"/>
      <c r="S152" s="70"/>
      <c r="T152" s="70"/>
      <c r="U152" s="70"/>
      <c r="V152" s="70"/>
      <c r="W152" s="70"/>
      <c r="X152" s="70"/>
      <c r="Y152" s="70"/>
      <c r="Z152" s="70"/>
      <c r="AA152" s="70"/>
      <c r="AB152" s="70"/>
      <c r="AC152" s="70"/>
      <c r="AD152" s="70"/>
      <c r="AE152" s="70"/>
      <c r="AF152" s="70"/>
    </row>
    <row r="153" spans="3:32" x14ac:dyDescent="0.2">
      <c r="C153" s="70"/>
      <c r="D153" s="70"/>
      <c r="E153" s="70"/>
      <c r="F153" s="70"/>
      <c r="G153" s="70"/>
      <c r="H153" s="70"/>
      <c r="I153" s="70"/>
      <c r="J153" s="70"/>
      <c r="K153" s="70"/>
      <c r="L153" s="70"/>
      <c r="M153" s="70"/>
      <c r="N153" s="70"/>
      <c r="O153" s="70"/>
      <c r="P153" s="70"/>
      <c r="Q153" s="70"/>
      <c r="R153" s="70"/>
      <c r="S153" s="70"/>
      <c r="T153" s="70"/>
      <c r="U153" s="70"/>
      <c r="V153" s="70"/>
      <c r="W153" s="70"/>
      <c r="X153" s="70"/>
      <c r="Y153" s="70"/>
      <c r="Z153" s="70"/>
      <c r="AA153" s="70"/>
      <c r="AB153" s="70"/>
      <c r="AC153" s="70"/>
      <c r="AD153" s="70"/>
      <c r="AE153" s="70"/>
      <c r="AF153" s="70"/>
    </row>
    <row r="154" spans="3:32" x14ac:dyDescent="0.2">
      <c r="C154" s="70"/>
      <c r="D154" s="70"/>
      <c r="E154" s="70"/>
      <c r="F154" s="70"/>
      <c r="G154" s="70"/>
      <c r="H154" s="70"/>
      <c r="I154" s="70"/>
      <c r="J154" s="70"/>
      <c r="K154" s="70"/>
      <c r="L154" s="70"/>
      <c r="M154" s="70"/>
      <c r="N154" s="70"/>
      <c r="O154" s="70"/>
      <c r="P154" s="70"/>
      <c r="Q154" s="70"/>
      <c r="R154" s="70"/>
      <c r="S154" s="70"/>
      <c r="T154" s="70"/>
      <c r="U154" s="70"/>
      <c r="V154" s="70"/>
      <c r="W154" s="70"/>
      <c r="X154" s="70"/>
      <c r="Y154" s="70"/>
      <c r="Z154" s="70"/>
      <c r="AA154" s="70"/>
      <c r="AB154" s="70"/>
      <c r="AC154" s="70"/>
      <c r="AD154" s="70"/>
      <c r="AE154" s="70"/>
      <c r="AF154" s="70"/>
    </row>
    <row r="155" spans="3:32" x14ac:dyDescent="0.2">
      <c r="C155" s="70"/>
      <c r="D155" s="70"/>
      <c r="E155" s="70"/>
      <c r="F155" s="70"/>
      <c r="G155" s="70"/>
      <c r="H155" s="70"/>
      <c r="I155" s="70"/>
      <c r="J155" s="70"/>
      <c r="K155" s="70"/>
      <c r="L155" s="70"/>
      <c r="M155" s="70"/>
      <c r="N155" s="70"/>
      <c r="O155" s="70"/>
      <c r="P155" s="70"/>
      <c r="Q155" s="70"/>
      <c r="R155" s="70"/>
      <c r="S155" s="70"/>
      <c r="T155" s="70"/>
      <c r="U155" s="70"/>
      <c r="V155" s="70"/>
      <c r="W155" s="70"/>
      <c r="X155" s="70"/>
      <c r="Y155" s="70"/>
      <c r="Z155" s="70"/>
      <c r="AA155" s="70"/>
      <c r="AB155" s="70"/>
      <c r="AC155" s="70"/>
      <c r="AD155" s="70"/>
      <c r="AE155" s="70"/>
      <c r="AF155" s="70"/>
    </row>
    <row r="156" spans="3:32" x14ac:dyDescent="0.2">
      <c r="C156" s="70"/>
      <c r="D156" s="70"/>
      <c r="E156" s="70"/>
      <c r="F156" s="70"/>
      <c r="G156" s="70"/>
      <c r="H156" s="70"/>
      <c r="I156" s="70"/>
      <c r="J156" s="70"/>
      <c r="K156" s="70"/>
      <c r="L156" s="70"/>
      <c r="M156" s="70"/>
      <c r="N156" s="70"/>
      <c r="O156" s="70"/>
      <c r="P156" s="70"/>
      <c r="Q156" s="70"/>
      <c r="R156" s="70"/>
      <c r="S156" s="70"/>
      <c r="T156" s="70"/>
      <c r="U156" s="70"/>
      <c r="V156" s="70"/>
      <c r="W156" s="70"/>
      <c r="X156" s="70"/>
      <c r="Y156" s="70"/>
      <c r="Z156" s="70"/>
      <c r="AA156" s="70"/>
      <c r="AB156" s="70"/>
      <c r="AC156" s="70"/>
      <c r="AD156" s="70"/>
      <c r="AE156" s="70"/>
      <c r="AF156" s="70"/>
    </row>
    <row r="157" spans="3:32" x14ac:dyDescent="0.2">
      <c r="C157" s="70"/>
      <c r="D157" s="70"/>
      <c r="E157" s="70"/>
      <c r="F157" s="70"/>
      <c r="G157" s="70"/>
      <c r="H157" s="70"/>
      <c r="I157" s="70"/>
      <c r="J157" s="70"/>
      <c r="K157" s="70"/>
      <c r="L157" s="70"/>
      <c r="M157" s="70"/>
      <c r="N157" s="70"/>
      <c r="O157" s="70"/>
      <c r="P157" s="70"/>
      <c r="Q157" s="70"/>
      <c r="R157" s="70"/>
      <c r="S157" s="70"/>
      <c r="T157" s="70"/>
      <c r="U157" s="70"/>
      <c r="V157" s="70"/>
      <c r="W157" s="70"/>
      <c r="X157" s="70"/>
      <c r="Y157" s="70"/>
      <c r="Z157" s="70"/>
      <c r="AA157" s="70"/>
      <c r="AB157" s="70"/>
      <c r="AC157" s="70"/>
      <c r="AD157" s="70"/>
      <c r="AE157" s="70"/>
      <c r="AF157" s="70"/>
    </row>
    <row r="158" spans="3:32" x14ac:dyDescent="0.2">
      <c r="C158" s="70"/>
      <c r="D158" s="70"/>
      <c r="E158" s="70"/>
      <c r="F158" s="70"/>
      <c r="G158" s="70"/>
      <c r="H158" s="70"/>
      <c r="I158" s="70"/>
      <c r="J158" s="70"/>
      <c r="K158" s="70"/>
      <c r="L158" s="70"/>
      <c r="M158" s="70"/>
      <c r="N158" s="70"/>
      <c r="O158" s="70"/>
      <c r="P158" s="70"/>
      <c r="Q158" s="70"/>
      <c r="R158" s="70"/>
      <c r="S158" s="70"/>
      <c r="T158" s="70"/>
      <c r="U158" s="70"/>
      <c r="V158" s="70"/>
      <c r="W158" s="70"/>
      <c r="X158" s="70"/>
      <c r="Y158" s="70"/>
      <c r="Z158" s="70"/>
      <c r="AA158" s="70"/>
      <c r="AB158" s="70"/>
      <c r="AC158" s="70"/>
      <c r="AD158" s="70"/>
      <c r="AE158" s="70"/>
      <c r="AF158" s="70"/>
    </row>
    <row r="159" spans="3:32" x14ac:dyDescent="0.2">
      <c r="C159" s="70"/>
      <c r="D159" s="70"/>
      <c r="E159" s="70"/>
      <c r="F159" s="70"/>
      <c r="G159" s="70"/>
      <c r="H159" s="70"/>
      <c r="I159" s="70"/>
      <c r="J159" s="70"/>
      <c r="K159" s="70"/>
      <c r="L159" s="70"/>
      <c r="M159" s="70"/>
      <c r="N159" s="70"/>
      <c r="O159" s="70"/>
      <c r="P159" s="70"/>
      <c r="Q159" s="70"/>
      <c r="R159" s="70"/>
      <c r="S159" s="70"/>
      <c r="T159" s="70"/>
      <c r="U159" s="70"/>
      <c r="V159" s="70"/>
      <c r="W159" s="70"/>
      <c r="X159" s="70"/>
      <c r="Y159" s="70"/>
      <c r="Z159" s="70"/>
      <c r="AA159" s="70"/>
      <c r="AB159" s="70"/>
      <c r="AC159" s="70"/>
      <c r="AD159" s="70"/>
      <c r="AE159" s="70"/>
      <c r="AF159" s="70"/>
    </row>
    <row r="160" spans="3:32" x14ac:dyDescent="0.2">
      <c r="C160" s="70"/>
      <c r="D160" s="70"/>
      <c r="E160" s="70"/>
      <c r="F160" s="70"/>
      <c r="G160" s="70"/>
      <c r="H160" s="70"/>
      <c r="I160" s="70"/>
      <c r="J160" s="70"/>
      <c r="K160" s="70"/>
      <c r="L160" s="70"/>
      <c r="M160" s="70"/>
      <c r="N160" s="70"/>
      <c r="O160" s="70"/>
      <c r="P160" s="70"/>
      <c r="Q160" s="70"/>
      <c r="R160" s="70"/>
      <c r="S160" s="70"/>
      <c r="T160" s="70"/>
      <c r="U160" s="70"/>
      <c r="V160" s="70"/>
      <c r="W160" s="70"/>
      <c r="X160" s="70"/>
      <c r="Y160" s="70"/>
      <c r="Z160" s="70"/>
      <c r="AA160" s="70"/>
      <c r="AB160" s="70"/>
      <c r="AC160" s="70"/>
      <c r="AD160" s="70"/>
      <c r="AE160" s="70"/>
      <c r="AF160" s="70"/>
    </row>
    <row r="161" spans="3:32" x14ac:dyDescent="0.2">
      <c r="C161" s="70"/>
      <c r="D161" s="70"/>
      <c r="E161" s="70"/>
      <c r="F161" s="70"/>
      <c r="G161" s="70"/>
      <c r="H161" s="70"/>
      <c r="I161" s="70"/>
      <c r="J161" s="70"/>
      <c r="K161" s="70"/>
      <c r="L161" s="70"/>
      <c r="M161" s="70"/>
      <c r="N161" s="70"/>
      <c r="O161" s="70"/>
      <c r="P161" s="70"/>
      <c r="Q161" s="70"/>
      <c r="R161" s="70"/>
      <c r="S161" s="70"/>
      <c r="T161" s="70"/>
      <c r="U161" s="70"/>
      <c r="V161" s="70"/>
      <c r="W161" s="70"/>
      <c r="X161" s="70"/>
      <c r="Y161" s="70"/>
      <c r="Z161" s="70"/>
      <c r="AA161" s="70"/>
      <c r="AB161" s="70"/>
      <c r="AC161" s="70"/>
      <c r="AD161" s="70"/>
      <c r="AE161" s="70"/>
      <c r="AF161" s="70"/>
    </row>
    <row r="162" spans="3:32" x14ac:dyDescent="0.2">
      <c r="C162" s="70"/>
      <c r="D162" s="70"/>
      <c r="E162" s="70"/>
      <c r="F162" s="70"/>
      <c r="G162" s="70"/>
      <c r="H162" s="70"/>
      <c r="I162" s="70"/>
      <c r="J162" s="70"/>
      <c r="K162" s="70"/>
      <c r="L162" s="70"/>
      <c r="M162" s="70"/>
      <c r="N162" s="70"/>
      <c r="O162" s="70"/>
      <c r="P162" s="70"/>
      <c r="Q162" s="70"/>
      <c r="R162" s="70"/>
      <c r="S162" s="70"/>
      <c r="T162" s="70"/>
      <c r="U162" s="70"/>
      <c r="V162" s="70"/>
      <c r="W162" s="70"/>
      <c r="X162" s="70"/>
      <c r="Y162" s="70"/>
      <c r="Z162" s="70"/>
      <c r="AA162" s="70"/>
      <c r="AB162" s="70"/>
      <c r="AC162" s="70"/>
      <c r="AD162" s="70"/>
      <c r="AE162" s="70"/>
      <c r="AF162" s="70"/>
    </row>
    <row r="163" spans="3:32" x14ac:dyDescent="0.2">
      <c r="C163" s="70"/>
      <c r="D163" s="70"/>
      <c r="E163" s="70"/>
      <c r="F163" s="70"/>
      <c r="G163" s="70"/>
      <c r="H163" s="70"/>
      <c r="I163" s="70"/>
      <c r="J163" s="70"/>
      <c r="K163" s="70"/>
      <c r="L163" s="70"/>
      <c r="M163" s="70"/>
      <c r="N163" s="70"/>
      <c r="O163" s="70"/>
      <c r="P163" s="70"/>
      <c r="Q163" s="70"/>
      <c r="R163" s="70"/>
      <c r="S163" s="70"/>
      <c r="T163" s="70"/>
      <c r="U163" s="70"/>
      <c r="V163" s="70"/>
      <c r="W163" s="70"/>
      <c r="X163" s="70"/>
      <c r="Y163" s="70"/>
      <c r="Z163" s="70"/>
      <c r="AA163" s="70"/>
      <c r="AB163" s="70"/>
      <c r="AC163" s="70"/>
      <c r="AD163" s="70"/>
      <c r="AE163" s="70"/>
      <c r="AF163" s="70"/>
    </row>
    <row r="164" spans="3:32" x14ac:dyDescent="0.2">
      <c r="C164" s="70"/>
      <c r="D164" s="70"/>
      <c r="E164" s="70"/>
      <c r="F164" s="70"/>
      <c r="G164" s="70"/>
      <c r="H164" s="70"/>
      <c r="I164" s="70"/>
      <c r="J164" s="70"/>
      <c r="K164" s="70"/>
      <c r="L164" s="70"/>
      <c r="M164" s="70"/>
      <c r="N164" s="70"/>
      <c r="O164" s="70"/>
      <c r="P164" s="70"/>
      <c r="Q164" s="70"/>
      <c r="R164" s="70"/>
      <c r="S164" s="70"/>
      <c r="T164" s="70"/>
      <c r="U164" s="70"/>
      <c r="V164" s="70"/>
      <c r="W164" s="70"/>
      <c r="X164" s="70"/>
      <c r="Y164" s="70"/>
      <c r="Z164" s="70"/>
      <c r="AA164" s="70"/>
      <c r="AB164" s="70"/>
      <c r="AC164" s="70"/>
      <c r="AD164" s="70"/>
      <c r="AE164" s="70"/>
      <c r="AF164" s="70"/>
    </row>
    <row r="165" spans="3:32" x14ac:dyDescent="0.2">
      <c r="C165" s="70"/>
      <c r="D165" s="70"/>
      <c r="E165" s="70"/>
      <c r="F165" s="70"/>
      <c r="G165" s="70"/>
      <c r="H165" s="70"/>
      <c r="I165" s="70"/>
      <c r="J165" s="70"/>
      <c r="K165" s="70"/>
      <c r="L165" s="70"/>
      <c r="M165" s="70"/>
      <c r="N165" s="70"/>
      <c r="O165" s="70"/>
      <c r="P165" s="70"/>
      <c r="Q165" s="70"/>
      <c r="R165" s="70"/>
      <c r="S165" s="70"/>
      <c r="T165" s="70"/>
      <c r="U165" s="70"/>
      <c r="V165" s="70"/>
      <c r="W165" s="70"/>
      <c r="X165" s="70"/>
      <c r="Y165" s="70"/>
      <c r="Z165" s="70"/>
      <c r="AA165" s="70"/>
      <c r="AB165" s="70"/>
      <c r="AC165" s="70"/>
      <c r="AD165" s="70"/>
      <c r="AE165" s="70"/>
      <c r="AF165" s="70"/>
    </row>
    <row r="166" spans="3:32" x14ac:dyDescent="0.2">
      <c r="C166" s="70"/>
      <c r="D166" s="70"/>
      <c r="E166" s="70"/>
      <c r="F166" s="70"/>
      <c r="G166" s="70"/>
      <c r="H166" s="70"/>
      <c r="I166" s="70"/>
      <c r="J166" s="70"/>
      <c r="K166" s="70"/>
      <c r="L166" s="70"/>
      <c r="M166" s="70"/>
      <c r="N166" s="70"/>
      <c r="O166" s="70"/>
      <c r="P166" s="70"/>
      <c r="Q166" s="70"/>
      <c r="R166" s="70"/>
      <c r="S166" s="70"/>
      <c r="T166" s="70"/>
      <c r="U166" s="70"/>
      <c r="V166" s="70"/>
      <c r="W166" s="70"/>
      <c r="X166" s="70"/>
      <c r="Y166" s="70"/>
      <c r="Z166" s="70"/>
      <c r="AA166" s="70"/>
      <c r="AB166" s="70"/>
      <c r="AC166" s="70"/>
      <c r="AD166" s="70"/>
      <c r="AE166" s="70"/>
      <c r="AF166" s="70"/>
    </row>
    <row r="167" spans="3:32" x14ac:dyDescent="0.2">
      <c r="C167" s="70"/>
      <c r="D167" s="70"/>
      <c r="E167" s="70"/>
      <c r="F167" s="70"/>
      <c r="G167" s="70"/>
      <c r="H167" s="70"/>
      <c r="I167" s="70"/>
      <c r="J167" s="70"/>
      <c r="K167" s="70"/>
      <c r="L167" s="70"/>
      <c r="M167" s="70"/>
      <c r="N167" s="70"/>
      <c r="O167" s="70"/>
      <c r="P167" s="70"/>
      <c r="Q167" s="70"/>
      <c r="R167" s="70"/>
      <c r="S167" s="70"/>
      <c r="T167" s="70"/>
      <c r="U167" s="70"/>
      <c r="V167" s="70"/>
      <c r="W167" s="70"/>
      <c r="X167" s="70"/>
      <c r="Y167" s="70"/>
      <c r="Z167" s="70"/>
      <c r="AA167" s="70"/>
      <c r="AB167" s="70"/>
      <c r="AC167" s="70"/>
      <c r="AD167" s="70"/>
      <c r="AE167" s="70"/>
      <c r="AF167" s="70"/>
    </row>
    <row r="168" spans="3:32" x14ac:dyDescent="0.2">
      <c r="C168" s="70"/>
      <c r="D168" s="70"/>
      <c r="E168" s="70"/>
      <c r="F168" s="70"/>
      <c r="G168" s="70"/>
      <c r="H168" s="70"/>
      <c r="I168" s="70"/>
      <c r="J168" s="70"/>
      <c r="K168" s="70"/>
      <c r="L168" s="70"/>
      <c r="M168" s="70"/>
      <c r="N168" s="70"/>
      <c r="O168" s="70"/>
      <c r="P168" s="70"/>
      <c r="Q168" s="70"/>
      <c r="R168" s="70"/>
      <c r="S168" s="70"/>
      <c r="T168" s="70"/>
      <c r="U168" s="70"/>
      <c r="V168" s="70"/>
      <c r="W168" s="70"/>
      <c r="X168" s="70"/>
      <c r="Y168" s="70"/>
      <c r="Z168" s="70"/>
      <c r="AA168" s="70"/>
      <c r="AB168" s="70"/>
      <c r="AC168" s="70"/>
      <c r="AD168" s="70"/>
      <c r="AE168" s="70"/>
      <c r="AF168" s="70"/>
    </row>
    <row r="169" spans="3:32" x14ac:dyDescent="0.2">
      <c r="C169" s="70"/>
      <c r="D169" s="70"/>
      <c r="E169" s="70"/>
      <c r="F169" s="70"/>
      <c r="G169" s="70"/>
      <c r="H169" s="70"/>
      <c r="I169" s="70"/>
      <c r="J169" s="70"/>
      <c r="K169" s="70"/>
      <c r="L169" s="70"/>
      <c r="M169" s="70"/>
      <c r="N169" s="70"/>
      <c r="O169" s="70"/>
      <c r="P169" s="70"/>
      <c r="Q169" s="70"/>
      <c r="R169" s="70"/>
      <c r="S169" s="70"/>
      <c r="T169" s="70"/>
      <c r="U169" s="70"/>
      <c r="V169" s="70"/>
      <c r="W169" s="70"/>
      <c r="X169" s="70"/>
      <c r="Y169" s="70"/>
      <c r="Z169" s="70"/>
      <c r="AA169" s="70"/>
      <c r="AB169" s="70"/>
      <c r="AC169" s="70"/>
      <c r="AD169" s="70"/>
      <c r="AE169" s="70"/>
      <c r="AF169" s="70"/>
    </row>
    <row r="170" spans="3:32" x14ac:dyDescent="0.2">
      <c r="C170" s="70"/>
      <c r="D170" s="70"/>
      <c r="E170" s="70"/>
      <c r="F170" s="70"/>
      <c r="G170" s="70"/>
      <c r="H170" s="70"/>
      <c r="I170" s="70"/>
      <c r="J170" s="70"/>
      <c r="K170" s="70"/>
      <c r="L170" s="70"/>
      <c r="M170" s="70"/>
      <c r="N170" s="70"/>
      <c r="O170" s="70"/>
      <c r="P170" s="70"/>
      <c r="Q170" s="70"/>
      <c r="R170" s="70"/>
      <c r="S170" s="70"/>
      <c r="T170" s="70"/>
      <c r="U170" s="70"/>
      <c r="V170" s="70"/>
      <c r="W170" s="70"/>
      <c r="X170" s="70"/>
      <c r="Y170" s="70"/>
      <c r="Z170" s="70"/>
      <c r="AA170" s="70"/>
      <c r="AB170" s="70"/>
      <c r="AC170" s="70"/>
      <c r="AD170" s="70"/>
      <c r="AE170" s="70"/>
      <c r="AF170" s="70"/>
    </row>
    <row r="171" spans="3:32" x14ac:dyDescent="0.2">
      <c r="C171" s="70"/>
      <c r="D171" s="70"/>
      <c r="E171" s="70"/>
      <c r="F171" s="70"/>
      <c r="G171" s="70"/>
      <c r="H171" s="70"/>
      <c r="I171" s="70"/>
      <c r="J171" s="70"/>
      <c r="K171" s="70"/>
      <c r="L171" s="70"/>
      <c r="M171" s="70"/>
      <c r="N171" s="70"/>
      <c r="O171" s="70"/>
      <c r="P171" s="70"/>
      <c r="Q171" s="70"/>
      <c r="R171" s="70"/>
      <c r="S171" s="70"/>
      <c r="T171" s="70"/>
      <c r="U171" s="70"/>
      <c r="V171" s="70"/>
      <c r="W171" s="70"/>
      <c r="X171" s="70"/>
      <c r="Y171" s="70"/>
      <c r="Z171" s="70"/>
      <c r="AA171" s="70"/>
      <c r="AB171" s="70"/>
      <c r="AC171" s="70"/>
      <c r="AD171" s="70"/>
      <c r="AE171" s="70"/>
      <c r="AF171" s="70"/>
    </row>
    <row r="172" spans="3:32" x14ac:dyDescent="0.2">
      <c r="C172" s="70"/>
      <c r="D172" s="70"/>
      <c r="E172" s="70"/>
      <c r="F172" s="70"/>
      <c r="G172" s="70"/>
      <c r="H172" s="70"/>
      <c r="I172" s="70"/>
      <c r="J172" s="70"/>
      <c r="K172" s="70"/>
      <c r="L172" s="70"/>
      <c r="M172" s="70"/>
      <c r="N172" s="70"/>
      <c r="O172" s="70"/>
      <c r="P172" s="70"/>
      <c r="Q172" s="70"/>
      <c r="R172" s="70"/>
      <c r="S172" s="70"/>
      <c r="T172" s="70"/>
      <c r="U172" s="70"/>
      <c r="V172" s="70"/>
      <c r="W172" s="70"/>
      <c r="X172" s="70"/>
      <c r="Y172" s="70"/>
      <c r="Z172" s="70"/>
      <c r="AA172" s="70"/>
      <c r="AB172" s="70"/>
      <c r="AC172" s="70"/>
      <c r="AD172" s="70"/>
      <c r="AE172" s="70"/>
      <c r="AF172" s="70"/>
    </row>
    <row r="173" spans="3:32" x14ac:dyDescent="0.2">
      <c r="C173" s="70"/>
      <c r="D173" s="70"/>
      <c r="E173" s="70"/>
      <c r="F173" s="70"/>
      <c r="G173" s="70"/>
      <c r="H173" s="70"/>
      <c r="I173" s="70"/>
      <c r="J173" s="70"/>
      <c r="K173" s="70"/>
      <c r="L173" s="70"/>
      <c r="M173" s="70"/>
      <c r="N173" s="70"/>
      <c r="O173" s="70"/>
      <c r="P173" s="70"/>
      <c r="Q173" s="70"/>
      <c r="R173" s="70"/>
      <c r="S173" s="70"/>
      <c r="T173" s="70"/>
      <c r="U173" s="70"/>
      <c r="V173" s="70"/>
      <c r="W173" s="70"/>
      <c r="X173" s="70"/>
      <c r="Y173" s="70"/>
      <c r="Z173" s="70"/>
      <c r="AA173" s="70"/>
      <c r="AB173" s="70"/>
      <c r="AC173" s="70"/>
      <c r="AD173" s="70"/>
      <c r="AE173" s="70"/>
      <c r="AF173" s="70"/>
    </row>
    <row r="174" spans="3:32" x14ac:dyDescent="0.2">
      <c r="C174" s="70"/>
      <c r="D174" s="70"/>
      <c r="E174" s="70"/>
      <c r="F174" s="70"/>
      <c r="G174" s="70"/>
      <c r="H174" s="70"/>
      <c r="I174" s="70"/>
      <c r="J174" s="70"/>
      <c r="K174" s="70"/>
      <c r="L174" s="70"/>
      <c r="M174" s="70"/>
      <c r="N174" s="70"/>
      <c r="O174" s="70"/>
      <c r="P174" s="70"/>
      <c r="Q174" s="70"/>
      <c r="R174" s="70"/>
      <c r="S174" s="70"/>
      <c r="T174" s="70"/>
      <c r="U174" s="70"/>
      <c r="V174" s="70"/>
      <c r="W174" s="70"/>
      <c r="X174" s="70"/>
      <c r="Y174" s="70"/>
      <c r="Z174" s="70"/>
      <c r="AA174" s="70"/>
      <c r="AB174" s="70"/>
      <c r="AC174" s="70"/>
      <c r="AD174" s="70"/>
      <c r="AE174" s="70"/>
      <c r="AF174" s="70"/>
    </row>
    <row r="175" spans="3:32" x14ac:dyDescent="0.2">
      <c r="C175" s="70"/>
      <c r="D175" s="70"/>
      <c r="E175" s="70"/>
      <c r="F175" s="70"/>
      <c r="G175" s="70"/>
      <c r="H175" s="70"/>
      <c r="I175" s="70"/>
      <c r="J175" s="70"/>
      <c r="K175" s="70"/>
      <c r="L175" s="70"/>
      <c r="M175" s="70"/>
      <c r="N175" s="70"/>
      <c r="O175" s="70"/>
      <c r="P175" s="70"/>
      <c r="Q175" s="70"/>
      <c r="R175" s="70"/>
      <c r="S175" s="70"/>
      <c r="T175" s="70"/>
      <c r="U175" s="70"/>
      <c r="V175" s="70"/>
      <c r="W175" s="70"/>
      <c r="X175" s="70"/>
      <c r="Y175" s="70"/>
      <c r="Z175" s="70"/>
      <c r="AA175" s="70"/>
      <c r="AB175" s="70"/>
      <c r="AC175" s="70"/>
      <c r="AD175" s="70"/>
      <c r="AE175" s="70"/>
      <c r="AF175" s="70"/>
    </row>
    <row r="176" spans="3:32" x14ac:dyDescent="0.2">
      <c r="C176" s="70"/>
      <c r="D176" s="70"/>
      <c r="E176" s="70"/>
      <c r="F176" s="70"/>
      <c r="G176" s="70"/>
      <c r="H176" s="70"/>
      <c r="I176" s="70"/>
      <c r="J176" s="70"/>
      <c r="K176" s="70"/>
      <c r="L176" s="70"/>
      <c r="M176" s="70"/>
      <c r="N176" s="70"/>
      <c r="O176" s="70"/>
      <c r="P176" s="70"/>
      <c r="Q176" s="70"/>
      <c r="R176" s="70"/>
      <c r="S176" s="70"/>
      <c r="T176" s="70"/>
      <c r="U176" s="70"/>
      <c r="V176" s="70"/>
      <c r="W176" s="70"/>
      <c r="X176" s="70"/>
      <c r="Y176" s="70"/>
      <c r="Z176" s="70"/>
      <c r="AA176" s="70"/>
      <c r="AB176" s="70"/>
      <c r="AC176" s="70"/>
      <c r="AD176" s="70"/>
      <c r="AE176" s="70"/>
      <c r="AF176" s="70"/>
    </row>
    <row r="177" spans="3:32" x14ac:dyDescent="0.2">
      <c r="C177" s="70"/>
      <c r="D177" s="70"/>
      <c r="E177" s="70"/>
      <c r="F177" s="70"/>
      <c r="G177" s="70"/>
      <c r="H177" s="70"/>
      <c r="I177" s="70"/>
      <c r="J177" s="70"/>
      <c r="K177" s="70"/>
      <c r="L177" s="70"/>
      <c r="M177" s="70"/>
      <c r="N177" s="70"/>
      <c r="O177" s="70"/>
      <c r="P177" s="70"/>
      <c r="Q177" s="70"/>
      <c r="R177" s="70"/>
      <c r="S177" s="70"/>
      <c r="T177" s="70"/>
      <c r="U177" s="70"/>
      <c r="V177" s="70"/>
      <c r="W177" s="70"/>
      <c r="X177" s="70"/>
      <c r="Y177" s="70"/>
      <c r="Z177" s="70"/>
      <c r="AA177" s="70"/>
      <c r="AB177" s="70"/>
      <c r="AC177" s="70"/>
      <c r="AD177" s="70"/>
      <c r="AE177" s="70"/>
      <c r="AF177" s="70"/>
    </row>
    <row r="178" spans="3:32" x14ac:dyDescent="0.2">
      <c r="C178" s="70"/>
      <c r="D178" s="70"/>
      <c r="E178" s="70"/>
      <c r="F178" s="70"/>
      <c r="G178" s="70"/>
      <c r="H178" s="70"/>
      <c r="I178" s="70"/>
      <c r="J178" s="70"/>
      <c r="K178" s="70"/>
      <c r="L178" s="70"/>
      <c r="M178" s="70"/>
      <c r="N178" s="70"/>
      <c r="O178" s="70"/>
      <c r="P178" s="70"/>
      <c r="Q178" s="70"/>
      <c r="R178" s="70"/>
      <c r="S178" s="70"/>
      <c r="T178" s="70"/>
      <c r="U178" s="70"/>
      <c r="V178" s="70"/>
      <c r="W178" s="70"/>
      <c r="X178" s="70"/>
      <c r="Y178" s="70"/>
      <c r="Z178" s="70"/>
      <c r="AA178" s="70"/>
      <c r="AB178" s="70"/>
      <c r="AC178" s="70"/>
      <c r="AD178" s="70"/>
      <c r="AE178" s="70"/>
      <c r="AF178" s="70"/>
    </row>
    <row r="179" spans="3:32" x14ac:dyDescent="0.2">
      <c r="C179" s="70"/>
      <c r="D179" s="70"/>
      <c r="E179" s="70"/>
      <c r="F179" s="70"/>
      <c r="G179" s="70"/>
      <c r="H179" s="70"/>
      <c r="I179" s="70"/>
      <c r="J179" s="70"/>
      <c r="K179" s="70"/>
      <c r="L179" s="70"/>
      <c r="M179" s="70"/>
      <c r="N179" s="70"/>
      <c r="O179" s="70"/>
      <c r="P179" s="70"/>
      <c r="Q179" s="70"/>
      <c r="R179" s="70"/>
      <c r="S179" s="70"/>
      <c r="T179" s="70"/>
      <c r="U179" s="70"/>
      <c r="V179" s="70"/>
      <c r="W179" s="70"/>
      <c r="X179" s="70"/>
      <c r="Y179" s="70"/>
      <c r="Z179" s="70"/>
      <c r="AA179" s="70"/>
      <c r="AB179" s="70"/>
      <c r="AC179" s="70"/>
      <c r="AD179" s="70"/>
      <c r="AE179" s="70"/>
      <c r="AF179" s="70"/>
    </row>
    <row r="180" spans="3:32" x14ac:dyDescent="0.2">
      <c r="C180" s="70"/>
      <c r="D180" s="70"/>
      <c r="E180" s="70"/>
      <c r="F180" s="70"/>
      <c r="G180" s="70"/>
      <c r="H180" s="70"/>
      <c r="I180" s="70"/>
      <c r="J180" s="70"/>
      <c r="K180" s="70"/>
      <c r="L180" s="70"/>
      <c r="M180" s="70"/>
      <c r="N180" s="70"/>
      <c r="O180" s="70"/>
      <c r="P180" s="70"/>
      <c r="Q180" s="70"/>
      <c r="R180" s="70"/>
      <c r="S180" s="70"/>
      <c r="T180" s="70"/>
      <c r="U180" s="70"/>
      <c r="V180" s="70"/>
      <c r="W180" s="70"/>
      <c r="X180" s="70"/>
      <c r="Y180" s="70"/>
      <c r="Z180" s="70"/>
      <c r="AA180" s="70"/>
      <c r="AB180" s="70"/>
      <c r="AC180" s="70"/>
      <c r="AD180" s="70"/>
      <c r="AE180" s="70"/>
      <c r="AF180" s="70"/>
    </row>
    <row r="181" spans="3:32" x14ac:dyDescent="0.2">
      <c r="C181" s="70"/>
      <c r="D181" s="70"/>
      <c r="E181" s="70"/>
      <c r="F181" s="70"/>
      <c r="G181" s="70"/>
      <c r="H181" s="70"/>
      <c r="I181" s="70"/>
      <c r="J181" s="70"/>
      <c r="K181" s="70"/>
      <c r="L181" s="70"/>
      <c r="M181" s="70"/>
      <c r="N181" s="70"/>
      <c r="O181" s="70"/>
      <c r="P181" s="70"/>
      <c r="Q181" s="70"/>
      <c r="R181" s="70"/>
      <c r="S181" s="70"/>
      <c r="T181" s="70"/>
      <c r="U181" s="70"/>
      <c r="V181" s="70"/>
      <c r="W181" s="70"/>
      <c r="X181" s="70"/>
      <c r="Y181" s="70"/>
      <c r="Z181" s="70"/>
      <c r="AA181" s="70"/>
      <c r="AB181" s="70"/>
      <c r="AC181" s="70"/>
      <c r="AD181" s="70"/>
      <c r="AE181" s="70"/>
      <c r="AF181" s="70"/>
    </row>
    <row r="182" spans="3:32" x14ac:dyDescent="0.2">
      <c r="C182" s="70"/>
      <c r="D182" s="70"/>
      <c r="E182" s="70"/>
      <c r="F182" s="70"/>
      <c r="G182" s="70"/>
      <c r="H182" s="70"/>
      <c r="I182" s="70"/>
      <c r="J182" s="70"/>
      <c r="K182" s="70"/>
      <c r="L182" s="70"/>
      <c r="M182" s="70"/>
      <c r="N182" s="70"/>
      <c r="O182" s="70"/>
      <c r="P182" s="70"/>
      <c r="Q182" s="70"/>
      <c r="R182" s="70"/>
      <c r="S182" s="70"/>
      <c r="T182" s="70"/>
      <c r="U182" s="70"/>
      <c r="V182" s="70"/>
      <c r="W182" s="70"/>
      <c r="X182" s="70"/>
      <c r="Y182" s="70"/>
      <c r="Z182" s="70"/>
      <c r="AA182" s="70"/>
      <c r="AB182" s="70"/>
      <c r="AC182" s="70"/>
      <c r="AD182" s="70"/>
      <c r="AE182" s="70"/>
      <c r="AF182" s="70"/>
    </row>
    <row r="183" spans="3:32" x14ac:dyDescent="0.2">
      <c r="C183" s="70"/>
      <c r="D183" s="70"/>
      <c r="E183" s="70"/>
      <c r="F183" s="70"/>
      <c r="G183" s="70"/>
      <c r="H183" s="70"/>
      <c r="I183" s="70"/>
      <c r="J183" s="70"/>
      <c r="K183" s="70"/>
      <c r="L183" s="70"/>
      <c r="M183" s="70"/>
      <c r="N183" s="70"/>
      <c r="O183" s="70"/>
      <c r="P183" s="70"/>
      <c r="Q183" s="70"/>
      <c r="R183" s="70"/>
      <c r="S183" s="70"/>
      <c r="T183" s="70"/>
      <c r="U183" s="70"/>
      <c r="V183" s="70"/>
      <c r="W183" s="70"/>
      <c r="X183" s="70"/>
      <c r="Y183" s="70"/>
      <c r="Z183" s="70"/>
      <c r="AA183" s="70"/>
      <c r="AB183" s="70"/>
      <c r="AC183" s="70"/>
      <c r="AD183" s="70"/>
      <c r="AE183" s="70"/>
      <c r="AF183" s="70"/>
    </row>
    <row r="184" spans="3:32" x14ac:dyDescent="0.2">
      <c r="C184" s="70"/>
      <c r="D184" s="70"/>
      <c r="E184" s="70"/>
      <c r="F184" s="70"/>
      <c r="G184" s="70"/>
      <c r="H184" s="70"/>
      <c r="I184" s="70"/>
      <c r="J184" s="70"/>
      <c r="K184" s="70"/>
      <c r="L184" s="70"/>
      <c r="M184" s="70"/>
      <c r="N184" s="70"/>
      <c r="O184" s="70"/>
      <c r="P184" s="70"/>
      <c r="Q184" s="70"/>
      <c r="R184" s="70"/>
      <c r="S184" s="70"/>
      <c r="T184" s="70"/>
      <c r="U184" s="70"/>
      <c r="V184" s="70"/>
      <c r="W184" s="70"/>
      <c r="X184" s="70"/>
      <c r="Y184" s="70"/>
      <c r="Z184" s="70"/>
      <c r="AA184" s="70"/>
      <c r="AB184" s="70"/>
      <c r="AC184" s="70"/>
      <c r="AD184" s="70"/>
      <c r="AE184" s="70"/>
      <c r="AF184" s="70"/>
    </row>
    <row r="185" spans="3:32" x14ac:dyDescent="0.2">
      <c r="C185" s="70"/>
      <c r="D185" s="70"/>
      <c r="E185" s="70"/>
      <c r="F185" s="70"/>
      <c r="G185" s="70"/>
      <c r="H185" s="70"/>
      <c r="I185" s="70"/>
      <c r="J185" s="70"/>
      <c r="K185" s="70"/>
      <c r="L185" s="70"/>
      <c r="M185" s="70"/>
      <c r="N185" s="70"/>
      <c r="O185" s="70"/>
      <c r="P185" s="70"/>
      <c r="Q185" s="70"/>
      <c r="R185" s="70"/>
      <c r="S185" s="70"/>
      <c r="T185" s="70"/>
      <c r="U185" s="70"/>
      <c r="V185" s="70"/>
      <c r="W185" s="70"/>
      <c r="X185" s="70"/>
      <c r="Y185" s="70"/>
      <c r="Z185" s="70"/>
      <c r="AA185" s="70"/>
      <c r="AB185" s="70"/>
      <c r="AC185" s="70"/>
      <c r="AD185" s="70"/>
      <c r="AE185" s="70"/>
      <c r="AF185" s="70"/>
    </row>
    <row r="186" spans="3:32" x14ac:dyDescent="0.2">
      <c r="C186" s="70"/>
      <c r="D186" s="70"/>
      <c r="E186" s="70"/>
      <c r="F186" s="70"/>
      <c r="G186" s="70"/>
      <c r="H186" s="70"/>
      <c r="I186" s="70"/>
      <c r="J186" s="70"/>
      <c r="K186" s="70"/>
      <c r="L186" s="70"/>
      <c r="M186" s="70"/>
      <c r="N186" s="70"/>
      <c r="O186" s="70"/>
      <c r="P186" s="70"/>
      <c r="Q186" s="70"/>
      <c r="R186" s="70"/>
      <c r="S186" s="70"/>
      <c r="T186" s="70"/>
      <c r="U186" s="70"/>
      <c r="V186" s="70"/>
      <c r="W186" s="70"/>
      <c r="X186" s="70"/>
      <c r="Y186" s="70"/>
      <c r="Z186" s="70"/>
      <c r="AA186" s="70"/>
      <c r="AB186" s="70"/>
      <c r="AC186" s="70"/>
      <c r="AD186" s="70"/>
      <c r="AE186" s="70"/>
      <c r="AF186" s="70"/>
    </row>
    <row r="187" spans="3:32" x14ac:dyDescent="0.2">
      <c r="C187" s="70"/>
      <c r="D187" s="70"/>
      <c r="E187" s="70"/>
      <c r="F187" s="70"/>
      <c r="G187" s="70"/>
      <c r="H187" s="70"/>
      <c r="I187" s="70"/>
      <c r="J187" s="70"/>
      <c r="K187" s="70"/>
      <c r="L187" s="70"/>
      <c r="M187" s="70"/>
      <c r="N187" s="70"/>
      <c r="O187" s="70"/>
      <c r="P187" s="70"/>
      <c r="Q187" s="70"/>
      <c r="R187" s="70"/>
      <c r="S187" s="70"/>
      <c r="T187" s="70"/>
      <c r="U187" s="70"/>
      <c r="V187" s="70"/>
      <c r="W187" s="70"/>
      <c r="X187" s="70"/>
      <c r="Y187" s="70"/>
      <c r="Z187" s="70"/>
      <c r="AA187" s="70"/>
      <c r="AB187" s="70"/>
      <c r="AC187" s="70"/>
      <c r="AD187" s="70"/>
      <c r="AE187" s="70"/>
      <c r="AF187" s="70"/>
    </row>
    <row r="188" spans="3:32" x14ac:dyDescent="0.2">
      <c r="C188" s="70"/>
      <c r="D188" s="70"/>
      <c r="E188" s="70"/>
      <c r="F188" s="70"/>
      <c r="G188" s="70"/>
      <c r="H188" s="70"/>
      <c r="I188" s="70"/>
      <c r="J188" s="70"/>
      <c r="K188" s="70"/>
      <c r="L188" s="70"/>
      <c r="M188" s="70"/>
      <c r="N188" s="70"/>
      <c r="O188" s="70"/>
      <c r="P188" s="70"/>
      <c r="Q188" s="70"/>
      <c r="R188" s="70"/>
      <c r="S188" s="70"/>
      <c r="T188" s="70"/>
      <c r="U188" s="70"/>
      <c r="V188" s="70"/>
      <c r="W188" s="70"/>
      <c r="X188" s="70"/>
      <c r="Y188" s="70"/>
      <c r="Z188" s="70"/>
      <c r="AA188" s="70"/>
      <c r="AB188" s="70"/>
      <c r="AC188" s="70"/>
      <c r="AD188" s="70"/>
      <c r="AE188" s="70"/>
      <c r="AF188" s="70"/>
    </row>
    <row r="189" spans="3:32" x14ac:dyDescent="0.2">
      <c r="C189" s="70"/>
      <c r="D189" s="70"/>
      <c r="E189" s="70"/>
      <c r="F189" s="70"/>
      <c r="G189" s="70"/>
      <c r="H189" s="70"/>
      <c r="I189" s="70"/>
      <c r="J189" s="70"/>
      <c r="K189" s="70"/>
      <c r="L189" s="70"/>
      <c r="M189" s="70"/>
      <c r="N189" s="70"/>
      <c r="O189" s="70"/>
      <c r="P189" s="70"/>
      <c r="Q189" s="70"/>
      <c r="R189" s="70"/>
      <c r="S189" s="70"/>
      <c r="T189" s="70"/>
      <c r="U189" s="70"/>
      <c r="V189" s="70"/>
      <c r="W189" s="70"/>
      <c r="X189" s="70"/>
      <c r="Y189" s="70"/>
      <c r="Z189" s="70"/>
      <c r="AA189" s="70"/>
      <c r="AB189" s="70"/>
      <c r="AC189" s="70"/>
      <c r="AD189" s="70"/>
      <c r="AE189" s="70"/>
      <c r="AF189" s="70"/>
    </row>
    <row r="190" spans="3:32" x14ac:dyDescent="0.2">
      <c r="C190" s="70"/>
      <c r="D190" s="70"/>
      <c r="E190" s="70"/>
      <c r="F190" s="70"/>
      <c r="G190" s="70"/>
      <c r="H190" s="70"/>
      <c r="I190" s="70"/>
      <c r="J190" s="70"/>
      <c r="K190" s="70"/>
      <c r="L190" s="70"/>
      <c r="M190" s="70"/>
      <c r="N190" s="70"/>
      <c r="O190" s="70"/>
      <c r="P190" s="70"/>
      <c r="Q190" s="70"/>
      <c r="R190" s="70"/>
      <c r="S190" s="70"/>
      <c r="T190" s="70"/>
      <c r="U190" s="70"/>
      <c r="V190" s="70"/>
      <c r="W190" s="70"/>
      <c r="X190" s="70"/>
      <c r="Y190" s="70"/>
      <c r="Z190" s="70"/>
      <c r="AA190" s="70"/>
      <c r="AB190" s="70"/>
      <c r="AC190" s="70"/>
      <c r="AD190" s="70"/>
      <c r="AE190" s="70"/>
      <c r="AF190" s="70"/>
    </row>
    <row r="191" spans="3:32" x14ac:dyDescent="0.2">
      <c r="C191" s="70"/>
      <c r="D191" s="70"/>
      <c r="E191" s="70"/>
      <c r="F191" s="70"/>
      <c r="G191" s="70"/>
      <c r="H191" s="70"/>
      <c r="I191" s="70"/>
      <c r="J191" s="70"/>
      <c r="K191" s="70"/>
      <c r="L191" s="70"/>
      <c r="M191" s="70"/>
      <c r="N191" s="70"/>
      <c r="O191" s="70"/>
      <c r="P191" s="70"/>
      <c r="Q191" s="70"/>
      <c r="R191" s="70"/>
      <c r="S191" s="70"/>
      <c r="T191" s="70"/>
      <c r="U191" s="70"/>
      <c r="V191" s="70"/>
      <c r="W191" s="70"/>
      <c r="X191" s="70"/>
      <c r="Y191" s="70"/>
      <c r="Z191" s="70"/>
      <c r="AA191" s="70"/>
      <c r="AB191" s="70"/>
      <c r="AC191" s="70"/>
      <c r="AD191" s="70"/>
      <c r="AE191" s="70"/>
      <c r="AF191" s="70"/>
    </row>
    <row r="192" spans="3:32" x14ac:dyDescent="0.2">
      <c r="C192" s="70"/>
      <c r="D192" s="70"/>
      <c r="E192" s="70"/>
      <c r="F192" s="70"/>
      <c r="G192" s="70"/>
      <c r="H192" s="70"/>
      <c r="I192" s="70"/>
      <c r="J192" s="70"/>
      <c r="K192" s="70"/>
      <c r="L192" s="70"/>
      <c r="M192" s="70"/>
      <c r="N192" s="70"/>
      <c r="O192" s="70"/>
      <c r="P192" s="70"/>
      <c r="Q192" s="70"/>
      <c r="R192" s="70"/>
      <c r="S192" s="70"/>
      <c r="T192" s="70"/>
      <c r="U192" s="70"/>
      <c r="V192" s="70"/>
      <c r="W192" s="70"/>
      <c r="X192" s="70"/>
      <c r="Y192" s="70"/>
      <c r="Z192" s="70"/>
      <c r="AA192" s="70"/>
      <c r="AB192" s="70"/>
      <c r="AC192" s="70"/>
      <c r="AD192" s="70"/>
      <c r="AE192" s="70"/>
      <c r="AF192" s="70"/>
    </row>
    <row r="193" spans="3:32" x14ac:dyDescent="0.2">
      <c r="C193" s="70"/>
      <c r="D193" s="70"/>
      <c r="E193" s="70"/>
      <c r="F193" s="70"/>
      <c r="G193" s="70"/>
      <c r="H193" s="70"/>
      <c r="I193" s="70"/>
      <c r="J193" s="70"/>
      <c r="K193" s="70"/>
      <c r="L193" s="70"/>
      <c r="M193" s="70"/>
      <c r="N193" s="70"/>
      <c r="O193" s="70"/>
      <c r="P193" s="70"/>
      <c r="Q193" s="70"/>
      <c r="R193" s="70"/>
      <c r="S193" s="70"/>
      <c r="T193" s="70"/>
      <c r="U193" s="70"/>
      <c r="V193" s="70"/>
      <c r="W193" s="70"/>
      <c r="X193" s="70"/>
      <c r="Y193" s="70"/>
      <c r="Z193" s="70"/>
      <c r="AA193" s="70"/>
      <c r="AB193" s="70"/>
      <c r="AC193" s="70"/>
      <c r="AD193" s="70"/>
      <c r="AE193" s="70"/>
      <c r="AF193" s="70"/>
    </row>
    <row r="194" spans="3:32" x14ac:dyDescent="0.2">
      <c r="C194" s="70"/>
      <c r="D194" s="70"/>
      <c r="E194" s="70"/>
      <c r="F194" s="70"/>
      <c r="G194" s="70"/>
      <c r="H194" s="70"/>
      <c r="I194" s="70"/>
      <c r="J194" s="70"/>
      <c r="K194" s="70"/>
      <c r="L194" s="70"/>
      <c r="M194" s="70"/>
      <c r="N194" s="70"/>
      <c r="O194" s="70"/>
      <c r="P194" s="70"/>
      <c r="Q194" s="70"/>
      <c r="R194" s="70"/>
      <c r="S194" s="70"/>
      <c r="T194" s="70"/>
      <c r="U194" s="70"/>
      <c r="V194" s="70"/>
      <c r="W194" s="70"/>
      <c r="X194" s="70"/>
      <c r="Y194" s="70"/>
      <c r="Z194" s="70"/>
      <c r="AA194" s="70"/>
      <c r="AB194" s="70"/>
      <c r="AC194" s="70"/>
      <c r="AD194" s="70"/>
      <c r="AE194" s="70"/>
      <c r="AF194" s="70"/>
    </row>
    <row r="195" spans="3:32" x14ac:dyDescent="0.2">
      <c r="C195" s="70"/>
      <c r="D195" s="70"/>
      <c r="E195" s="70"/>
      <c r="F195" s="70"/>
      <c r="G195" s="70"/>
      <c r="H195" s="70"/>
      <c r="I195" s="70"/>
      <c r="J195" s="70"/>
      <c r="K195" s="70"/>
      <c r="L195" s="70"/>
      <c r="M195" s="70"/>
      <c r="N195" s="70"/>
      <c r="O195" s="70"/>
      <c r="P195" s="70"/>
      <c r="Q195" s="70"/>
      <c r="R195" s="70"/>
      <c r="S195" s="70"/>
      <c r="T195" s="70"/>
      <c r="U195" s="70"/>
      <c r="V195" s="70"/>
      <c r="W195" s="70"/>
      <c r="X195" s="70"/>
      <c r="Y195" s="70"/>
      <c r="Z195" s="70"/>
      <c r="AA195" s="70"/>
      <c r="AB195" s="70"/>
      <c r="AC195" s="70"/>
      <c r="AD195" s="70"/>
      <c r="AE195" s="70"/>
      <c r="AF195" s="70"/>
    </row>
    <row r="196" spans="3:32" x14ac:dyDescent="0.2">
      <c r="C196" s="70"/>
      <c r="D196" s="70"/>
      <c r="E196" s="70"/>
      <c r="F196" s="70"/>
      <c r="G196" s="70"/>
      <c r="H196" s="70"/>
      <c r="I196" s="70"/>
      <c r="J196" s="70"/>
      <c r="K196" s="70"/>
      <c r="L196" s="70"/>
      <c r="M196" s="70"/>
      <c r="N196" s="70"/>
      <c r="O196" s="70"/>
      <c r="P196" s="70"/>
      <c r="Q196" s="70"/>
      <c r="R196" s="70"/>
      <c r="S196" s="70"/>
      <c r="T196" s="70"/>
      <c r="U196" s="70"/>
      <c r="V196" s="70"/>
      <c r="W196" s="70"/>
      <c r="X196" s="70"/>
      <c r="Y196" s="70"/>
      <c r="Z196" s="70"/>
      <c r="AA196" s="70"/>
      <c r="AB196" s="70"/>
      <c r="AC196" s="70"/>
      <c r="AD196" s="70"/>
      <c r="AE196" s="70"/>
      <c r="AF196" s="70"/>
    </row>
    <row r="197" spans="3:32" x14ac:dyDescent="0.2">
      <c r="C197" s="70"/>
      <c r="D197" s="70"/>
      <c r="E197" s="70"/>
      <c r="F197" s="70"/>
      <c r="G197" s="70"/>
      <c r="H197" s="70"/>
      <c r="I197" s="70"/>
      <c r="J197" s="70"/>
      <c r="K197" s="70"/>
      <c r="L197" s="70"/>
      <c r="M197" s="70"/>
      <c r="N197" s="70"/>
      <c r="O197" s="70"/>
      <c r="P197" s="70"/>
      <c r="Q197" s="70"/>
      <c r="R197" s="70"/>
      <c r="S197" s="70"/>
      <c r="T197" s="70"/>
      <c r="U197" s="70"/>
      <c r="V197" s="70"/>
      <c r="W197" s="70"/>
      <c r="X197" s="70"/>
      <c r="Y197" s="70"/>
      <c r="Z197" s="70"/>
      <c r="AA197" s="70"/>
      <c r="AB197" s="70"/>
      <c r="AC197" s="70"/>
      <c r="AD197" s="70"/>
      <c r="AE197" s="70"/>
      <c r="AF197" s="70"/>
    </row>
    <row r="198" spans="3:32" x14ac:dyDescent="0.2">
      <c r="C198" s="70"/>
      <c r="D198" s="70"/>
      <c r="E198" s="70"/>
      <c r="F198" s="70"/>
      <c r="G198" s="70"/>
      <c r="H198" s="70"/>
      <c r="I198" s="70"/>
      <c r="J198" s="70"/>
      <c r="K198" s="70"/>
      <c r="L198" s="70"/>
      <c r="M198" s="70"/>
      <c r="N198" s="70"/>
      <c r="O198" s="70"/>
      <c r="P198" s="70"/>
      <c r="Q198" s="70"/>
      <c r="R198" s="70"/>
      <c r="S198" s="70"/>
      <c r="T198" s="70"/>
      <c r="U198" s="70"/>
      <c r="V198" s="70"/>
      <c r="W198" s="70"/>
      <c r="X198" s="70"/>
      <c r="Y198" s="70"/>
      <c r="Z198" s="70"/>
      <c r="AA198" s="70"/>
      <c r="AB198" s="70"/>
      <c r="AC198" s="70"/>
      <c r="AD198" s="70"/>
      <c r="AE198" s="70"/>
      <c r="AF198" s="70"/>
    </row>
    <row r="199" spans="3:32" x14ac:dyDescent="0.2">
      <c r="C199" s="70"/>
      <c r="D199" s="70"/>
      <c r="E199" s="70"/>
      <c r="F199" s="70"/>
      <c r="G199" s="70"/>
      <c r="H199" s="70"/>
      <c r="I199" s="70"/>
      <c r="J199" s="70"/>
      <c r="K199" s="70"/>
      <c r="L199" s="70"/>
      <c r="M199" s="70"/>
      <c r="N199" s="70"/>
      <c r="O199" s="70"/>
      <c r="P199" s="70"/>
      <c r="Q199" s="70"/>
      <c r="R199" s="70"/>
      <c r="S199" s="70"/>
      <c r="T199" s="70"/>
      <c r="U199" s="70"/>
      <c r="V199" s="70"/>
      <c r="W199" s="70"/>
      <c r="X199" s="70"/>
      <c r="Y199" s="70"/>
      <c r="Z199" s="70"/>
      <c r="AA199" s="70"/>
      <c r="AB199" s="70"/>
      <c r="AC199" s="70"/>
      <c r="AD199" s="70"/>
      <c r="AE199" s="70"/>
      <c r="AF199" s="70"/>
    </row>
    <row r="200" spans="3:32" x14ac:dyDescent="0.2">
      <c r="C200" s="70"/>
      <c r="D200" s="70"/>
      <c r="E200" s="70"/>
      <c r="F200" s="70"/>
      <c r="G200" s="70"/>
      <c r="H200" s="70"/>
      <c r="I200" s="70"/>
      <c r="J200" s="70"/>
      <c r="K200" s="70"/>
      <c r="L200" s="70"/>
      <c r="M200" s="70"/>
      <c r="N200" s="70"/>
      <c r="O200" s="70"/>
      <c r="P200" s="70"/>
      <c r="Q200" s="70"/>
      <c r="R200" s="70"/>
      <c r="S200" s="70"/>
      <c r="T200" s="70"/>
      <c r="U200" s="70"/>
      <c r="V200" s="70"/>
      <c r="W200" s="70"/>
      <c r="X200" s="70"/>
      <c r="Y200" s="70"/>
      <c r="Z200" s="70"/>
      <c r="AA200" s="70"/>
      <c r="AB200" s="70"/>
      <c r="AC200" s="70"/>
      <c r="AD200" s="70"/>
      <c r="AE200" s="70"/>
      <c r="AF200" s="70"/>
    </row>
    <row r="201" spans="3:32" x14ac:dyDescent="0.2">
      <c r="C201" s="70"/>
      <c r="D201" s="70"/>
      <c r="E201" s="70"/>
      <c r="F201" s="70"/>
      <c r="G201" s="70"/>
      <c r="H201" s="70"/>
      <c r="I201" s="70"/>
      <c r="J201" s="70"/>
      <c r="K201" s="70"/>
      <c r="L201" s="70"/>
      <c r="M201" s="70"/>
      <c r="N201" s="70"/>
      <c r="O201" s="70"/>
      <c r="P201" s="70"/>
      <c r="Q201" s="70"/>
      <c r="R201" s="70"/>
      <c r="S201" s="70"/>
      <c r="T201" s="70"/>
      <c r="U201" s="70"/>
      <c r="V201" s="70"/>
      <c r="W201" s="70"/>
      <c r="X201" s="70"/>
      <c r="Y201" s="70"/>
      <c r="Z201" s="70"/>
      <c r="AA201" s="70"/>
      <c r="AB201" s="70"/>
      <c r="AC201" s="70"/>
      <c r="AD201" s="70"/>
      <c r="AE201" s="70"/>
      <c r="AF201" s="70"/>
    </row>
    <row r="202" spans="3:32" x14ac:dyDescent="0.2">
      <c r="C202" s="70"/>
      <c r="D202" s="70"/>
      <c r="E202" s="70"/>
      <c r="F202" s="70"/>
      <c r="G202" s="70"/>
      <c r="H202" s="70"/>
      <c r="I202" s="70"/>
      <c r="J202" s="70"/>
      <c r="K202" s="70"/>
      <c r="L202" s="70"/>
      <c r="M202" s="70"/>
      <c r="N202" s="70"/>
      <c r="O202" s="70"/>
      <c r="P202" s="70"/>
      <c r="Q202" s="70"/>
      <c r="R202" s="70"/>
      <c r="S202" s="70"/>
      <c r="T202" s="70"/>
      <c r="U202" s="70"/>
      <c r="V202" s="70"/>
      <c r="W202" s="70"/>
      <c r="X202" s="70"/>
      <c r="Y202" s="70"/>
      <c r="Z202" s="70"/>
      <c r="AA202" s="70"/>
      <c r="AB202" s="70"/>
      <c r="AC202" s="70"/>
      <c r="AD202" s="70"/>
      <c r="AE202" s="70"/>
      <c r="AF202" s="70"/>
    </row>
    <row r="203" spans="3:32" x14ac:dyDescent="0.2">
      <c r="C203" s="70"/>
      <c r="D203" s="70"/>
      <c r="E203" s="70"/>
      <c r="F203" s="70"/>
      <c r="G203" s="70"/>
      <c r="H203" s="70"/>
      <c r="I203" s="70"/>
      <c r="J203" s="70"/>
      <c r="K203" s="70"/>
      <c r="L203" s="70"/>
      <c r="M203" s="70"/>
      <c r="N203" s="70"/>
      <c r="O203" s="70"/>
      <c r="P203" s="70"/>
      <c r="Q203" s="70"/>
      <c r="R203" s="70"/>
      <c r="S203" s="70"/>
      <c r="T203" s="70"/>
      <c r="U203" s="70"/>
      <c r="V203" s="70"/>
      <c r="W203" s="70"/>
      <c r="X203" s="70"/>
      <c r="Y203" s="70"/>
      <c r="Z203" s="70"/>
      <c r="AA203" s="70"/>
      <c r="AB203" s="70"/>
      <c r="AC203" s="70"/>
      <c r="AD203" s="70"/>
      <c r="AE203" s="70"/>
      <c r="AF203" s="70"/>
    </row>
    <row r="204" spans="3:32" x14ac:dyDescent="0.2">
      <c r="C204" s="70"/>
      <c r="D204" s="70"/>
      <c r="E204" s="70"/>
      <c r="F204" s="70"/>
      <c r="G204" s="70"/>
      <c r="H204" s="70"/>
      <c r="I204" s="70"/>
      <c r="J204" s="70"/>
      <c r="K204" s="70"/>
      <c r="L204" s="70"/>
      <c r="M204" s="70"/>
      <c r="N204" s="70"/>
      <c r="O204" s="70"/>
      <c r="P204" s="70"/>
      <c r="Q204" s="70"/>
      <c r="R204" s="70"/>
      <c r="S204" s="70"/>
      <c r="T204" s="70"/>
      <c r="U204" s="70"/>
      <c r="V204" s="70"/>
      <c r="W204" s="70"/>
      <c r="X204" s="70"/>
      <c r="Y204" s="70"/>
      <c r="Z204" s="70"/>
      <c r="AA204" s="70"/>
      <c r="AB204" s="70"/>
      <c r="AC204" s="70"/>
      <c r="AD204" s="70"/>
      <c r="AE204" s="70"/>
      <c r="AF204" s="70"/>
    </row>
    <row r="205" spans="3:32" x14ac:dyDescent="0.2">
      <c r="C205" s="70"/>
      <c r="D205" s="70"/>
      <c r="E205" s="70"/>
      <c r="F205" s="70"/>
      <c r="G205" s="70"/>
      <c r="H205" s="70"/>
      <c r="I205" s="70"/>
      <c r="J205" s="70"/>
      <c r="K205" s="70"/>
      <c r="L205" s="70"/>
      <c r="M205" s="70"/>
      <c r="N205" s="70"/>
      <c r="O205" s="70"/>
      <c r="P205" s="70"/>
      <c r="Q205" s="70"/>
      <c r="R205" s="70"/>
      <c r="S205" s="70"/>
      <c r="T205" s="70"/>
      <c r="U205" s="70"/>
      <c r="V205" s="70"/>
      <c r="W205" s="70"/>
      <c r="X205" s="70"/>
      <c r="Y205" s="70"/>
      <c r="Z205" s="70"/>
      <c r="AA205" s="70"/>
      <c r="AB205" s="70"/>
      <c r="AC205" s="70"/>
      <c r="AD205" s="70"/>
      <c r="AE205" s="70"/>
      <c r="AF205" s="70"/>
    </row>
    <row r="206" spans="3:32" x14ac:dyDescent="0.2">
      <c r="C206" s="70"/>
      <c r="D206" s="70"/>
      <c r="E206" s="70"/>
      <c r="F206" s="70"/>
      <c r="G206" s="70"/>
      <c r="H206" s="70"/>
      <c r="I206" s="70"/>
      <c r="J206" s="70"/>
      <c r="K206" s="70"/>
      <c r="L206" s="70"/>
      <c r="M206" s="70"/>
      <c r="N206" s="70"/>
      <c r="O206" s="70"/>
      <c r="P206" s="70"/>
      <c r="Q206" s="70"/>
      <c r="R206" s="70"/>
      <c r="S206" s="70"/>
      <c r="T206" s="70"/>
      <c r="U206" s="70"/>
      <c r="V206" s="70"/>
      <c r="W206" s="70"/>
      <c r="X206" s="70"/>
      <c r="Y206" s="70"/>
      <c r="Z206" s="70"/>
      <c r="AA206" s="70"/>
      <c r="AB206" s="70"/>
      <c r="AC206" s="70"/>
      <c r="AD206" s="70"/>
      <c r="AE206" s="70"/>
      <c r="AF206" s="70"/>
    </row>
    <row r="207" spans="3:32" x14ac:dyDescent="0.2">
      <c r="C207" s="70"/>
      <c r="D207" s="70"/>
      <c r="E207" s="70"/>
      <c r="F207" s="70"/>
      <c r="G207" s="70"/>
      <c r="H207" s="70"/>
      <c r="I207" s="70"/>
      <c r="J207" s="70"/>
      <c r="K207" s="70"/>
      <c r="L207" s="70"/>
      <c r="M207" s="70"/>
      <c r="N207" s="70"/>
      <c r="O207" s="70"/>
      <c r="P207" s="70"/>
      <c r="Q207" s="70"/>
      <c r="R207" s="70"/>
      <c r="S207" s="70"/>
      <c r="T207" s="70"/>
      <c r="U207" s="70"/>
      <c r="V207" s="70"/>
      <c r="W207" s="70"/>
      <c r="X207" s="70"/>
      <c r="Y207" s="70"/>
      <c r="Z207" s="70"/>
      <c r="AA207" s="70"/>
      <c r="AB207" s="70"/>
      <c r="AC207" s="70"/>
      <c r="AD207" s="70"/>
      <c r="AE207" s="70"/>
      <c r="AF207" s="70"/>
    </row>
    <row r="208" spans="3:32" x14ac:dyDescent="0.2">
      <c r="C208" s="70"/>
      <c r="D208" s="70"/>
      <c r="E208" s="70"/>
      <c r="F208" s="70"/>
      <c r="G208" s="70"/>
      <c r="H208" s="70"/>
      <c r="I208" s="70"/>
      <c r="J208" s="70"/>
      <c r="K208" s="70"/>
      <c r="L208" s="70"/>
      <c r="M208" s="70"/>
      <c r="N208" s="70"/>
      <c r="O208" s="70"/>
      <c r="P208" s="70"/>
      <c r="Q208" s="70"/>
      <c r="R208" s="70"/>
      <c r="S208" s="70"/>
      <c r="T208" s="70"/>
      <c r="U208" s="70"/>
      <c r="V208" s="70"/>
      <c r="W208" s="70"/>
      <c r="X208" s="70"/>
      <c r="Y208" s="70"/>
      <c r="Z208" s="70"/>
      <c r="AA208" s="70"/>
      <c r="AB208" s="70"/>
      <c r="AC208" s="70"/>
      <c r="AD208" s="70"/>
      <c r="AE208" s="70"/>
      <c r="AF208" s="70"/>
    </row>
    <row r="209" spans="3:32" x14ac:dyDescent="0.2">
      <c r="C209" s="70"/>
      <c r="D209" s="70"/>
      <c r="E209" s="70"/>
      <c r="F209" s="70"/>
      <c r="G209" s="70"/>
      <c r="H209" s="70"/>
      <c r="I209" s="70"/>
      <c r="J209" s="70"/>
      <c r="K209" s="70"/>
      <c r="L209" s="70"/>
      <c r="M209" s="70"/>
      <c r="N209" s="70"/>
      <c r="O209" s="70"/>
      <c r="P209" s="70"/>
      <c r="Q209" s="70"/>
      <c r="R209" s="70"/>
      <c r="S209" s="70"/>
      <c r="T209" s="70"/>
      <c r="U209" s="70"/>
      <c r="V209" s="70"/>
      <c r="W209" s="70"/>
      <c r="X209" s="70"/>
      <c r="Y209" s="70"/>
      <c r="Z209" s="70"/>
      <c r="AA209" s="70"/>
      <c r="AB209" s="70"/>
      <c r="AC209" s="70"/>
      <c r="AD209" s="70"/>
      <c r="AE209" s="70"/>
      <c r="AF209" s="70"/>
    </row>
    <row r="210" spans="3:32" x14ac:dyDescent="0.2">
      <c r="C210" s="70"/>
      <c r="D210" s="70"/>
      <c r="E210" s="70"/>
      <c r="F210" s="70"/>
      <c r="G210" s="70"/>
      <c r="H210" s="70"/>
      <c r="I210" s="70"/>
      <c r="J210" s="70"/>
      <c r="K210" s="70"/>
      <c r="L210" s="70"/>
      <c r="M210" s="70"/>
      <c r="N210" s="70"/>
      <c r="O210" s="70"/>
      <c r="P210" s="70"/>
      <c r="Q210" s="70"/>
      <c r="R210" s="70"/>
      <c r="S210" s="70"/>
      <c r="T210" s="70"/>
      <c r="U210" s="70"/>
      <c r="V210" s="70"/>
      <c r="W210" s="70"/>
      <c r="X210" s="70"/>
      <c r="Y210" s="70"/>
      <c r="Z210" s="70"/>
      <c r="AA210" s="70"/>
      <c r="AB210" s="70"/>
      <c r="AC210" s="70"/>
      <c r="AD210" s="70"/>
      <c r="AE210" s="70"/>
      <c r="AF210" s="70"/>
    </row>
    <row r="211" spans="3:32" x14ac:dyDescent="0.2">
      <c r="C211" s="70"/>
      <c r="D211" s="70"/>
      <c r="E211" s="70"/>
      <c r="F211" s="70"/>
      <c r="G211" s="70"/>
      <c r="H211" s="70"/>
      <c r="I211" s="70"/>
      <c r="J211" s="70"/>
      <c r="K211" s="70"/>
      <c r="L211" s="70"/>
      <c r="M211" s="70"/>
      <c r="N211" s="70"/>
      <c r="O211" s="70"/>
      <c r="P211" s="70"/>
      <c r="Q211" s="70"/>
      <c r="R211" s="70"/>
      <c r="S211" s="70"/>
      <c r="T211" s="70"/>
      <c r="U211" s="70"/>
      <c r="V211" s="70"/>
      <c r="W211" s="70"/>
      <c r="X211" s="70"/>
      <c r="Y211" s="70"/>
      <c r="Z211" s="70"/>
      <c r="AA211" s="70"/>
      <c r="AB211" s="70"/>
      <c r="AC211" s="70"/>
      <c r="AD211" s="70"/>
      <c r="AE211" s="70"/>
      <c r="AF211" s="70"/>
    </row>
    <row r="212" spans="3:32" x14ac:dyDescent="0.2">
      <c r="C212" s="70"/>
      <c r="D212" s="70"/>
      <c r="E212" s="70"/>
      <c r="F212" s="70"/>
      <c r="G212" s="70"/>
      <c r="H212" s="70"/>
      <c r="I212" s="70"/>
      <c r="J212" s="70"/>
      <c r="K212" s="70"/>
      <c r="L212" s="70"/>
      <c r="M212" s="70"/>
      <c r="N212" s="70"/>
      <c r="O212" s="70"/>
      <c r="P212" s="70"/>
      <c r="Q212" s="70"/>
      <c r="R212" s="70"/>
      <c r="S212" s="70"/>
      <c r="T212" s="70"/>
      <c r="U212" s="70"/>
      <c r="V212" s="70"/>
      <c r="W212" s="70"/>
      <c r="X212" s="70"/>
      <c r="Y212" s="70"/>
      <c r="Z212" s="70"/>
      <c r="AA212" s="70"/>
      <c r="AB212" s="70"/>
      <c r="AC212" s="70"/>
      <c r="AD212" s="70"/>
      <c r="AE212" s="70"/>
      <c r="AF212" s="70"/>
    </row>
    <row r="213" spans="3:32" x14ac:dyDescent="0.2">
      <c r="C213" s="70"/>
      <c r="D213" s="70"/>
      <c r="E213" s="70"/>
      <c r="F213" s="70"/>
      <c r="G213" s="70"/>
      <c r="H213" s="70"/>
      <c r="I213" s="70"/>
      <c r="J213" s="70"/>
      <c r="K213" s="70"/>
      <c r="L213" s="70"/>
      <c r="M213" s="70"/>
      <c r="N213" s="70"/>
      <c r="O213" s="70"/>
      <c r="P213" s="70"/>
      <c r="Q213" s="70"/>
      <c r="R213" s="70"/>
      <c r="S213" s="70"/>
      <c r="T213" s="70"/>
      <c r="U213" s="70"/>
      <c r="V213" s="70"/>
      <c r="W213" s="70"/>
      <c r="X213" s="70"/>
      <c r="Y213" s="70"/>
      <c r="Z213" s="70"/>
      <c r="AA213" s="70"/>
      <c r="AB213" s="70"/>
      <c r="AC213" s="70"/>
      <c r="AD213" s="70"/>
      <c r="AE213" s="70"/>
      <c r="AF213" s="70"/>
    </row>
    <row r="214" spans="3:32" x14ac:dyDescent="0.2">
      <c r="C214" s="70"/>
      <c r="D214" s="70"/>
      <c r="E214" s="70"/>
      <c r="F214" s="70"/>
      <c r="G214" s="70"/>
      <c r="H214" s="70"/>
      <c r="I214" s="70"/>
      <c r="J214" s="70"/>
      <c r="K214" s="70"/>
      <c r="L214" s="70"/>
      <c r="M214" s="70"/>
      <c r="N214" s="70"/>
      <c r="O214" s="70"/>
      <c r="P214" s="70"/>
      <c r="Q214" s="70"/>
      <c r="R214" s="70"/>
      <c r="S214" s="70"/>
      <c r="T214" s="70"/>
      <c r="U214" s="70"/>
      <c r="V214" s="70"/>
      <c r="W214" s="70"/>
      <c r="X214" s="70"/>
      <c r="Y214" s="70"/>
      <c r="Z214" s="70"/>
      <c r="AA214" s="70"/>
      <c r="AB214" s="70"/>
      <c r="AC214" s="70"/>
      <c r="AD214" s="70"/>
      <c r="AE214" s="70"/>
      <c r="AF214" s="70"/>
    </row>
    <row r="215" spans="3:32" x14ac:dyDescent="0.2">
      <c r="C215" s="70"/>
      <c r="D215" s="70"/>
      <c r="E215" s="70"/>
      <c r="F215" s="70"/>
      <c r="G215" s="70"/>
      <c r="H215" s="70"/>
      <c r="I215" s="70"/>
      <c r="J215" s="70"/>
      <c r="K215" s="70"/>
      <c r="L215" s="70"/>
      <c r="M215" s="70"/>
      <c r="N215" s="70"/>
      <c r="O215" s="70"/>
      <c r="P215" s="70"/>
      <c r="Q215" s="70"/>
      <c r="R215" s="70"/>
      <c r="S215" s="70"/>
      <c r="T215" s="70"/>
      <c r="U215" s="70"/>
      <c r="V215" s="70"/>
      <c r="W215" s="70"/>
      <c r="X215" s="70"/>
      <c r="Y215" s="70"/>
      <c r="Z215" s="70"/>
      <c r="AA215" s="70"/>
      <c r="AB215" s="70"/>
      <c r="AC215" s="70"/>
      <c r="AD215" s="70"/>
      <c r="AE215" s="70"/>
      <c r="AF215" s="70"/>
    </row>
    <row r="216" spans="3:32" x14ac:dyDescent="0.2">
      <c r="C216" s="70"/>
      <c r="D216" s="70"/>
      <c r="E216" s="70"/>
      <c r="F216" s="70"/>
      <c r="G216" s="70"/>
      <c r="H216" s="70"/>
      <c r="I216" s="70"/>
      <c r="J216" s="70"/>
      <c r="K216" s="70"/>
      <c r="L216" s="70"/>
      <c r="M216" s="70"/>
      <c r="N216" s="70"/>
      <c r="O216" s="70"/>
      <c r="P216" s="70"/>
      <c r="Q216" s="70"/>
      <c r="R216" s="70"/>
      <c r="S216" s="70"/>
      <c r="T216" s="70"/>
      <c r="U216" s="70"/>
      <c r="V216" s="70"/>
      <c r="W216" s="70"/>
      <c r="X216" s="70"/>
      <c r="Y216" s="70"/>
      <c r="Z216" s="70"/>
      <c r="AA216" s="70"/>
      <c r="AB216" s="70"/>
      <c r="AC216" s="70"/>
      <c r="AD216" s="70"/>
      <c r="AE216" s="70"/>
      <c r="AF216" s="70"/>
    </row>
    <row r="217" spans="3:32" x14ac:dyDescent="0.2">
      <c r="C217" s="70"/>
      <c r="D217" s="70"/>
      <c r="E217" s="70"/>
      <c r="F217" s="70"/>
      <c r="G217" s="70"/>
      <c r="H217" s="70"/>
      <c r="I217" s="70"/>
      <c r="J217" s="70"/>
      <c r="K217" s="70"/>
      <c r="L217" s="70"/>
      <c r="M217" s="70"/>
      <c r="N217" s="70"/>
      <c r="O217" s="70"/>
      <c r="P217" s="70"/>
      <c r="Q217" s="70"/>
      <c r="R217" s="70"/>
      <c r="S217" s="70"/>
      <c r="T217" s="70"/>
      <c r="U217" s="70"/>
      <c r="V217" s="70"/>
      <c r="W217" s="70"/>
      <c r="X217" s="70"/>
      <c r="Y217" s="70"/>
      <c r="Z217" s="70"/>
      <c r="AA217" s="70"/>
      <c r="AB217" s="70"/>
      <c r="AC217" s="70"/>
      <c r="AD217" s="70"/>
      <c r="AE217" s="70"/>
      <c r="AF217" s="70"/>
    </row>
    <row r="218" spans="3:32" x14ac:dyDescent="0.2">
      <c r="C218" s="70"/>
      <c r="D218" s="70"/>
      <c r="E218" s="70"/>
      <c r="F218" s="70"/>
      <c r="G218" s="70"/>
      <c r="H218" s="70"/>
      <c r="I218" s="70"/>
      <c r="J218" s="70"/>
      <c r="K218" s="70"/>
      <c r="L218" s="70"/>
      <c r="M218" s="70"/>
      <c r="N218" s="70"/>
      <c r="O218" s="70"/>
      <c r="P218" s="70"/>
      <c r="Q218" s="70"/>
      <c r="R218" s="70"/>
      <c r="S218" s="70"/>
      <c r="T218" s="70"/>
      <c r="U218" s="70"/>
      <c r="V218" s="70"/>
      <c r="W218" s="70"/>
      <c r="X218" s="70"/>
      <c r="Y218" s="70"/>
      <c r="Z218" s="70"/>
      <c r="AA218" s="70"/>
      <c r="AB218" s="70"/>
      <c r="AC218" s="70"/>
      <c r="AD218" s="70"/>
      <c r="AE218" s="70"/>
      <c r="AF218" s="70"/>
    </row>
    <row r="219" spans="3:32" x14ac:dyDescent="0.2">
      <c r="C219" s="70"/>
      <c r="D219" s="70"/>
      <c r="E219" s="70"/>
      <c r="F219" s="70"/>
      <c r="G219" s="70"/>
      <c r="H219" s="70"/>
      <c r="I219" s="70"/>
      <c r="J219" s="70"/>
      <c r="K219" s="70"/>
      <c r="L219" s="70"/>
      <c r="M219" s="70"/>
      <c r="N219" s="70"/>
      <c r="O219" s="70"/>
      <c r="P219" s="70"/>
      <c r="Q219" s="70"/>
      <c r="R219" s="70"/>
      <c r="S219" s="70"/>
      <c r="T219" s="70"/>
      <c r="U219" s="70"/>
      <c r="V219" s="70"/>
      <c r="W219" s="70"/>
      <c r="X219" s="70"/>
      <c r="Y219" s="70"/>
      <c r="Z219" s="70"/>
      <c r="AA219" s="70"/>
      <c r="AB219" s="70"/>
      <c r="AC219" s="70"/>
      <c r="AD219" s="70"/>
      <c r="AE219" s="70"/>
      <c r="AF219" s="70"/>
    </row>
  </sheetData>
  <mergeCells count="59">
    <mergeCell ref="DS5:DU5"/>
    <mergeCell ref="DV5:EA5"/>
    <mergeCell ref="EB5:EB6"/>
    <mergeCell ref="CD5:CD6"/>
    <mergeCell ref="CE5:CG5"/>
    <mergeCell ref="CH5:CM5"/>
    <mergeCell ref="CN5:CN6"/>
    <mergeCell ref="CO5:CQ5"/>
    <mergeCell ref="CR5:CW5"/>
    <mergeCell ref="CX5:CX6"/>
    <mergeCell ref="CY5:DA5"/>
    <mergeCell ref="DB5:DG5"/>
    <mergeCell ref="DH5:DH6"/>
    <mergeCell ref="DI5:DK5"/>
    <mergeCell ref="DL5:DQ5"/>
    <mergeCell ref="DR5:DR6"/>
    <mergeCell ref="BU5:BW5"/>
    <mergeCell ref="BX5:CC5"/>
    <mergeCell ref="BA5:BC5"/>
    <mergeCell ref="BD5:BI5"/>
    <mergeCell ref="BJ5:BJ6"/>
    <mergeCell ref="BK5:BM5"/>
    <mergeCell ref="W5:Y5"/>
    <mergeCell ref="Z5:AE5"/>
    <mergeCell ref="AF5:AF6"/>
    <mergeCell ref="BN5:BS5"/>
    <mergeCell ref="BT5:BT6"/>
    <mergeCell ref="V5:V6"/>
    <mergeCell ref="BK3:CN3"/>
    <mergeCell ref="DS3:EB4"/>
    <mergeCell ref="C4:L4"/>
    <mergeCell ref="M4:V4"/>
    <mergeCell ref="W4:AF4"/>
    <mergeCell ref="AG4:AP4"/>
    <mergeCell ref="AQ4:AZ4"/>
    <mergeCell ref="BA4:BJ4"/>
    <mergeCell ref="BK4:BT4"/>
    <mergeCell ref="BU4:CD4"/>
    <mergeCell ref="CE4:CN4"/>
    <mergeCell ref="CO3:DR3"/>
    <mergeCell ref="CO4:CX4"/>
    <mergeCell ref="CY4:DH4"/>
    <mergeCell ref="DI4:DR4"/>
    <mergeCell ref="F1:G1"/>
    <mergeCell ref="I1:J1"/>
    <mergeCell ref="B3:B5"/>
    <mergeCell ref="C3:AF3"/>
    <mergeCell ref="AG3:BJ3"/>
    <mergeCell ref="AG5:AI5"/>
    <mergeCell ref="AJ5:AO5"/>
    <mergeCell ref="AP5:AP6"/>
    <mergeCell ref="AQ5:AS5"/>
    <mergeCell ref="AT5:AY5"/>
    <mergeCell ref="AZ5:AZ6"/>
    <mergeCell ref="C5:E5"/>
    <mergeCell ref="F5:K5"/>
    <mergeCell ref="L5:L6"/>
    <mergeCell ref="M5:O5"/>
    <mergeCell ref="P5:U5"/>
  </mergeCells>
  <phoneticPr fontId="4"/>
  <pageMargins left="0.78740157480314965" right="0.31496062992125984" top="0.27559055118110237" bottom="0.39370078740157483" header="0.19685039370078741" footer="0.19685039370078741"/>
  <pageSetup paperSize="9" scale="45" orientation="landscape" r:id="rId1"/>
  <headerFooter alignWithMargins="0">
    <oddFooter>&amp;L&amp;20&amp;A&amp;C&amp;P/&amp;N</oddFooter>
  </headerFooter>
  <colBreaks count="3" manualBreakCount="3">
    <brk id="32" max="1048575" man="1"/>
    <brk id="62" max="1048575" man="1"/>
    <brk id="122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KM41"/>
  <sheetViews>
    <sheetView zoomScaleNormal="100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5" width="7.88671875" style="70" customWidth="1"/>
    <col min="6" max="6" width="8.109375" style="70" customWidth="1"/>
    <col min="7" max="11" width="7.88671875" style="70" customWidth="1"/>
    <col min="12" max="13" width="8.77734375" style="70" customWidth="1"/>
    <col min="14" max="33" width="7.88671875" style="70" customWidth="1"/>
    <col min="34" max="34" width="9.109375" style="70" customWidth="1"/>
    <col min="35" max="35" width="8.44140625" style="70" customWidth="1"/>
    <col min="36" max="55" width="7.88671875" style="70" customWidth="1"/>
    <col min="56" max="56" width="9.109375" style="70" customWidth="1"/>
    <col min="57" max="57" width="8.44140625" style="70" customWidth="1"/>
    <col min="58" max="77" width="7.88671875" style="70" customWidth="1"/>
    <col min="78" max="78" width="9.109375" style="70" customWidth="1"/>
    <col min="79" max="79" width="8.44140625" style="70" customWidth="1"/>
    <col min="80" max="86" width="7.88671875" style="70" customWidth="1"/>
    <col min="87" max="102" width="9" style="70"/>
    <col min="103" max="148" width="9" style="71"/>
    <col min="149" max="149" width="7.77734375" style="71" customWidth="1"/>
    <col min="150" max="159" width="9" style="71"/>
    <col min="160" max="160" width="8.109375" style="71" customWidth="1"/>
    <col min="161" max="16384" width="9" style="71"/>
  </cols>
  <sheetData>
    <row r="1" spans="2:299" ht="24" customHeight="1" x14ac:dyDescent="0.2">
      <c r="B1" s="9" t="s">
        <v>119</v>
      </c>
      <c r="F1" s="442">
        <f>第１表!F2</f>
        <v>7</v>
      </c>
      <c r="G1" s="442"/>
      <c r="H1" s="18">
        <f>第１表!G2</f>
        <v>3</v>
      </c>
      <c r="I1" s="424">
        <f>H1</f>
        <v>3</v>
      </c>
      <c r="J1" s="424"/>
    </row>
    <row r="2" spans="2:299" ht="24" customHeight="1" thickBot="1" x14ac:dyDescent="0.25">
      <c r="B2" s="10" t="s">
        <v>126</v>
      </c>
    </row>
    <row r="3" spans="2:299" ht="21" customHeight="1" thickBot="1" x14ac:dyDescent="0.25">
      <c r="B3" s="425" t="s">
        <v>38</v>
      </c>
      <c r="C3" s="437" t="s">
        <v>96</v>
      </c>
      <c r="D3" s="437"/>
      <c r="E3" s="437"/>
      <c r="F3" s="437"/>
      <c r="G3" s="437"/>
      <c r="H3" s="437"/>
      <c r="I3" s="437"/>
      <c r="J3" s="437"/>
      <c r="K3" s="437"/>
      <c r="L3" s="437"/>
      <c r="M3" s="437"/>
      <c r="N3" s="437"/>
      <c r="O3" s="437"/>
      <c r="P3" s="437"/>
      <c r="Q3" s="437"/>
      <c r="R3" s="437"/>
      <c r="S3" s="437"/>
      <c r="T3" s="437"/>
      <c r="U3" s="437"/>
      <c r="V3" s="437"/>
      <c r="W3" s="437"/>
      <c r="X3" s="437"/>
      <c r="Y3" s="437"/>
      <c r="Z3" s="437"/>
      <c r="AA3" s="437"/>
      <c r="AB3" s="437"/>
      <c r="AC3" s="437"/>
      <c r="AD3" s="437"/>
      <c r="AE3" s="437"/>
      <c r="AF3" s="437"/>
      <c r="AG3" s="437"/>
      <c r="AH3" s="437"/>
      <c r="AI3" s="437"/>
      <c r="AJ3" s="437"/>
      <c r="AK3" s="437"/>
      <c r="AL3" s="437"/>
      <c r="AM3" s="437"/>
      <c r="AN3" s="437"/>
      <c r="AO3" s="437"/>
      <c r="AP3" s="437"/>
      <c r="AQ3" s="437"/>
      <c r="AR3" s="437"/>
      <c r="AS3" s="437"/>
      <c r="AT3" s="437"/>
      <c r="AU3" s="437"/>
      <c r="AV3" s="437"/>
      <c r="AW3" s="437"/>
      <c r="AX3" s="437"/>
      <c r="AY3" s="437"/>
      <c r="AZ3" s="437"/>
      <c r="BA3" s="437"/>
      <c r="BB3" s="437"/>
      <c r="BC3" s="437"/>
      <c r="BD3" s="437"/>
      <c r="BE3" s="437"/>
      <c r="BF3" s="437"/>
      <c r="BG3" s="437"/>
      <c r="BH3" s="437"/>
      <c r="BI3" s="437"/>
      <c r="BJ3" s="437"/>
      <c r="BK3" s="437"/>
      <c r="BL3" s="437"/>
      <c r="BM3" s="437"/>
      <c r="BN3" s="437"/>
      <c r="BO3" s="437"/>
      <c r="BP3" s="437"/>
      <c r="BQ3" s="437"/>
      <c r="BR3" s="437"/>
      <c r="BS3" s="437"/>
      <c r="BT3" s="437"/>
      <c r="BU3" s="437"/>
      <c r="BV3" s="437"/>
      <c r="BW3" s="437"/>
      <c r="BX3" s="437"/>
      <c r="BY3" s="437"/>
      <c r="BZ3" s="437"/>
      <c r="CA3" s="437"/>
      <c r="CB3" s="437"/>
      <c r="CC3" s="437"/>
      <c r="CD3" s="437"/>
      <c r="CE3" s="437"/>
      <c r="CF3" s="437"/>
      <c r="CG3" s="437"/>
      <c r="CH3" s="437"/>
      <c r="CI3" s="437"/>
      <c r="CJ3" s="437"/>
      <c r="CK3" s="437"/>
      <c r="CL3" s="437"/>
      <c r="CM3" s="437"/>
      <c r="CN3" s="437"/>
      <c r="CO3" s="437"/>
      <c r="CP3" s="437"/>
      <c r="CQ3" s="437"/>
      <c r="CR3" s="437"/>
      <c r="CS3" s="437"/>
      <c r="CT3" s="437"/>
      <c r="CU3" s="437"/>
      <c r="CV3" s="437"/>
      <c r="CW3" s="438"/>
      <c r="CX3" s="437" t="s">
        <v>102</v>
      </c>
      <c r="CY3" s="437"/>
      <c r="CZ3" s="437"/>
      <c r="DA3" s="437"/>
      <c r="DB3" s="437"/>
      <c r="DC3" s="437"/>
      <c r="DD3" s="437"/>
      <c r="DE3" s="437"/>
      <c r="DF3" s="437"/>
      <c r="DG3" s="437"/>
      <c r="DH3" s="437"/>
      <c r="DI3" s="437"/>
      <c r="DJ3" s="437"/>
      <c r="DK3" s="437"/>
      <c r="DL3" s="437"/>
      <c r="DM3" s="437"/>
      <c r="DN3" s="437"/>
      <c r="DO3" s="437"/>
      <c r="DP3" s="437"/>
      <c r="DQ3" s="437"/>
      <c r="DR3" s="437"/>
      <c r="DS3" s="437"/>
      <c r="DT3" s="437"/>
      <c r="DU3" s="437"/>
      <c r="DV3" s="437"/>
      <c r="DW3" s="437"/>
      <c r="DX3" s="437"/>
      <c r="DY3" s="437"/>
      <c r="DZ3" s="437"/>
      <c r="EA3" s="437"/>
      <c r="EB3" s="437"/>
      <c r="EC3" s="437"/>
      <c r="ED3" s="437"/>
      <c r="EE3" s="437"/>
      <c r="EF3" s="437"/>
      <c r="EG3" s="437"/>
      <c r="EH3" s="437"/>
      <c r="EI3" s="437"/>
      <c r="EJ3" s="437"/>
      <c r="EK3" s="437"/>
      <c r="EL3" s="437"/>
      <c r="EM3" s="437"/>
      <c r="EN3" s="437"/>
      <c r="EO3" s="437"/>
      <c r="EP3" s="437"/>
      <c r="EQ3" s="437"/>
      <c r="ER3" s="437"/>
      <c r="ES3" s="437"/>
      <c r="ET3" s="437"/>
      <c r="EU3" s="437"/>
      <c r="EV3" s="437"/>
      <c r="EW3" s="437"/>
      <c r="EX3" s="437"/>
      <c r="EY3" s="437"/>
      <c r="EZ3" s="437"/>
      <c r="FA3" s="437"/>
      <c r="FB3" s="437"/>
      <c r="FC3" s="437"/>
      <c r="FD3" s="437"/>
      <c r="FE3" s="437"/>
      <c r="FF3" s="437"/>
      <c r="FG3" s="437"/>
      <c r="FH3" s="437"/>
      <c r="FI3" s="437"/>
      <c r="FJ3" s="437"/>
      <c r="FK3" s="437"/>
      <c r="FL3" s="437"/>
      <c r="FM3" s="437"/>
      <c r="FN3" s="437"/>
      <c r="FO3" s="437"/>
      <c r="FP3" s="437"/>
      <c r="FQ3" s="437"/>
      <c r="FR3" s="437"/>
      <c r="FS3" s="437"/>
      <c r="FT3" s="437"/>
      <c r="FU3" s="437"/>
      <c r="FV3" s="437"/>
      <c r="FW3" s="437"/>
      <c r="FX3" s="437"/>
      <c r="FY3" s="437"/>
      <c r="FZ3" s="437"/>
      <c r="GA3" s="437"/>
      <c r="GB3" s="437"/>
      <c r="GC3" s="437"/>
      <c r="GD3" s="437"/>
      <c r="GE3" s="437"/>
      <c r="GF3" s="437"/>
      <c r="GG3" s="437"/>
      <c r="GH3" s="437"/>
      <c r="GI3" s="437"/>
      <c r="GJ3" s="437"/>
      <c r="GK3" s="437"/>
      <c r="GL3" s="437"/>
      <c r="GM3" s="437"/>
      <c r="GN3" s="437"/>
      <c r="GO3" s="437"/>
      <c r="GP3" s="437"/>
      <c r="GQ3" s="437"/>
      <c r="GR3" s="438"/>
      <c r="GS3" s="437" t="s">
        <v>103</v>
      </c>
      <c r="GT3" s="437"/>
      <c r="GU3" s="437"/>
      <c r="GV3" s="437"/>
      <c r="GW3" s="437"/>
      <c r="GX3" s="437"/>
      <c r="GY3" s="437"/>
      <c r="GZ3" s="437"/>
      <c r="HA3" s="437"/>
      <c r="HB3" s="437"/>
      <c r="HC3" s="437"/>
      <c r="HD3" s="437"/>
      <c r="HE3" s="437"/>
      <c r="HF3" s="437"/>
      <c r="HG3" s="437"/>
      <c r="HH3" s="437"/>
      <c r="HI3" s="437"/>
      <c r="HJ3" s="437"/>
      <c r="HK3" s="437"/>
      <c r="HL3" s="437"/>
      <c r="HM3" s="437"/>
      <c r="HN3" s="437"/>
      <c r="HO3" s="437"/>
      <c r="HP3" s="437"/>
      <c r="HQ3" s="437"/>
      <c r="HR3" s="437"/>
      <c r="HS3" s="437"/>
      <c r="HT3" s="437"/>
      <c r="HU3" s="437"/>
      <c r="HV3" s="437"/>
      <c r="HW3" s="437"/>
      <c r="HX3" s="437"/>
      <c r="HY3" s="437"/>
      <c r="HZ3" s="437"/>
      <c r="IA3" s="437"/>
      <c r="IB3" s="437"/>
      <c r="IC3" s="437"/>
      <c r="ID3" s="437"/>
      <c r="IE3" s="437"/>
      <c r="IF3" s="437"/>
      <c r="IG3" s="437"/>
      <c r="IH3" s="437"/>
      <c r="II3" s="437"/>
      <c r="IJ3" s="437"/>
      <c r="IK3" s="437"/>
      <c r="IL3" s="437"/>
      <c r="IM3" s="437"/>
      <c r="IN3" s="437"/>
      <c r="IO3" s="437"/>
      <c r="IP3" s="437"/>
      <c r="IQ3" s="437"/>
      <c r="IR3" s="437"/>
      <c r="IS3" s="437"/>
      <c r="IT3" s="437"/>
      <c r="IU3" s="437"/>
      <c r="IV3" s="437"/>
      <c r="IW3" s="437"/>
      <c r="IX3" s="437"/>
      <c r="IY3" s="437"/>
      <c r="IZ3" s="437"/>
      <c r="JA3" s="437"/>
      <c r="JB3" s="437"/>
      <c r="JC3" s="437"/>
      <c r="JD3" s="437"/>
      <c r="JE3" s="437"/>
      <c r="JF3" s="437"/>
      <c r="JG3" s="437"/>
      <c r="JH3" s="437"/>
      <c r="JI3" s="437"/>
      <c r="JJ3" s="437"/>
      <c r="JK3" s="437"/>
      <c r="JL3" s="437"/>
      <c r="JM3" s="437"/>
      <c r="JN3" s="437"/>
      <c r="JO3" s="437"/>
      <c r="JP3" s="437"/>
      <c r="JQ3" s="437"/>
      <c r="JR3" s="437"/>
      <c r="JS3" s="437"/>
      <c r="JT3" s="437"/>
      <c r="JU3" s="437"/>
      <c r="JV3" s="437"/>
      <c r="JW3" s="437"/>
      <c r="JX3" s="437"/>
      <c r="JY3" s="437"/>
      <c r="JZ3" s="437"/>
      <c r="KA3" s="437"/>
      <c r="KB3" s="437"/>
      <c r="KC3" s="437"/>
      <c r="KD3" s="437"/>
      <c r="KE3" s="437"/>
      <c r="KF3" s="437"/>
      <c r="KG3" s="437"/>
      <c r="KH3" s="437"/>
      <c r="KI3" s="437"/>
      <c r="KJ3" s="437"/>
      <c r="KK3" s="437"/>
      <c r="KL3" s="437"/>
      <c r="KM3" s="438"/>
    </row>
    <row r="4" spans="2:299" ht="21" customHeight="1" thickBot="1" x14ac:dyDescent="0.25">
      <c r="B4" s="443"/>
      <c r="C4" s="439" t="s">
        <v>39</v>
      </c>
      <c r="D4" s="440"/>
      <c r="E4" s="440"/>
      <c r="F4" s="440"/>
      <c r="G4" s="440"/>
      <c r="H4" s="440"/>
      <c r="I4" s="440"/>
      <c r="J4" s="440"/>
      <c r="K4" s="440"/>
      <c r="L4" s="440"/>
      <c r="M4" s="440"/>
      <c r="N4" s="440"/>
      <c r="O4" s="440"/>
      <c r="P4" s="440"/>
      <c r="Q4" s="440"/>
      <c r="R4" s="440"/>
      <c r="S4" s="440"/>
      <c r="T4" s="440"/>
      <c r="U4" s="440"/>
      <c r="V4" s="440"/>
      <c r="W4" s="440"/>
      <c r="X4" s="440"/>
      <c r="Y4" s="440"/>
      <c r="Z4" s="440"/>
      <c r="AA4" s="440"/>
      <c r="AB4" s="440"/>
      <c r="AC4" s="440"/>
      <c r="AD4" s="440"/>
      <c r="AE4" s="440"/>
      <c r="AF4" s="440"/>
      <c r="AG4" s="440"/>
      <c r="AH4" s="440"/>
      <c r="AI4" s="440"/>
      <c r="AJ4" s="440"/>
      <c r="AK4" s="440"/>
      <c r="AL4" s="440"/>
      <c r="AM4" s="440"/>
      <c r="AN4" s="440"/>
      <c r="AO4" s="440"/>
      <c r="AP4" s="440"/>
      <c r="AQ4" s="440"/>
      <c r="AR4" s="440"/>
      <c r="AS4" s="440"/>
      <c r="AT4" s="440"/>
      <c r="AU4" s="440"/>
      <c r="AV4" s="440"/>
      <c r="AW4" s="440"/>
      <c r="AX4" s="440"/>
      <c r="AY4" s="440"/>
      <c r="AZ4" s="440"/>
      <c r="BA4" s="440"/>
      <c r="BB4" s="440"/>
      <c r="BC4" s="440"/>
      <c r="BD4" s="440"/>
      <c r="BE4" s="440"/>
      <c r="BF4" s="440"/>
      <c r="BG4" s="440"/>
      <c r="BH4" s="440"/>
      <c r="BI4" s="440"/>
      <c r="BJ4" s="440"/>
      <c r="BK4" s="440"/>
      <c r="BL4" s="440"/>
      <c r="BM4" s="440"/>
      <c r="BN4" s="440"/>
      <c r="BO4" s="440"/>
      <c r="BP4" s="440"/>
      <c r="BQ4" s="440"/>
      <c r="BR4" s="440"/>
      <c r="BS4" s="440"/>
      <c r="BT4" s="440"/>
      <c r="BU4" s="440"/>
      <c r="BV4" s="440"/>
      <c r="BW4" s="440"/>
      <c r="BX4" s="440"/>
      <c r="BY4" s="440"/>
      <c r="BZ4" s="440"/>
      <c r="CA4" s="441"/>
      <c r="CB4" s="425" t="s">
        <v>40</v>
      </c>
      <c r="CC4" s="426"/>
      <c r="CD4" s="426"/>
      <c r="CE4" s="426"/>
      <c r="CF4" s="426"/>
      <c r="CG4" s="426"/>
      <c r="CH4" s="426"/>
      <c r="CI4" s="426"/>
      <c r="CJ4" s="426"/>
      <c r="CK4" s="426"/>
      <c r="CL4" s="427"/>
      <c r="CM4" s="425" t="s">
        <v>41</v>
      </c>
      <c r="CN4" s="426"/>
      <c r="CO4" s="426"/>
      <c r="CP4" s="426"/>
      <c r="CQ4" s="426"/>
      <c r="CR4" s="426"/>
      <c r="CS4" s="426"/>
      <c r="CT4" s="426"/>
      <c r="CU4" s="426"/>
      <c r="CV4" s="426"/>
      <c r="CW4" s="427"/>
      <c r="CX4" s="439" t="s">
        <v>39</v>
      </c>
      <c r="CY4" s="440"/>
      <c r="CZ4" s="440"/>
      <c r="DA4" s="440"/>
      <c r="DB4" s="440"/>
      <c r="DC4" s="440"/>
      <c r="DD4" s="440"/>
      <c r="DE4" s="440"/>
      <c r="DF4" s="440"/>
      <c r="DG4" s="440"/>
      <c r="DH4" s="440"/>
      <c r="DI4" s="440"/>
      <c r="DJ4" s="440"/>
      <c r="DK4" s="440"/>
      <c r="DL4" s="440"/>
      <c r="DM4" s="440"/>
      <c r="DN4" s="440"/>
      <c r="DO4" s="440"/>
      <c r="DP4" s="440"/>
      <c r="DQ4" s="440"/>
      <c r="DR4" s="440"/>
      <c r="DS4" s="440"/>
      <c r="DT4" s="440"/>
      <c r="DU4" s="440"/>
      <c r="DV4" s="440"/>
      <c r="DW4" s="440"/>
      <c r="DX4" s="440"/>
      <c r="DY4" s="440"/>
      <c r="DZ4" s="440"/>
      <c r="EA4" s="440"/>
      <c r="EB4" s="440"/>
      <c r="EC4" s="440"/>
      <c r="ED4" s="440"/>
      <c r="EE4" s="440"/>
      <c r="EF4" s="440"/>
      <c r="EG4" s="440"/>
      <c r="EH4" s="440"/>
      <c r="EI4" s="440"/>
      <c r="EJ4" s="440"/>
      <c r="EK4" s="440"/>
      <c r="EL4" s="440"/>
      <c r="EM4" s="440"/>
      <c r="EN4" s="440"/>
      <c r="EO4" s="440"/>
      <c r="EP4" s="440"/>
      <c r="EQ4" s="440"/>
      <c r="ER4" s="440"/>
      <c r="ES4" s="440"/>
      <c r="ET4" s="440"/>
      <c r="EU4" s="440"/>
      <c r="EV4" s="440"/>
      <c r="EW4" s="440"/>
      <c r="EX4" s="440"/>
      <c r="EY4" s="440"/>
      <c r="EZ4" s="440"/>
      <c r="FA4" s="440"/>
      <c r="FB4" s="440"/>
      <c r="FC4" s="440"/>
      <c r="FD4" s="440"/>
      <c r="FE4" s="440"/>
      <c r="FF4" s="440"/>
      <c r="FG4" s="440"/>
      <c r="FH4" s="440"/>
      <c r="FI4" s="440"/>
      <c r="FJ4" s="440"/>
      <c r="FK4" s="440"/>
      <c r="FL4" s="440"/>
      <c r="FM4" s="440"/>
      <c r="FN4" s="440"/>
      <c r="FO4" s="440"/>
      <c r="FP4" s="440"/>
      <c r="FQ4" s="440"/>
      <c r="FR4" s="440"/>
      <c r="FS4" s="440"/>
      <c r="FT4" s="440"/>
      <c r="FU4" s="440"/>
      <c r="FV4" s="441"/>
      <c r="FW4" s="425" t="s">
        <v>40</v>
      </c>
      <c r="FX4" s="426"/>
      <c r="FY4" s="426"/>
      <c r="FZ4" s="426"/>
      <c r="GA4" s="426"/>
      <c r="GB4" s="426"/>
      <c r="GC4" s="426"/>
      <c r="GD4" s="426"/>
      <c r="GE4" s="426"/>
      <c r="GF4" s="426"/>
      <c r="GG4" s="427"/>
      <c r="GH4" s="425" t="s">
        <v>41</v>
      </c>
      <c r="GI4" s="426"/>
      <c r="GJ4" s="426"/>
      <c r="GK4" s="426"/>
      <c r="GL4" s="426"/>
      <c r="GM4" s="426"/>
      <c r="GN4" s="426"/>
      <c r="GO4" s="426"/>
      <c r="GP4" s="426"/>
      <c r="GQ4" s="426"/>
      <c r="GR4" s="427"/>
      <c r="GS4" s="439" t="s">
        <v>39</v>
      </c>
      <c r="GT4" s="440"/>
      <c r="GU4" s="440"/>
      <c r="GV4" s="440"/>
      <c r="GW4" s="440"/>
      <c r="GX4" s="440"/>
      <c r="GY4" s="440"/>
      <c r="GZ4" s="440"/>
      <c r="HA4" s="440"/>
      <c r="HB4" s="440"/>
      <c r="HC4" s="440"/>
      <c r="HD4" s="440"/>
      <c r="HE4" s="440"/>
      <c r="HF4" s="440"/>
      <c r="HG4" s="440"/>
      <c r="HH4" s="440"/>
      <c r="HI4" s="440"/>
      <c r="HJ4" s="440"/>
      <c r="HK4" s="440"/>
      <c r="HL4" s="440"/>
      <c r="HM4" s="440"/>
      <c r="HN4" s="440"/>
      <c r="HO4" s="440"/>
      <c r="HP4" s="440"/>
      <c r="HQ4" s="440"/>
      <c r="HR4" s="440"/>
      <c r="HS4" s="440"/>
      <c r="HT4" s="440"/>
      <c r="HU4" s="440"/>
      <c r="HV4" s="440"/>
      <c r="HW4" s="440"/>
      <c r="HX4" s="440"/>
      <c r="HY4" s="440"/>
      <c r="HZ4" s="440"/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1"/>
      <c r="JR4" s="425" t="s">
        <v>40</v>
      </c>
      <c r="JS4" s="426"/>
      <c r="JT4" s="426"/>
      <c r="JU4" s="426"/>
      <c r="JV4" s="426"/>
      <c r="JW4" s="426"/>
      <c r="JX4" s="426"/>
      <c r="JY4" s="426"/>
      <c r="JZ4" s="426"/>
      <c r="KA4" s="426"/>
      <c r="KB4" s="427"/>
      <c r="KC4" s="425" t="s">
        <v>41</v>
      </c>
      <c r="KD4" s="426"/>
      <c r="KE4" s="426"/>
      <c r="KF4" s="426"/>
      <c r="KG4" s="426"/>
      <c r="KH4" s="426"/>
      <c r="KI4" s="426"/>
      <c r="KJ4" s="426"/>
      <c r="KK4" s="426"/>
      <c r="KL4" s="426"/>
      <c r="KM4" s="427"/>
    </row>
    <row r="5" spans="2:299" ht="21" customHeight="1" thickBot="1" x14ac:dyDescent="0.25">
      <c r="B5" s="431"/>
      <c r="C5" s="431"/>
      <c r="D5" s="432"/>
      <c r="E5" s="432"/>
      <c r="F5" s="432"/>
      <c r="G5" s="432"/>
      <c r="H5" s="432"/>
      <c r="I5" s="432"/>
      <c r="J5" s="432"/>
      <c r="K5" s="432"/>
      <c r="L5" s="432"/>
      <c r="M5" s="433"/>
      <c r="N5" s="434" t="s">
        <v>97</v>
      </c>
      <c r="O5" s="435"/>
      <c r="P5" s="435"/>
      <c r="Q5" s="435"/>
      <c r="R5" s="435"/>
      <c r="S5" s="435"/>
      <c r="T5" s="435"/>
      <c r="U5" s="435"/>
      <c r="V5" s="435"/>
      <c r="W5" s="435"/>
      <c r="X5" s="436"/>
      <c r="Y5" s="434" t="s">
        <v>98</v>
      </c>
      <c r="Z5" s="435"/>
      <c r="AA5" s="435"/>
      <c r="AB5" s="435"/>
      <c r="AC5" s="435"/>
      <c r="AD5" s="435"/>
      <c r="AE5" s="435"/>
      <c r="AF5" s="435"/>
      <c r="AG5" s="435"/>
      <c r="AH5" s="435"/>
      <c r="AI5" s="436"/>
      <c r="AJ5" s="434" t="s">
        <v>99</v>
      </c>
      <c r="AK5" s="435"/>
      <c r="AL5" s="435"/>
      <c r="AM5" s="435"/>
      <c r="AN5" s="435"/>
      <c r="AO5" s="435"/>
      <c r="AP5" s="435"/>
      <c r="AQ5" s="435"/>
      <c r="AR5" s="435"/>
      <c r="AS5" s="435"/>
      <c r="AT5" s="436"/>
      <c r="AU5" s="434" t="s">
        <v>100</v>
      </c>
      <c r="AV5" s="435"/>
      <c r="AW5" s="435"/>
      <c r="AX5" s="435"/>
      <c r="AY5" s="435"/>
      <c r="AZ5" s="435"/>
      <c r="BA5" s="435"/>
      <c r="BB5" s="435"/>
      <c r="BC5" s="435"/>
      <c r="BD5" s="435"/>
      <c r="BE5" s="436"/>
      <c r="BF5" s="434" t="s">
        <v>161</v>
      </c>
      <c r="BG5" s="435"/>
      <c r="BH5" s="435"/>
      <c r="BI5" s="435"/>
      <c r="BJ5" s="435"/>
      <c r="BK5" s="435"/>
      <c r="BL5" s="435"/>
      <c r="BM5" s="435"/>
      <c r="BN5" s="435"/>
      <c r="BO5" s="435"/>
      <c r="BP5" s="436"/>
      <c r="BQ5" s="434" t="s">
        <v>101</v>
      </c>
      <c r="BR5" s="435"/>
      <c r="BS5" s="435"/>
      <c r="BT5" s="435"/>
      <c r="BU5" s="435"/>
      <c r="BV5" s="435"/>
      <c r="BW5" s="435"/>
      <c r="BX5" s="435"/>
      <c r="BY5" s="435"/>
      <c r="BZ5" s="435"/>
      <c r="CA5" s="436"/>
      <c r="CB5" s="428"/>
      <c r="CC5" s="429"/>
      <c r="CD5" s="429"/>
      <c r="CE5" s="429"/>
      <c r="CF5" s="429"/>
      <c r="CG5" s="429"/>
      <c r="CH5" s="429"/>
      <c r="CI5" s="429"/>
      <c r="CJ5" s="429"/>
      <c r="CK5" s="429"/>
      <c r="CL5" s="430"/>
      <c r="CM5" s="428"/>
      <c r="CN5" s="429"/>
      <c r="CO5" s="429"/>
      <c r="CP5" s="429"/>
      <c r="CQ5" s="429"/>
      <c r="CR5" s="429"/>
      <c r="CS5" s="429"/>
      <c r="CT5" s="429"/>
      <c r="CU5" s="429"/>
      <c r="CV5" s="429"/>
      <c r="CW5" s="430"/>
      <c r="CX5" s="431"/>
      <c r="CY5" s="432"/>
      <c r="CZ5" s="432"/>
      <c r="DA5" s="432"/>
      <c r="DB5" s="432"/>
      <c r="DC5" s="432"/>
      <c r="DD5" s="432"/>
      <c r="DE5" s="432"/>
      <c r="DF5" s="432"/>
      <c r="DG5" s="432"/>
      <c r="DH5" s="433"/>
      <c r="DI5" s="434" t="s">
        <v>97</v>
      </c>
      <c r="DJ5" s="435"/>
      <c r="DK5" s="435"/>
      <c r="DL5" s="435"/>
      <c r="DM5" s="435"/>
      <c r="DN5" s="435"/>
      <c r="DO5" s="435"/>
      <c r="DP5" s="435"/>
      <c r="DQ5" s="435"/>
      <c r="DR5" s="435"/>
      <c r="DS5" s="436"/>
      <c r="DT5" s="434" t="s">
        <v>98</v>
      </c>
      <c r="DU5" s="435"/>
      <c r="DV5" s="435"/>
      <c r="DW5" s="435"/>
      <c r="DX5" s="435"/>
      <c r="DY5" s="435"/>
      <c r="DZ5" s="435"/>
      <c r="EA5" s="435"/>
      <c r="EB5" s="435"/>
      <c r="EC5" s="435"/>
      <c r="ED5" s="436"/>
      <c r="EE5" s="434" t="s">
        <v>99</v>
      </c>
      <c r="EF5" s="435"/>
      <c r="EG5" s="435"/>
      <c r="EH5" s="435"/>
      <c r="EI5" s="435"/>
      <c r="EJ5" s="435"/>
      <c r="EK5" s="435"/>
      <c r="EL5" s="435"/>
      <c r="EM5" s="435"/>
      <c r="EN5" s="435"/>
      <c r="EO5" s="436"/>
      <c r="EP5" s="434" t="s">
        <v>100</v>
      </c>
      <c r="EQ5" s="435"/>
      <c r="ER5" s="435"/>
      <c r="ES5" s="435"/>
      <c r="ET5" s="435"/>
      <c r="EU5" s="435"/>
      <c r="EV5" s="435"/>
      <c r="EW5" s="435"/>
      <c r="EX5" s="435"/>
      <c r="EY5" s="435"/>
      <c r="EZ5" s="436"/>
      <c r="FA5" s="434" t="s">
        <v>161</v>
      </c>
      <c r="FB5" s="435"/>
      <c r="FC5" s="435"/>
      <c r="FD5" s="435"/>
      <c r="FE5" s="435"/>
      <c r="FF5" s="435"/>
      <c r="FG5" s="435"/>
      <c r="FH5" s="435"/>
      <c r="FI5" s="435"/>
      <c r="FJ5" s="435"/>
      <c r="FK5" s="436"/>
      <c r="FL5" s="434" t="s">
        <v>101</v>
      </c>
      <c r="FM5" s="435"/>
      <c r="FN5" s="435"/>
      <c r="FO5" s="435"/>
      <c r="FP5" s="435"/>
      <c r="FQ5" s="435"/>
      <c r="FR5" s="435"/>
      <c r="FS5" s="435"/>
      <c r="FT5" s="435"/>
      <c r="FU5" s="435"/>
      <c r="FV5" s="436"/>
      <c r="FW5" s="428"/>
      <c r="FX5" s="429"/>
      <c r="FY5" s="429"/>
      <c r="FZ5" s="429"/>
      <c r="GA5" s="429"/>
      <c r="GB5" s="429"/>
      <c r="GC5" s="429"/>
      <c r="GD5" s="429"/>
      <c r="GE5" s="429"/>
      <c r="GF5" s="429"/>
      <c r="GG5" s="430"/>
      <c r="GH5" s="428"/>
      <c r="GI5" s="429"/>
      <c r="GJ5" s="429"/>
      <c r="GK5" s="429"/>
      <c r="GL5" s="429"/>
      <c r="GM5" s="429"/>
      <c r="GN5" s="429"/>
      <c r="GO5" s="429"/>
      <c r="GP5" s="429"/>
      <c r="GQ5" s="429"/>
      <c r="GR5" s="430"/>
      <c r="GS5" s="431"/>
      <c r="GT5" s="432"/>
      <c r="GU5" s="432"/>
      <c r="GV5" s="432"/>
      <c r="GW5" s="432"/>
      <c r="GX5" s="432"/>
      <c r="GY5" s="432"/>
      <c r="GZ5" s="432"/>
      <c r="HA5" s="432"/>
      <c r="HB5" s="432"/>
      <c r="HC5" s="433"/>
      <c r="HD5" s="434" t="s">
        <v>97</v>
      </c>
      <c r="HE5" s="435"/>
      <c r="HF5" s="435"/>
      <c r="HG5" s="435"/>
      <c r="HH5" s="435"/>
      <c r="HI5" s="435"/>
      <c r="HJ5" s="435"/>
      <c r="HK5" s="435"/>
      <c r="HL5" s="435"/>
      <c r="HM5" s="435"/>
      <c r="HN5" s="436"/>
      <c r="HO5" s="434" t="s">
        <v>98</v>
      </c>
      <c r="HP5" s="435"/>
      <c r="HQ5" s="435"/>
      <c r="HR5" s="435"/>
      <c r="HS5" s="435"/>
      <c r="HT5" s="435"/>
      <c r="HU5" s="435"/>
      <c r="HV5" s="435"/>
      <c r="HW5" s="435"/>
      <c r="HX5" s="435"/>
      <c r="HY5" s="436"/>
      <c r="HZ5" s="434" t="s">
        <v>99</v>
      </c>
      <c r="IA5" s="435"/>
      <c r="IB5" s="435"/>
      <c r="IC5" s="435"/>
      <c r="ID5" s="435"/>
      <c r="IE5" s="435"/>
      <c r="IF5" s="435"/>
      <c r="IG5" s="435"/>
      <c r="IH5" s="435"/>
      <c r="II5" s="435"/>
      <c r="IJ5" s="436"/>
      <c r="IK5" s="434" t="s">
        <v>100</v>
      </c>
      <c r="IL5" s="435"/>
      <c r="IM5" s="435"/>
      <c r="IN5" s="435"/>
      <c r="IO5" s="435"/>
      <c r="IP5" s="435"/>
      <c r="IQ5" s="435"/>
      <c r="IR5" s="435"/>
      <c r="IS5" s="435"/>
      <c r="IT5" s="435"/>
      <c r="IU5" s="436"/>
      <c r="IV5" s="434" t="s">
        <v>161</v>
      </c>
      <c r="IW5" s="435"/>
      <c r="IX5" s="435"/>
      <c r="IY5" s="435"/>
      <c r="IZ5" s="435"/>
      <c r="JA5" s="435"/>
      <c r="JB5" s="435"/>
      <c r="JC5" s="435"/>
      <c r="JD5" s="435"/>
      <c r="JE5" s="435"/>
      <c r="JF5" s="436"/>
      <c r="JG5" s="434" t="s">
        <v>101</v>
      </c>
      <c r="JH5" s="435"/>
      <c r="JI5" s="435"/>
      <c r="JJ5" s="435"/>
      <c r="JK5" s="435"/>
      <c r="JL5" s="435"/>
      <c r="JM5" s="435"/>
      <c r="JN5" s="435"/>
      <c r="JO5" s="435"/>
      <c r="JP5" s="435"/>
      <c r="JQ5" s="436"/>
      <c r="JR5" s="428"/>
      <c r="JS5" s="429"/>
      <c r="JT5" s="429"/>
      <c r="JU5" s="429"/>
      <c r="JV5" s="429"/>
      <c r="JW5" s="429"/>
      <c r="JX5" s="429"/>
      <c r="JY5" s="429"/>
      <c r="JZ5" s="429"/>
      <c r="KA5" s="429"/>
      <c r="KB5" s="430"/>
      <c r="KC5" s="428"/>
      <c r="KD5" s="429"/>
      <c r="KE5" s="429"/>
      <c r="KF5" s="429"/>
      <c r="KG5" s="429"/>
      <c r="KH5" s="429"/>
      <c r="KI5" s="429"/>
      <c r="KJ5" s="429"/>
      <c r="KK5" s="429"/>
      <c r="KL5" s="429"/>
      <c r="KM5" s="430"/>
    </row>
    <row r="6" spans="2:299" ht="30" customHeight="1" thickBot="1" x14ac:dyDescent="0.25">
      <c r="B6" s="72" t="s">
        <v>42</v>
      </c>
      <c r="C6" s="73" t="s">
        <v>43</v>
      </c>
      <c r="D6" s="74" t="s">
        <v>44</v>
      </c>
      <c r="E6" s="75" t="s">
        <v>45</v>
      </c>
      <c r="F6" s="76" t="s">
        <v>46</v>
      </c>
      <c r="G6" s="74" t="s">
        <v>47</v>
      </c>
      <c r="H6" s="74" t="s">
        <v>48</v>
      </c>
      <c r="I6" s="74" t="s">
        <v>49</v>
      </c>
      <c r="J6" s="74" t="s">
        <v>50</v>
      </c>
      <c r="K6" s="74" t="s">
        <v>51</v>
      </c>
      <c r="L6" s="75" t="s">
        <v>45</v>
      </c>
      <c r="M6" s="77" t="s">
        <v>52</v>
      </c>
      <c r="N6" s="78" t="s">
        <v>43</v>
      </c>
      <c r="O6" s="79" t="s">
        <v>44</v>
      </c>
      <c r="P6" s="80" t="s">
        <v>45</v>
      </c>
      <c r="Q6" s="81" t="s">
        <v>46</v>
      </c>
      <c r="R6" s="79" t="s">
        <v>47</v>
      </c>
      <c r="S6" s="79" t="s">
        <v>48</v>
      </c>
      <c r="T6" s="79" t="s">
        <v>49</v>
      </c>
      <c r="U6" s="79" t="s">
        <v>50</v>
      </c>
      <c r="V6" s="79" t="s">
        <v>51</v>
      </c>
      <c r="W6" s="80" t="s">
        <v>45</v>
      </c>
      <c r="X6" s="82" t="s">
        <v>52</v>
      </c>
      <c r="Y6" s="78" t="s">
        <v>43</v>
      </c>
      <c r="Z6" s="79" t="s">
        <v>44</v>
      </c>
      <c r="AA6" s="80" t="s">
        <v>45</v>
      </c>
      <c r="AB6" s="81" t="s">
        <v>46</v>
      </c>
      <c r="AC6" s="79" t="s">
        <v>47</v>
      </c>
      <c r="AD6" s="79" t="s">
        <v>48</v>
      </c>
      <c r="AE6" s="79" t="s">
        <v>49</v>
      </c>
      <c r="AF6" s="79" t="s">
        <v>50</v>
      </c>
      <c r="AG6" s="79" t="s">
        <v>51</v>
      </c>
      <c r="AH6" s="80" t="s">
        <v>45</v>
      </c>
      <c r="AI6" s="83" t="s">
        <v>52</v>
      </c>
      <c r="AJ6" s="78" t="s">
        <v>43</v>
      </c>
      <c r="AK6" s="79" t="s">
        <v>44</v>
      </c>
      <c r="AL6" s="80" t="s">
        <v>45</v>
      </c>
      <c r="AM6" s="81" t="s">
        <v>46</v>
      </c>
      <c r="AN6" s="79" t="s">
        <v>47</v>
      </c>
      <c r="AO6" s="79" t="s">
        <v>48</v>
      </c>
      <c r="AP6" s="79" t="s">
        <v>49</v>
      </c>
      <c r="AQ6" s="79" t="s">
        <v>50</v>
      </c>
      <c r="AR6" s="79" t="s">
        <v>51</v>
      </c>
      <c r="AS6" s="80" t="s">
        <v>45</v>
      </c>
      <c r="AT6" s="83" t="s">
        <v>52</v>
      </c>
      <c r="AU6" s="78" t="s">
        <v>43</v>
      </c>
      <c r="AV6" s="79" t="s">
        <v>44</v>
      </c>
      <c r="AW6" s="80" t="s">
        <v>45</v>
      </c>
      <c r="AX6" s="81" t="s">
        <v>46</v>
      </c>
      <c r="AY6" s="79" t="s">
        <v>47</v>
      </c>
      <c r="AZ6" s="79" t="s">
        <v>48</v>
      </c>
      <c r="BA6" s="79" t="s">
        <v>49</v>
      </c>
      <c r="BB6" s="79" t="s">
        <v>50</v>
      </c>
      <c r="BC6" s="79" t="s">
        <v>51</v>
      </c>
      <c r="BD6" s="80" t="s">
        <v>45</v>
      </c>
      <c r="BE6" s="83" t="s">
        <v>52</v>
      </c>
      <c r="BF6" s="78" t="s">
        <v>43</v>
      </c>
      <c r="BG6" s="79" t="s">
        <v>44</v>
      </c>
      <c r="BH6" s="80" t="s">
        <v>45</v>
      </c>
      <c r="BI6" s="81" t="s">
        <v>46</v>
      </c>
      <c r="BJ6" s="79" t="s">
        <v>47</v>
      </c>
      <c r="BK6" s="79" t="s">
        <v>48</v>
      </c>
      <c r="BL6" s="79" t="s">
        <v>49</v>
      </c>
      <c r="BM6" s="79" t="s">
        <v>50</v>
      </c>
      <c r="BN6" s="79" t="s">
        <v>51</v>
      </c>
      <c r="BO6" s="80" t="s">
        <v>45</v>
      </c>
      <c r="BP6" s="83" t="s">
        <v>52</v>
      </c>
      <c r="BQ6" s="78" t="s">
        <v>43</v>
      </c>
      <c r="BR6" s="79" t="s">
        <v>44</v>
      </c>
      <c r="BS6" s="80" t="s">
        <v>45</v>
      </c>
      <c r="BT6" s="81" t="s">
        <v>46</v>
      </c>
      <c r="BU6" s="79" t="s">
        <v>47</v>
      </c>
      <c r="BV6" s="79" t="s">
        <v>48</v>
      </c>
      <c r="BW6" s="79" t="s">
        <v>49</v>
      </c>
      <c r="BX6" s="79" t="s">
        <v>50</v>
      </c>
      <c r="BY6" s="79" t="s">
        <v>51</v>
      </c>
      <c r="BZ6" s="80" t="s">
        <v>45</v>
      </c>
      <c r="CA6" s="83" t="s">
        <v>52</v>
      </c>
      <c r="CB6" s="78" t="s">
        <v>43</v>
      </c>
      <c r="CC6" s="79" t="s">
        <v>44</v>
      </c>
      <c r="CD6" s="80" t="s">
        <v>45</v>
      </c>
      <c r="CE6" s="81" t="s">
        <v>46</v>
      </c>
      <c r="CF6" s="79" t="s">
        <v>47</v>
      </c>
      <c r="CG6" s="79" t="s">
        <v>48</v>
      </c>
      <c r="CH6" s="79" t="s">
        <v>49</v>
      </c>
      <c r="CI6" s="79" t="s">
        <v>50</v>
      </c>
      <c r="CJ6" s="79" t="s">
        <v>51</v>
      </c>
      <c r="CK6" s="80" t="s">
        <v>45</v>
      </c>
      <c r="CL6" s="83" t="s">
        <v>52</v>
      </c>
      <c r="CM6" s="78" t="s">
        <v>43</v>
      </c>
      <c r="CN6" s="79" t="s">
        <v>44</v>
      </c>
      <c r="CO6" s="80" t="s">
        <v>45</v>
      </c>
      <c r="CP6" s="81" t="s">
        <v>46</v>
      </c>
      <c r="CQ6" s="79" t="s">
        <v>47</v>
      </c>
      <c r="CR6" s="79" t="s">
        <v>48</v>
      </c>
      <c r="CS6" s="79" t="s">
        <v>49</v>
      </c>
      <c r="CT6" s="79" t="s">
        <v>50</v>
      </c>
      <c r="CU6" s="79" t="s">
        <v>51</v>
      </c>
      <c r="CV6" s="80" t="s">
        <v>45</v>
      </c>
      <c r="CW6" s="83" t="s">
        <v>52</v>
      </c>
      <c r="CX6" s="73" t="s">
        <v>43</v>
      </c>
      <c r="CY6" s="74" t="s">
        <v>44</v>
      </c>
      <c r="CZ6" s="75" t="s">
        <v>45</v>
      </c>
      <c r="DA6" s="76" t="s">
        <v>46</v>
      </c>
      <c r="DB6" s="74" t="s">
        <v>47</v>
      </c>
      <c r="DC6" s="74" t="s">
        <v>48</v>
      </c>
      <c r="DD6" s="74" t="s">
        <v>49</v>
      </c>
      <c r="DE6" s="74" t="s">
        <v>50</v>
      </c>
      <c r="DF6" s="74" t="s">
        <v>51</v>
      </c>
      <c r="DG6" s="75" t="s">
        <v>45</v>
      </c>
      <c r="DH6" s="77" t="s">
        <v>52</v>
      </c>
      <c r="DI6" s="78" t="s">
        <v>43</v>
      </c>
      <c r="DJ6" s="79" t="s">
        <v>44</v>
      </c>
      <c r="DK6" s="80" t="s">
        <v>45</v>
      </c>
      <c r="DL6" s="81" t="s">
        <v>46</v>
      </c>
      <c r="DM6" s="79" t="s">
        <v>47</v>
      </c>
      <c r="DN6" s="79" t="s">
        <v>48</v>
      </c>
      <c r="DO6" s="79" t="s">
        <v>49</v>
      </c>
      <c r="DP6" s="79" t="s">
        <v>50</v>
      </c>
      <c r="DQ6" s="79" t="s">
        <v>51</v>
      </c>
      <c r="DR6" s="80" t="s">
        <v>45</v>
      </c>
      <c r="DS6" s="83" t="s">
        <v>52</v>
      </c>
      <c r="DT6" s="78" t="s">
        <v>43</v>
      </c>
      <c r="DU6" s="79" t="s">
        <v>44</v>
      </c>
      <c r="DV6" s="80" t="s">
        <v>45</v>
      </c>
      <c r="DW6" s="81" t="s">
        <v>46</v>
      </c>
      <c r="DX6" s="79" t="s">
        <v>47</v>
      </c>
      <c r="DY6" s="79" t="s">
        <v>48</v>
      </c>
      <c r="DZ6" s="79" t="s">
        <v>49</v>
      </c>
      <c r="EA6" s="79" t="s">
        <v>50</v>
      </c>
      <c r="EB6" s="79" t="s">
        <v>51</v>
      </c>
      <c r="EC6" s="80" t="s">
        <v>45</v>
      </c>
      <c r="ED6" s="83" t="s">
        <v>52</v>
      </c>
      <c r="EE6" s="78" t="s">
        <v>43</v>
      </c>
      <c r="EF6" s="79" t="s">
        <v>44</v>
      </c>
      <c r="EG6" s="80" t="s">
        <v>45</v>
      </c>
      <c r="EH6" s="81" t="s">
        <v>46</v>
      </c>
      <c r="EI6" s="79" t="s">
        <v>47</v>
      </c>
      <c r="EJ6" s="79" t="s">
        <v>48</v>
      </c>
      <c r="EK6" s="79" t="s">
        <v>49</v>
      </c>
      <c r="EL6" s="79" t="s">
        <v>50</v>
      </c>
      <c r="EM6" s="79" t="s">
        <v>51</v>
      </c>
      <c r="EN6" s="80" t="s">
        <v>45</v>
      </c>
      <c r="EO6" s="83" t="s">
        <v>52</v>
      </c>
      <c r="EP6" s="78" t="s">
        <v>43</v>
      </c>
      <c r="EQ6" s="79" t="s">
        <v>44</v>
      </c>
      <c r="ER6" s="80" t="s">
        <v>45</v>
      </c>
      <c r="ES6" s="81" t="s">
        <v>46</v>
      </c>
      <c r="ET6" s="79" t="s">
        <v>47</v>
      </c>
      <c r="EU6" s="79" t="s">
        <v>48</v>
      </c>
      <c r="EV6" s="79" t="s">
        <v>49</v>
      </c>
      <c r="EW6" s="79" t="s">
        <v>50</v>
      </c>
      <c r="EX6" s="79" t="s">
        <v>51</v>
      </c>
      <c r="EY6" s="80" t="s">
        <v>45</v>
      </c>
      <c r="EZ6" s="83" t="s">
        <v>52</v>
      </c>
      <c r="FA6" s="78" t="s">
        <v>43</v>
      </c>
      <c r="FB6" s="79" t="s">
        <v>44</v>
      </c>
      <c r="FC6" s="80" t="s">
        <v>45</v>
      </c>
      <c r="FD6" s="81" t="s">
        <v>46</v>
      </c>
      <c r="FE6" s="79" t="s">
        <v>47</v>
      </c>
      <c r="FF6" s="79" t="s">
        <v>48</v>
      </c>
      <c r="FG6" s="79" t="s">
        <v>49</v>
      </c>
      <c r="FH6" s="79" t="s">
        <v>50</v>
      </c>
      <c r="FI6" s="79" t="s">
        <v>51</v>
      </c>
      <c r="FJ6" s="80" t="s">
        <v>45</v>
      </c>
      <c r="FK6" s="83" t="s">
        <v>52</v>
      </c>
      <c r="FL6" s="78" t="s">
        <v>43</v>
      </c>
      <c r="FM6" s="79" t="s">
        <v>44</v>
      </c>
      <c r="FN6" s="80" t="s">
        <v>45</v>
      </c>
      <c r="FO6" s="81" t="s">
        <v>46</v>
      </c>
      <c r="FP6" s="79" t="s">
        <v>47</v>
      </c>
      <c r="FQ6" s="79" t="s">
        <v>48</v>
      </c>
      <c r="FR6" s="79" t="s">
        <v>49</v>
      </c>
      <c r="FS6" s="79" t="s">
        <v>50</v>
      </c>
      <c r="FT6" s="79" t="s">
        <v>51</v>
      </c>
      <c r="FU6" s="80" t="s">
        <v>45</v>
      </c>
      <c r="FV6" s="83" t="s">
        <v>52</v>
      </c>
      <c r="FW6" s="78" t="s">
        <v>43</v>
      </c>
      <c r="FX6" s="79" t="s">
        <v>44</v>
      </c>
      <c r="FY6" s="80" t="s">
        <v>45</v>
      </c>
      <c r="FZ6" s="81" t="s">
        <v>46</v>
      </c>
      <c r="GA6" s="79" t="s">
        <v>47</v>
      </c>
      <c r="GB6" s="79" t="s">
        <v>48</v>
      </c>
      <c r="GC6" s="79" t="s">
        <v>49</v>
      </c>
      <c r="GD6" s="79" t="s">
        <v>50</v>
      </c>
      <c r="GE6" s="79" t="s">
        <v>51</v>
      </c>
      <c r="GF6" s="80" t="s">
        <v>45</v>
      </c>
      <c r="GG6" s="83" t="s">
        <v>52</v>
      </c>
      <c r="GH6" s="78" t="s">
        <v>43</v>
      </c>
      <c r="GI6" s="79" t="s">
        <v>44</v>
      </c>
      <c r="GJ6" s="80" t="s">
        <v>45</v>
      </c>
      <c r="GK6" s="81" t="s">
        <v>46</v>
      </c>
      <c r="GL6" s="79" t="s">
        <v>47</v>
      </c>
      <c r="GM6" s="79" t="s">
        <v>48</v>
      </c>
      <c r="GN6" s="79" t="s">
        <v>49</v>
      </c>
      <c r="GO6" s="79" t="s">
        <v>50</v>
      </c>
      <c r="GP6" s="79" t="s">
        <v>51</v>
      </c>
      <c r="GQ6" s="80" t="s">
        <v>45</v>
      </c>
      <c r="GR6" s="83" t="s">
        <v>52</v>
      </c>
      <c r="GS6" s="73" t="s">
        <v>43</v>
      </c>
      <c r="GT6" s="74" t="s">
        <v>44</v>
      </c>
      <c r="GU6" s="75" t="s">
        <v>45</v>
      </c>
      <c r="GV6" s="76" t="s">
        <v>46</v>
      </c>
      <c r="GW6" s="74" t="s">
        <v>47</v>
      </c>
      <c r="GX6" s="74" t="s">
        <v>48</v>
      </c>
      <c r="GY6" s="74" t="s">
        <v>49</v>
      </c>
      <c r="GZ6" s="74" t="s">
        <v>50</v>
      </c>
      <c r="HA6" s="74" t="s">
        <v>51</v>
      </c>
      <c r="HB6" s="75" t="s">
        <v>45</v>
      </c>
      <c r="HC6" s="77" t="s">
        <v>52</v>
      </c>
      <c r="HD6" s="78" t="s">
        <v>43</v>
      </c>
      <c r="HE6" s="79" t="s">
        <v>44</v>
      </c>
      <c r="HF6" s="80" t="s">
        <v>45</v>
      </c>
      <c r="HG6" s="81" t="s">
        <v>46</v>
      </c>
      <c r="HH6" s="79" t="s">
        <v>47</v>
      </c>
      <c r="HI6" s="79" t="s">
        <v>48</v>
      </c>
      <c r="HJ6" s="79" t="s">
        <v>49</v>
      </c>
      <c r="HK6" s="79" t="s">
        <v>50</v>
      </c>
      <c r="HL6" s="79" t="s">
        <v>51</v>
      </c>
      <c r="HM6" s="80" t="s">
        <v>45</v>
      </c>
      <c r="HN6" s="83" t="s">
        <v>52</v>
      </c>
      <c r="HO6" s="78" t="s">
        <v>43</v>
      </c>
      <c r="HP6" s="79" t="s">
        <v>44</v>
      </c>
      <c r="HQ6" s="80" t="s">
        <v>45</v>
      </c>
      <c r="HR6" s="81" t="s">
        <v>46</v>
      </c>
      <c r="HS6" s="79" t="s">
        <v>47</v>
      </c>
      <c r="HT6" s="79" t="s">
        <v>48</v>
      </c>
      <c r="HU6" s="79" t="s">
        <v>49</v>
      </c>
      <c r="HV6" s="79" t="s">
        <v>50</v>
      </c>
      <c r="HW6" s="79" t="s">
        <v>51</v>
      </c>
      <c r="HX6" s="80" t="s">
        <v>45</v>
      </c>
      <c r="HY6" s="83" t="s">
        <v>52</v>
      </c>
      <c r="HZ6" s="78" t="s">
        <v>43</v>
      </c>
      <c r="IA6" s="79" t="s">
        <v>44</v>
      </c>
      <c r="IB6" s="80" t="s">
        <v>45</v>
      </c>
      <c r="IC6" s="81" t="s">
        <v>46</v>
      </c>
      <c r="ID6" s="79" t="s">
        <v>47</v>
      </c>
      <c r="IE6" s="79" t="s">
        <v>48</v>
      </c>
      <c r="IF6" s="79" t="s">
        <v>49</v>
      </c>
      <c r="IG6" s="79" t="s">
        <v>50</v>
      </c>
      <c r="IH6" s="79" t="s">
        <v>51</v>
      </c>
      <c r="II6" s="80" t="s">
        <v>45</v>
      </c>
      <c r="IJ6" s="83" t="s">
        <v>52</v>
      </c>
      <c r="IK6" s="78" t="s">
        <v>43</v>
      </c>
      <c r="IL6" s="79" t="s">
        <v>44</v>
      </c>
      <c r="IM6" s="80" t="s">
        <v>45</v>
      </c>
      <c r="IN6" s="81" t="s">
        <v>46</v>
      </c>
      <c r="IO6" s="79" t="s">
        <v>47</v>
      </c>
      <c r="IP6" s="79" t="s">
        <v>48</v>
      </c>
      <c r="IQ6" s="79" t="s">
        <v>49</v>
      </c>
      <c r="IR6" s="79" t="s">
        <v>50</v>
      </c>
      <c r="IS6" s="79" t="s">
        <v>51</v>
      </c>
      <c r="IT6" s="80" t="s">
        <v>45</v>
      </c>
      <c r="IU6" s="83" t="s">
        <v>52</v>
      </c>
      <c r="IV6" s="78" t="s">
        <v>43</v>
      </c>
      <c r="IW6" s="79" t="s">
        <v>44</v>
      </c>
      <c r="IX6" s="80" t="s">
        <v>45</v>
      </c>
      <c r="IY6" s="81" t="s">
        <v>46</v>
      </c>
      <c r="IZ6" s="79" t="s">
        <v>47</v>
      </c>
      <c r="JA6" s="79" t="s">
        <v>48</v>
      </c>
      <c r="JB6" s="79" t="s">
        <v>49</v>
      </c>
      <c r="JC6" s="79" t="s">
        <v>50</v>
      </c>
      <c r="JD6" s="79" t="s">
        <v>51</v>
      </c>
      <c r="JE6" s="80" t="s">
        <v>45</v>
      </c>
      <c r="JF6" s="83" t="s">
        <v>52</v>
      </c>
      <c r="JG6" s="78" t="s">
        <v>43</v>
      </c>
      <c r="JH6" s="79" t="s">
        <v>44</v>
      </c>
      <c r="JI6" s="80" t="s">
        <v>45</v>
      </c>
      <c r="JJ6" s="81" t="s">
        <v>46</v>
      </c>
      <c r="JK6" s="79" t="s">
        <v>47</v>
      </c>
      <c r="JL6" s="79" t="s">
        <v>48</v>
      </c>
      <c r="JM6" s="79" t="s">
        <v>49</v>
      </c>
      <c r="JN6" s="79" t="s">
        <v>50</v>
      </c>
      <c r="JO6" s="79" t="s">
        <v>51</v>
      </c>
      <c r="JP6" s="80" t="s">
        <v>45</v>
      </c>
      <c r="JQ6" s="83" t="s">
        <v>52</v>
      </c>
      <c r="JR6" s="78" t="s">
        <v>43</v>
      </c>
      <c r="JS6" s="79" t="s">
        <v>44</v>
      </c>
      <c r="JT6" s="80" t="s">
        <v>45</v>
      </c>
      <c r="JU6" s="81" t="s">
        <v>46</v>
      </c>
      <c r="JV6" s="79" t="s">
        <v>47</v>
      </c>
      <c r="JW6" s="79" t="s">
        <v>48</v>
      </c>
      <c r="JX6" s="79" t="s">
        <v>49</v>
      </c>
      <c r="JY6" s="79" t="s">
        <v>50</v>
      </c>
      <c r="JZ6" s="79" t="s">
        <v>51</v>
      </c>
      <c r="KA6" s="80" t="s">
        <v>45</v>
      </c>
      <c r="KB6" s="83" t="s">
        <v>52</v>
      </c>
      <c r="KC6" s="78" t="s">
        <v>43</v>
      </c>
      <c r="KD6" s="79" t="s">
        <v>44</v>
      </c>
      <c r="KE6" s="80" t="s">
        <v>45</v>
      </c>
      <c r="KF6" s="81" t="s">
        <v>46</v>
      </c>
      <c r="KG6" s="79" t="s">
        <v>47</v>
      </c>
      <c r="KH6" s="79" t="s">
        <v>48</v>
      </c>
      <c r="KI6" s="79" t="s">
        <v>49</v>
      </c>
      <c r="KJ6" s="79" t="s">
        <v>50</v>
      </c>
      <c r="KK6" s="79" t="s">
        <v>51</v>
      </c>
      <c r="KL6" s="80" t="s">
        <v>45</v>
      </c>
      <c r="KM6" s="83" t="s">
        <v>52</v>
      </c>
    </row>
    <row r="7" spans="2:299" s="70" customFormat="1" ht="21" customHeight="1" x14ac:dyDescent="0.2">
      <c r="B7" s="84" t="s">
        <v>4</v>
      </c>
      <c r="C7" s="85">
        <v>21459</v>
      </c>
      <c r="D7" s="86">
        <v>22134</v>
      </c>
      <c r="E7" s="87">
        <v>43593</v>
      </c>
      <c r="F7" s="412">
        <v>0</v>
      </c>
      <c r="G7" s="86">
        <v>31913</v>
      </c>
      <c r="H7" s="86">
        <v>32155</v>
      </c>
      <c r="I7" s="86">
        <v>21300</v>
      </c>
      <c r="J7" s="86">
        <v>17503</v>
      </c>
      <c r="K7" s="86">
        <v>10393</v>
      </c>
      <c r="L7" s="88">
        <v>113264</v>
      </c>
      <c r="M7" s="89">
        <v>156857</v>
      </c>
      <c r="N7" s="90">
        <v>802</v>
      </c>
      <c r="O7" s="91">
        <v>1049</v>
      </c>
      <c r="P7" s="92">
        <v>1851</v>
      </c>
      <c r="Q7" s="412">
        <v>0</v>
      </c>
      <c r="R7" s="91">
        <v>1261</v>
      </c>
      <c r="S7" s="91">
        <v>1598</v>
      </c>
      <c r="T7" s="91">
        <v>1066</v>
      </c>
      <c r="U7" s="91">
        <v>970</v>
      </c>
      <c r="V7" s="91">
        <v>676</v>
      </c>
      <c r="W7" s="92">
        <v>5571</v>
      </c>
      <c r="X7" s="93">
        <v>7422</v>
      </c>
      <c r="Y7" s="90">
        <v>1711</v>
      </c>
      <c r="Z7" s="91">
        <v>2127</v>
      </c>
      <c r="AA7" s="92">
        <v>3838</v>
      </c>
      <c r="AB7" s="412">
        <v>0</v>
      </c>
      <c r="AC7" s="91">
        <v>2605</v>
      </c>
      <c r="AD7" s="91">
        <v>3043</v>
      </c>
      <c r="AE7" s="91">
        <v>1989</v>
      </c>
      <c r="AF7" s="91">
        <v>1819</v>
      </c>
      <c r="AG7" s="91">
        <v>1274</v>
      </c>
      <c r="AH7" s="92">
        <v>10730</v>
      </c>
      <c r="AI7" s="93">
        <v>14568</v>
      </c>
      <c r="AJ7" s="90">
        <v>3354</v>
      </c>
      <c r="AK7" s="91">
        <v>3755</v>
      </c>
      <c r="AL7" s="92">
        <v>7109</v>
      </c>
      <c r="AM7" s="412">
        <v>0</v>
      </c>
      <c r="AN7" s="91">
        <v>4976</v>
      </c>
      <c r="AO7" s="91">
        <v>5419</v>
      </c>
      <c r="AP7" s="91">
        <v>3545</v>
      </c>
      <c r="AQ7" s="91">
        <v>3025</v>
      </c>
      <c r="AR7" s="91">
        <v>1996</v>
      </c>
      <c r="AS7" s="92">
        <v>18961</v>
      </c>
      <c r="AT7" s="93">
        <v>26070</v>
      </c>
      <c r="AU7" s="90">
        <v>5665</v>
      </c>
      <c r="AV7" s="91">
        <v>5517</v>
      </c>
      <c r="AW7" s="92">
        <v>11182</v>
      </c>
      <c r="AX7" s="412">
        <v>0</v>
      </c>
      <c r="AY7" s="91">
        <v>8261</v>
      </c>
      <c r="AZ7" s="91">
        <v>7714</v>
      </c>
      <c r="BA7" s="91">
        <v>4883</v>
      </c>
      <c r="BB7" s="91">
        <v>3900</v>
      </c>
      <c r="BC7" s="91">
        <v>2454</v>
      </c>
      <c r="BD7" s="92">
        <v>27212</v>
      </c>
      <c r="BE7" s="93">
        <v>38394</v>
      </c>
      <c r="BF7" s="90">
        <v>6081</v>
      </c>
      <c r="BG7" s="91">
        <v>5659</v>
      </c>
      <c r="BH7" s="92">
        <v>11740</v>
      </c>
      <c r="BI7" s="412">
        <v>0</v>
      </c>
      <c r="BJ7" s="91">
        <v>8628</v>
      </c>
      <c r="BK7" s="91">
        <v>7853</v>
      </c>
      <c r="BL7" s="91">
        <v>5263</v>
      </c>
      <c r="BM7" s="91">
        <v>4040</v>
      </c>
      <c r="BN7" s="91">
        <v>2205</v>
      </c>
      <c r="BO7" s="92">
        <v>27989</v>
      </c>
      <c r="BP7" s="93">
        <v>39729</v>
      </c>
      <c r="BQ7" s="90">
        <v>3846</v>
      </c>
      <c r="BR7" s="91">
        <v>4027</v>
      </c>
      <c r="BS7" s="92">
        <v>7873</v>
      </c>
      <c r="BT7" s="412">
        <v>0</v>
      </c>
      <c r="BU7" s="91">
        <v>6182</v>
      </c>
      <c r="BV7" s="91">
        <v>6528</v>
      </c>
      <c r="BW7" s="91">
        <v>4554</v>
      </c>
      <c r="BX7" s="91">
        <v>3749</v>
      </c>
      <c r="BY7" s="91">
        <v>1788</v>
      </c>
      <c r="BZ7" s="92">
        <v>22801</v>
      </c>
      <c r="CA7" s="93">
        <v>30674</v>
      </c>
      <c r="CB7" s="90">
        <v>518</v>
      </c>
      <c r="CC7" s="91">
        <v>876</v>
      </c>
      <c r="CD7" s="92">
        <v>1394</v>
      </c>
      <c r="CE7" s="412">
        <v>0</v>
      </c>
      <c r="CF7" s="91">
        <v>864</v>
      </c>
      <c r="CG7" s="91">
        <v>1478</v>
      </c>
      <c r="CH7" s="91">
        <v>931</v>
      </c>
      <c r="CI7" s="91">
        <v>831</v>
      </c>
      <c r="CJ7" s="91">
        <v>754</v>
      </c>
      <c r="CK7" s="92">
        <v>4858</v>
      </c>
      <c r="CL7" s="93">
        <v>6252</v>
      </c>
      <c r="CM7" s="90">
        <v>21977</v>
      </c>
      <c r="CN7" s="91">
        <v>23010</v>
      </c>
      <c r="CO7" s="92">
        <v>44987</v>
      </c>
      <c r="CP7" s="412">
        <v>0</v>
      </c>
      <c r="CQ7" s="91">
        <v>32777</v>
      </c>
      <c r="CR7" s="91">
        <v>33633</v>
      </c>
      <c r="CS7" s="91">
        <v>22231</v>
      </c>
      <c r="CT7" s="91">
        <v>18334</v>
      </c>
      <c r="CU7" s="91">
        <v>11147</v>
      </c>
      <c r="CV7" s="92">
        <v>118122</v>
      </c>
      <c r="CW7" s="93">
        <v>163109</v>
      </c>
      <c r="CX7" s="94">
        <v>41323</v>
      </c>
      <c r="CY7" s="86">
        <v>48960</v>
      </c>
      <c r="CZ7" s="87">
        <v>90283</v>
      </c>
      <c r="DA7" s="412">
        <v>0</v>
      </c>
      <c r="DB7" s="86">
        <v>58874</v>
      </c>
      <c r="DC7" s="86">
        <v>56260</v>
      </c>
      <c r="DD7" s="86">
        <v>40456</v>
      </c>
      <c r="DE7" s="86">
        <v>39513</v>
      </c>
      <c r="DF7" s="86">
        <v>24987</v>
      </c>
      <c r="DG7" s="88">
        <v>220090</v>
      </c>
      <c r="DH7" s="89">
        <v>310373</v>
      </c>
      <c r="DI7" s="90">
        <v>843</v>
      </c>
      <c r="DJ7" s="91">
        <v>1078</v>
      </c>
      <c r="DK7" s="92">
        <v>1921</v>
      </c>
      <c r="DL7" s="412">
        <v>0</v>
      </c>
      <c r="DM7" s="91">
        <v>942</v>
      </c>
      <c r="DN7" s="91">
        <v>1084</v>
      </c>
      <c r="DO7" s="91">
        <v>736</v>
      </c>
      <c r="DP7" s="91">
        <v>690</v>
      </c>
      <c r="DQ7" s="91">
        <v>563</v>
      </c>
      <c r="DR7" s="92">
        <v>4015</v>
      </c>
      <c r="DS7" s="93">
        <v>5936</v>
      </c>
      <c r="DT7" s="90">
        <v>2283</v>
      </c>
      <c r="DU7" s="91">
        <v>2843</v>
      </c>
      <c r="DV7" s="92">
        <v>5126</v>
      </c>
      <c r="DW7" s="412">
        <v>0</v>
      </c>
      <c r="DX7" s="91">
        <v>2425</v>
      </c>
      <c r="DY7" s="91">
        <v>2641</v>
      </c>
      <c r="DZ7" s="91">
        <v>1607</v>
      </c>
      <c r="EA7" s="91">
        <v>1547</v>
      </c>
      <c r="EB7" s="91">
        <v>1244</v>
      </c>
      <c r="EC7" s="92">
        <v>9464</v>
      </c>
      <c r="ED7" s="93">
        <v>14590</v>
      </c>
      <c r="EE7" s="90">
        <v>6294</v>
      </c>
      <c r="EF7" s="91">
        <v>7062</v>
      </c>
      <c r="EG7" s="92">
        <v>13356</v>
      </c>
      <c r="EH7" s="412">
        <v>0</v>
      </c>
      <c r="EI7" s="91">
        <v>6706</v>
      </c>
      <c r="EJ7" s="91">
        <v>5992</v>
      </c>
      <c r="EK7" s="91">
        <v>3583</v>
      </c>
      <c r="EL7" s="91">
        <v>3547</v>
      </c>
      <c r="EM7" s="91">
        <v>2617</v>
      </c>
      <c r="EN7" s="92">
        <v>22445</v>
      </c>
      <c r="EO7" s="93">
        <v>35801</v>
      </c>
      <c r="EP7" s="90">
        <v>12667</v>
      </c>
      <c r="EQ7" s="91">
        <v>13597</v>
      </c>
      <c r="ER7" s="92">
        <v>26264</v>
      </c>
      <c r="ES7" s="412">
        <v>0</v>
      </c>
      <c r="ET7" s="91">
        <v>14645</v>
      </c>
      <c r="EU7" s="91">
        <v>12052</v>
      </c>
      <c r="EV7" s="91">
        <v>7696</v>
      </c>
      <c r="EW7" s="91">
        <v>6765</v>
      </c>
      <c r="EX7" s="91">
        <v>4686</v>
      </c>
      <c r="EY7" s="92">
        <v>45844</v>
      </c>
      <c r="EZ7" s="93">
        <v>72108</v>
      </c>
      <c r="FA7" s="90">
        <v>12386</v>
      </c>
      <c r="FB7" s="91">
        <v>14306</v>
      </c>
      <c r="FC7" s="92">
        <v>26692</v>
      </c>
      <c r="FD7" s="412">
        <v>0</v>
      </c>
      <c r="FE7" s="91">
        <v>17807</v>
      </c>
      <c r="FF7" s="91">
        <v>15718</v>
      </c>
      <c r="FG7" s="91">
        <v>10699</v>
      </c>
      <c r="FH7" s="91">
        <v>9911</v>
      </c>
      <c r="FI7" s="91">
        <v>6192</v>
      </c>
      <c r="FJ7" s="92">
        <v>60327</v>
      </c>
      <c r="FK7" s="93">
        <v>87019</v>
      </c>
      <c r="FL7" s="90">
        <v>6850</v>
      </c>
      <c r="FM7" s="91">
        <v>10074</v>
      </c>
      <c r="FN7" s="92">
        <v>16924</v>
      </c>
      <c r="FO7" s="412">
        <v>0</v>
      </c>
      <c r="FP7" s="91">
        <v>16349</v>
      </c>
      <c r="FQ7" s="91">
        <v>18773</v>
      </c>
      <c r="FR7" s="91">
        <v>16135</v>
      </c>
      <c r="FS7" s="91">
        <v>17053</v>
      </c>
      <c r="FT7" s="91">
        <v>9685</v>
      </c>
      <c r="FU7" s="92">
        <v>77995</v>
      </c>
      <c r="FV7" s="93">
        <v>94919</v>
      </c>
      <c r="FW7" s="90">
        <v>367</v>
      </c>
      <c r="FX7" s="91">
        <v>764</v>
      </c>
      <c r="FY7" s="92">
        <v>1131</v>
      </c>
      <c r="FZ7" s="412">
        <v>0</v>
      </c>
      <c r="GA7" s="91">
        <v>685</v>
      </c>
      <c r="GB7" s="91">
        <v>1121</v>
      </c>
      <c r="GC7" s="91">
        <v>627</v>
      </c>
      <c r="GD7" s="91">
        <v>586</v>
      </c>
      <c r="GE7" s="91">
        <v>628</v>
      </c>
      <c r="GF7" s="92">
        <v>3647</v>
      </c>
      <c r="GG7" s="93">
        <v>4778</v>
      </c>
      <c r="GH7" s="90">
        <v>41690</v>
      </c>
      <c r="GI7" s="91">
        <v>49724</v>
      </c>
      <c r="GJ7" s="92">
        <v>91414</v>
      </c>
      <c r="GK7" s="412">
        <v>0</v>
      </c>
      <c r="GL7" s="91">
        <v>59559</v>
      </c>
      <c r="GM7" s="91">
        <v>57381</v>
      </c>
      <c r="GN7" s="91">
        <v>41083</v>
      </c>
      <c r="GO7" s="91">
        <v>40099</v>
      </c>
      <c r="GP7" s="91">
        <v>25615</v>
      </c>
      <c r="GQ7" s="92">
        <v>223737</v>
      </c>
      <c r="GR7" s="93">
        <v>315151</v>
      </c>
      <c r="GS7" s="94">
        <v>62782</v>
      </c>
      <c r="GT7" s="86">
        <v>71094</v>
      </c>
      <c r="GU7" s="87">
        <v>133876</v>
      </c>
      <c r="GV7" s="412">
        <v>0</v>
      </c>
      <c r="GW7" s="86">
        <v>90787</v>
      </c>
      <c r="GX7" s="86">
        <v>88415</v>
      </c>
      <c r="GY7" s="86">
        <v>61756</v>
      </c>
      <c r="GZ7" s="86">
        <v>57016</v>
      </c>
      <c r="HA7" s="86">
        <v>35380</v>
      </c>
      <c r="HB7" s="88">
        <v>333354</v>
      </c>
      <c r="HC7" s="89">
        <v>467230</v>
      </c>
      <c r="HD7" s="90">
        <v>1645</v>
      </c>
      <c r="HE7" s="91">
        <v>2127</v>
      </c>
      <c r="HF7" s="92">
        <v>3772</v>
      </c>
      <c r="HG7" s="415">
        <v>0</v>
      </c>
      <c r="HH7" s="91">
        <v>2203</v>
      </c>
      <c r="HI7" s="91">
        <v>2682</v>
      </c>
      <c r="HJ7" s="91">
        <v>1802</v>
      </c>
      <c r="HK7" s="91">
        <v>1660</v>
      </c>
      <c r="HL7" s="91">
        <v>1239</v>
      </c>
      <c r="HM7" s="92">
        <v>9586</v>
      </c>
      <c r="HN7" s="93">
        <v>13358</v>
      </c>
      <c r="HO7" s="90">
        <v>3994</v>
      </c>
      <c r="HP7" s="91">
        <v>4970</v>
      </c>
      <c r="HQ7" s="92">
        <v>8964</v>
      </c>
      <c r="HR7" s="412">
        <v>0</v>
      </c>
      <c r="HS7" s="91">
        <v>5030</v>
      </c>
      <c r="HT7" s="91">
        <v>5684</v>
      </c>
      <c r="HU7" s="91">
        <v>3596</v>
      </c>
      <c r="HV7" s="91">
        <v>3366</v>
      </c>
      <c r="HW7" s="91">
        <v>2518</v>
      </c>
      <c r="HX7" s="92">
        <v>20194</v>
      </c>
      <c r="HY7" s="93">
        <v>29158</v>
      </c>
      <c r="HZ7" s="90">
        <v>9648</v>
      </c>
      <c r="IA7" s="91">
        <v>10817</v>
      </c>
      <c r="IB7" s="92">
        <v>20465</v>
      </c>
      <c r="IC7" s="412">
        <v>0</v>
      </c>
      <c r="ID7" s="91">
        <v>11682</v>
      </c>
      <c r="IE7" s="91">
        <v>11411</v>
      </c>
      <c r="IF7" s="91">
        <v>7128</v>
      </c>
      <c r="IG7" s="91">
        <v>6572</v>
      </c>
      <c r="IH7" s="91">
        <v>4613</v>
      </c>
      <c r="II7" s="92">
        <v>41406</v>
      </c>
      <c r="IJ7" s="93">
        <v>61871</v>
      </c>
      <c r="IK7" s="90">
        <v>18332</v>
      </c>
      <c r="IL7" s="91">
        <v>19114</v>
      </c>
      <c r="IM7" s="92">
        <v>37446</v>
      </c>
      <c r="IN7" s="412">
        <v>0</v>
      </c>
      <c r="IO7" s="91">
        <v>22906</v>
      </c>
      <c r="IP7" s="91">
        <v>19766</v>
      </c>
      <c r="IQ7" s="91">
        <v>12579</v>
      </c>
      <c r="IR7" s="91">
        <v>10665</v>
      </c>
      <c r="IS7" s="91">
        <v>7140</v>
      </c>
      <c r="IT7" s="92">
        <v>73056</v>
      </c>
      <c r="IU7" s="93">
        <v>110502</v>
      </c>
      <c r="IV7" s="90">
        <v>18467</v>
      </c>
      <c r="IW7" s="91">
        <v>19965</v>
      </c>
      <c r="IX7" s="92">
        <v>38432</v>
      </c>
      <c r="IY7" s="412">
        <v>0</v>
      </c>
      <c r="IZ7" s="91">
        <v>26435</v>
      </c>
      <c r="JA7" s="91">
        <v>23571</v>
      </c>
      <c r="JB7" s="91">
        <v>15962</v>
      </c>
      <c r="JC7" s="91">
        <v>13951</v>
      </c>
      <c r="JD7" s="91">
        <v>8397</v>
      </c>
      <c r="JE7" s="92">
        <v>88316</v>
      </c>
      <c r="JF7" s="93">
        <v>126748</v>
      </c>
      <c r="JG7" s="90">
        <v>10696</v>
      </c>
      <c r="JH7" s="91">
        <v>14101</v>
      </c>
      <c r="JI7" s="92">
        <v>24797</v>
      </c>
      <c r="JJ7" s="412">
        <v>0</v>
      </c>
      <c r="JK7" s="91">
        <v>22531</v>
      </c>
      <c r="JL7" s="91">
        <v>25301</v>
      </c>
      <c r="JM7" s="91">
        <v>20689</v>
      </c>
      <c r="JN7" s="91">
        <v>20802</v>
      </c>
      <c r="JO7" s="91">
        <v>11473</v>
      </c>
      <c r="JP7" s="92">
        <v>100796</v>
      </c>
      <c r="JQ7" s="93">
        <v>125593</v>
      </c>
      <c r="JR7" s="90">
        <v>885</v>
      </c>
      <c r="JS7" s="91">
        <v>1640</v>
      </c>
      <c r="JT7" s="92">
        <v>2525</v>
      </c>
      <c r="JU7" s="412">
        <v>0</v>
      </c>
      <c r="JV7" s="91">
        <v>1549</v>
      </c>
      <c r="JW7" s="91">
        <v>2599</v>
      </c>
      <c r="JX7" s="91">
        <v>1558</v>
      </c>
      <c r="JY7" s="91">
        <v>1417</v>
      </c>
      <c r="JZ7" s="91">
        <v>1382</v>
      </c>
      <c r="KA7" s="92">
        <v>8505</v>
      </c>
      <c r="KB7" s="93">
        <v>11030</v>
      </c>
      <c r="KC7" s="90">
        <v>63667</v>
      </c>
      <c r="KD7" s="91">
        <v>72734</v>
      </c>
      <c r="KE7" s="92">
        <v>136401</v>
      </c>
      <c r="KF7" s="412">
        <v>0</v>
      </c>
      <c r="KG7" s="91">
        <v>92336</v>
      </c>
      <c r="KH7" s="91">
        <v>91014</v>
      </c>
      <c r="KI7" s="91">
        <v>63314</v>
      </c>
      <c r="KJ7" s="91">
        <v>58433</v>
      </c>
      <c r="KK7" s="91">
        <v>36762</v>
      </c>
      <c r="KL7" s="92">
        <v>341859</v>
      </c>
      <c r="KM7" s="93">
        <v>478260</v>
      </c>
    </row>
    <row r="8" spans="2:299" s="70" customFormat="1" ht="21" customHeight="1" x14ac:dyDescent="0.2">
      <c r="B8" s="95" t="s">
        <v>5</v>
      </c>
      <c r="C8" s="96">
        <v>8285</v>
      </c>
      <c r="D8" s="97">
        <v>10497</v>
      </c>
      <c r="E8" s="98">
        <v>18782</v>
      </c>
      <c r="F8" s="413">
        <v>0</v>
      </c>
      <c r="G8" s="97">
        <v>10592</v>
      </c>
      <c r="H8" s="97">
        <v>14287</v>
      </c>
      <c r="I8" s="97">
        <v>8965</v>
      </c>
      <c r="J8" s="97">
        <v>7255</v>
      </c>
      <c r="K8" s="97">
        <v>4402</v>
      </c>
      <c r="L8" s="99">
        <v>45501</v>
      </c>
      <c r="M8" s="100">
        <v>64283</v>
      </c>
      <c r="N8" s="101">
        <v>272</v>
      </c>
      <c r="O8" s="102">
        <v>494</v>
      </c>
      <c r="P8" s="103">
        <v>766</v>
      </c>
      <c r="Q8" s="413">
        <v>0</v>
      </c>
      <c r="R8" s="102">
        <v>399</v>
      </c>
      <c r="S8" s="102">
        <v>707</v>
      </c>
      <c r="T8" s="102">
        <v>466</v>
      </c>
      <c r="U8" s="102">
        <v>423</v>
      </c>
      <c r="V8" s="102">
        <v>295</v>
      </c>
      <c r="W8" s="103">
        <v>2290</v>
      </c>
      <c r="X8" s="104">
        <v>3056</v>
      </c>
      <c r="Y8" s="101">
        <v>671</v>
      </c>
      <c r="Z8" s="102">
        <v>982</v>
      </c>
      <c r="AA8" s="103">
        <v>1653</v>
      </c>
      <c r="AB8" s="413">
        <v>0</v>
      </c>
      <c r="AC8" s="102">
        <v>772</v>
      </c>
      <c r="AD8" s="102">
        <v>1372</v>
      </c>
      <c r="AE8" s="102">
        <v>841</v>
      </c>
      <c r="AF8" s="102">
        <v>747</v>
      </c>
      <c r="AG8" s="102">
        <v>526</v>
      </c>
      <c r="AH8" s="103">
        <v>4258</v>
      </c>
      <c r="AI8" s="104">
        <v>5911</v>
      </c>
      <c r="AJ8" s="101">
        <v>1241</v>
      </c>
      <c r="AK8" s="102">
        <v>1762</v>
      </c>
      <c r="AL8" s="103">
        <v>3003</v>
      </c>
      <c r="AM8" s="413">
        <v>0</v>
      </c>
      <c r="AN8" s="102">
        <v>1551</v>
      </c>
      <c r="AO8" s="102">
        <v>2396</v>
      </c>
      <c r="AP8" s="102">
        <v>1470</v>
      </c>
      <c r="AQ8" s="102">
        <v>1238</v>
      </c>
      <c r="AR8" s="102">
        <v>798</v>
      </c>
      <c r="AS8" s="103">
        <v>7453</v>
      </c>
      <c r="AT8" s="104">
        <v>10456</v>
      </c>
      <c r="AU8" s="101">
        <v>2148</v>
      </c>
      <c r="AV8" s="102">
        <v>2583</v>
      </c>
      <c r="AW8" s="103">
        <v>4731</v>
      </c>
      <c r="AX8" s="413">
        <v>0</v>
      </c>
      <c r="AY8" s="102">
        <v>2673</v>
      </c>
      <c r="AZ8" s="102">
        <v>3266</v>
      </c>
      <c r="BA8" s="102">
        <v>2034</v>
      </c>
      <c r="BB8" s="102">
        <v>1549</v>
      </c>
      <c r="BC8" s="102">
        <v>1034</v>
      </c>
      <c r="BD8" s="103">
        <v>10556</v>
      </c>
      <c r="BE8" s="104">
        <v>15287</v>
      </c>
      <c r="BF8" s="101">
        <v>2363</v>
      </c>
      <c r="BG8" s="102">
        <v>2644</v>
      </c>
      <c r="BH8" s="103">
        <v>5007</v>
      </c>
      <c r="BI8" s="413">
        <v>0</v>
      </c>
      <c r="BJ8" s="102">
        <v>2958</v>
      </c>
      <c r="BK8" s="102">
        <v>3509</v>
      </c>
      <c r="BL8" s="102">
        <v>2147</v>
      </c>
      <c r="BM8" s="102">
        <v>1673</v>
      </c>
      <c r="BN8" s="102">
        <v>944</v>
      </c>
      <c r="BO8" s="103">
        <v>11231</v>
      </c>
      <c r="BP8" s="104">
        <v>16238</v>
      </c>
      <c r="BQ8" s="101">
        <v>1590</v>
      </c>
      <c r="BR8" s="102">
        <v>2032</v>
      </c>
      <c r="BS8" s="103">
        <v>3622</v>
      </c>
      <c r="BT8" s="413">
        <v>0</v>
      </c>
      <c r="BU8" s="102">
        <v>2239</v>
      </c>
      <c r="BV8" s="102">
        <v>3037</v>
      </c>
      <c r="BW8" s="102">
        <v>2007</v>
      </c>
      <c r="BX8" s="102">
        <v>1625</v>
      </c>
      <c r="BY8" s="102">
        <v>805</v>
      </c>
      <c r="BZ8" s="103">
        <v>9713</v>
      </c>
      <c r="CA8" s="104">
        <v>13335</v>
      </c>
      <c r="CB8" s="101">
        <v>192</v>
      </c>
      <c r="CC8" s="102">
        <v>402</v>
      </c>
      <c r="CD8" s="103">
        <v>594</v>
      </c>
      <c r="CE8" s="413">
        <v>0</v>
      </c>
      <c r="CF8" s="102">
        <v>231</v>
      </c>
      <c r="CG8" s="102">
        <v>693</v>
      </c>
      <c r="CH8" s="102">
        <v>390</v>
      </c>
      <c r="CI8" s="102">
        <v>349</v>
      </c>
      <c r="CJ8" s="102">
        <v>320</v>
      </c>
      <c r="CK8" s="103">
        <v>1983</v>
      </c>
      <c r="CL8" s="104">
        <v>2577</v>
      </c>
      <c r="CM8" s="101">
        <v>8477</v>
      </c>
      <c r="CN8" s="102">
        <v>10899</v>
      </c>
      <c r="CO8" s="103">
        <v>19376</v>
      </c>
      <c r="CP8" s="413">
        <v>0</v>
      </c>
      <c r="CQ8" s="102">
        <v>10823</v>
      </c>
      <c r="CR8" s="102">
        <v>14980</v>
      </c>
      <c r="CS8" s="102">
        <v>9355</v>
      </c>
      <c r="CT8" s="102">
        <v>7604</v>
      </c>
      <c r="CU8" s="102">
        <v>4722</v>
      </c>
      <c r="CV8" s="103">
        <v>47484</v>
      </c>
      <c r="CW8" s="104">
        <v>66860</v>
      </c>
      <c r="CX8" s="105">
        <v>15718</v>
      </c>
      <c r="CY8" s="97">
        <v>21818</v>
      </c>
      <c r="CZ8" s="98">
        <v>37536</v>
      </c>
      <c r="DA8" s="413">
        <v>0</v>
      </c>
      <c r="DB8" s="97">
        <v>20524</v>
      </c>
      <c r="DC8" s="97">
        <v>25826</v>
      </c>
      <c r="DD8" s="97">
        <v>17015</v>
      </c>
      <c r="DE8" s="97">
        <v>16198</v>
      </c>
      <c r="DF8" s="97">
        <v>10163</v>
      </c>
      <c r="DG8" s="99">
        <v>89726</v>
      </c>
      <c r="DH8" s="100">
        <v>127262</v>
      </c>
      <c r="DI8" s="101">
        <v>316</v>
      </c>
      <c r="DJ8" s="102">
        <v>462</v>
      </c>
      <c r="DK8" s="103">
        <v>778</v>
      </c>
      <c r="DL8" s="413">
        <v>0</v>
      </c>
      <c r="DM8" s="102">
        <v>289</v>
      </c>
      <c r="DN8" s="102">
        <v>475</v>
      </c>
      <c r="DO8" s="102">
        <v>295</v>
      </c>
      <c r="DP8" s="102">
        <v>290</v>
      </c>
      <c r="DQ8" s="102">
        <v>209</v>
      </c>
      <c r="DR8" s="103">
        <v>1558</v>
      </c>
      <c r="DS8" s="104">
        <v>2336</v>
      </c>
      <c r="DT8" s="101">
        <v>810</v>
      </c>
      <c r="DU8" s="102">
        <v>1268</v>
      </c>
      <c r="DV8" s="103">
        <v>2078</v>
      </c>
      <c r="DW8" s="413">
        <v>0</v>
      </c>
      <c r="DX8" s="102">
        <v>738</v>
      </c>
      <c r="DY8" s="102">
        <v>1157</v>
      </c>
      <c r="DZ8" s="102">
        <v>648</v>
      </c>
      <c r="EA8" s="102">
        <v>646</v>
      </c>
      <c r="EB8" s="102">
        <v>518</v>
      </c>
      <c r="EC8" s="103">
        <v>3707</v>
      </c>
      <c r="ED8" s="104">
        <v>5785</v>
      </c>
      <c r="EE8" s="101">
        <v>2338</v>
      </c>
      <c r="EF8" s="102">
        <v>3029</v>
      </c>
      <c r="EG8" s="103">
        <v>5367</v>
      </c>
      <c r="EH8" s="413">
        <v>0</v>
      </c>
      <c r="EI8" s="102">
        <v>2182</v>
      </c>
      <c r="EJ8" s="102">
        <v>2654</v>
      </c>
      <c r="EK8" s="102">
        <v>1454</v>
      </c>
      <c r="EL8" s="102">
        <v>1438</v>
      </c>
      <c r="EM8" s="102">
        <v>1057</v>
      </c>
      <c r="EN8" s="103">
        <v>8785</v>
      </c>
      <c r="EO8" s="104">
        <v>14152</v>
      </c>
      <c r="EP8" s="101">
        <v>4762</v>
      </c>
      <c r="EQ8" s="102">
        <v>5933</v>
      </c>
      <c r="ER8" s="103">
        <v>10695</v>
      </c>
      <c r="ES8" s="413">
        <v>0</v>
      </c>
      <c r="ET8" s="102">
        <v>5141</v>
      </c>
      <c r="EU8" s="102">
        <v>5420</v>
      </c>
      <c r="EV8" s="102">
        <v>3077</v>
      </c>
      <c r="EW8" s="102">
        <v>2707</v>
      </c>
      <c r="EX8" s="102">
        <v>1840</v>
      </c>
      <c r="EY8" s="103">
        <v>18185</v>
      </c>
      <c r="EZ8" s="104">
        <v>28880</v>
      </c>
      <c r="FA8" s="101">
        <v>4781</v>
      </c>
      <c r="FB8" s="102">
        <v>6439</v>
      </c>
      <c r="FC8" s="103">
        <v>11220</v>
      </c>
      <c r="FD8" s="413">
        <v>0</v>
      </c>
      <c r="FE8" s="102">
        <v>6487</v>
      </c>
      <c r="FF8" s="102">
        <v>7363</v>
      </c>
      <c r="FG8" s="102">
        <v>4568</v>
      </c>
      <c r="FH8" s="102">
        <v>4132</v>
      </c>
      <c r="FI8" s="102">
        <v>2516</v>
      </c>
      <c r="FJ8" s="103">
        <v>25066</v>
      </c>
      <c r="FK8" s="104">
        <v>36286</v>
      </c>
      <c r="FL8" s="101">
        <v>2711</v>
      </c>
      <c r="FM8" s="102">
        <v>4687</v>
      </c>
      <c r="FN8" s="103">
        <v>7398</v>
      </c>
      <c r="FO8" s="413">
        <v>0</v>
      </c>
      <c r="FP8" s="102">
        <v>5687</v>
      </c>
      <c r="FQ8" s="102">
        <v>8757</v>
      </c>
      <c r="FR8" s="102">
        <v>6973</v>
      </c>
      <c r="FS8" s="102">
        <v>6985</v>
      </c>
      <c r="FT8" s="102">
        <v>4023</v>
      </c>
      <c r="FU8" s="103">
        <v>32425</v>
      </c>
      <c r="FV8" s="104">
        <v>39823</v>
      </c>
      <c r="FW8" s="101">
        <v>153</v>
      </c>
      <c r="FX8" s="102">
        <v>321</v>
      </c>
      <c r="FY8" s="103">
        <v>474</v>
      </c>
      <c r="FZ8" s="413">
        <v>0</v>
      </c>
      <c r="GA8" s="102">
        <v>193</v>
      </c>
      <c r="GB8" s="102">
        <v>540</v>
      </c>
      <c r="GC8" s="102">
        <v>245</v>
      </c>
      <c r="GD8" s="102">
        <v>250</v>
      </c>
      <c r="GE8" s="102">
        <v>270</v>
      </c>
      <c r="GF8" s="103">
        <v>1498</v>
      </c>
      <c r="GG8" s="104">
        <v>1972</v>
      </c>
      <c r="GH8" s="101">
        <v>15871</v>
      </c>
      <c r="GI8" s="102">
        <v>22139</v>
      </c>
      <c r="GJ8" s="103">
        <v>38010</v>
      </c>
      <c r="GK8" s="413">
        <v>0</v>
      </c>
      <c r="GL8" s="102">
        <v>20717</v>
      </c>
      <c r="GM8" s="102">
        <v>26366</v>
      </c>
      <c r="GN8" s="102">
        <v>17260</v>
      </c>
      <c r="GO8" s="102">
        <v>16448</v>
      </c>
      <c r="GP8" s="102">
        <v>10433</v>
      </c>
      <c r="GQ8" s="103">
        <v>91224</v>
      </c>
      <c r="GR8" s="104">
        <v>129234</v>
      </c>
      <c r="GS8" s="105">
        <v>24003</v>
      </c>
      <c r="GT8" s="97">
        <v>32315</v>
      </c>
      <c r="GU8" s="98">
        <v>56318</v>
      </c>
      <c r="GV8" s="413">
        <v>0</v>
      </c>
      <c r="GW8" s="97">
        <v>31116</v>
      </c>
      <c r="GX8" s="97">
        <v>40113</v>
      </c>
      <c r="GY8" s="97">
        <v>25980</v>
      </c>
      <c r="GZ8" s="97">
        <v>23453</v>
      </c>
      <c r="HA8" s="97">
        <v>14565</v>
      </c>
      <c r="HB8" s="99">
        <v>135227</v>
      </c>
      <c r="HC8" s="100">
        <v>191545</v>
      </c>
      <c r="HD8" s="101">
        <v>588</v>
      </c>
      <c r="HE8" s="102">
        <v>956</v>
      </c>
      <c r="HF8" s="103">
        <v>1544</v>
      </c>
      <c r="HG8" s="416">
        <v>0</v>
      </c>
      <c r="HH8" s="102">
        <v>688</v>
      </c>
      <c r="HI8" s="102">
        <v>1182</v>
      </c>
      <c r="HJ8" s="102">
        <v>761</v>
      </c>
      <c r="HK8" s="102">
        <v>713</v>
      </c>
      <c r="HL8" s="102">
        <v>504</v>
      </c>
      <c r="HM8" s="103">
        <v>3848</v>
      </c>
      <c r="HN8" s="104">
        <v>5392</v>
      </c>
      <c r="HO8" s="101">
        <v>1481</v>
      </c>
      <c r="HP8" s="102">
        <v>2250</v>
      </c>
      <c r="HQ8" s="103">
        <v>3731</v>
      </c>
      <c r="HR8" s="413">
        <v>0</v>
      </c>
      <c r="HS8" s="102">
        <v>1510</v>
      </c>
      <c r="HT8" s="102">
        <v>2529</v>
      </c>
      <c r="HU8" s="102">
        <v>1489</v>
      </c>
      <c r="HV8" s="102">
        <v>1393</v>
      </c>
      <c r="HW8" s="102">
        <v>1044</v>
      </c>
      <c r="HX8" s="103">
        <v>7965</v>
      </c>
      <c r="HY8" s="104">
        <v>11696</v>
      </c>
      <c r="HZ8" s="101">
        <v>3579</v>
      </c>
      <c r="IA8" s="102">
        <v>4791</v>
      </c>
      <c r="IB8" s="103">
        <v>8370</v>
      </c>
      <c r="IC8" s="413">
        <v>0</v>
      </c>
      <c r="ID8" s="102">
        <v>3733</v>
      </c>
      <c r="IE8" s="102">
        <v>5050</v>
      </c>
      <c r="IF8" s="102">
        <v>2924</v>
      </c>
      <c r="IG8" s="102">
        <v>2676</v>
      </c>
      <c r="IH8" s="102">
        <v>1855</v>
      </c>
      <c r="II8" s="103">
        <v>16238</v>
      </c>
      <c r="IJ8" s="104">
        <v>24608</v>
      </c>
      <c r="IK8" s="101">
        <v>6910</v>
      </c>
      <c r="IL8" s="102">
        <v>8516</v>
      </c>
      <c r="IM8" s="103">
        <v>15426</v>
      </c>
      <c r="IN8" s="413">
        <v>0</v>
      </c>
      <c r="IO8" s="102">
        <v>7814</v>
      </c>
      <c r="IP8" s="102">
        <v>8686</v>
      </c>
      <c r="IQ8" s="102">
        <v>5111</v>
      </c>
      <c r="IR8" s="102">
        <v>4256</v>
      </c>
      <c r="IS8" s="102">
        <v>2874</v>
      </c>
      <c r="IT8" s="103">
        <v>28741</v>
      </c>
      <c r="IU8" s="104">
        <v>44167</v>
      </c>
      <c r="IV8" s="101">
        <v>7144</v>
      </c>
      <c r="IW8" s="102">
        <v>9083</v>
      </c>
      <c r="IX8" s="103">
        <v>16227</v>
      </c>
      <c r="IY8" s="413">
        <v>0</v>
      </c>
      <c r="IZ8" s="102">
        <v>9445</v>
      </c>
      <c r="JA8" s="102">
        <v>10872</v>
      </c>
      <c r="JB8" s="102">
        <v>6715</v>
      </c>
      <c r="JC8" s="102">
        <v>5805</v>
      </c>
      <c r="JD8" s="102">
        <v>3460</v>
      </c>
      <c r="JE8" s="103">
        <v>36297</v>
      </c>
      <c r="JF8" s="104">
        <v>52524</v>
      </c>
      <c r="JG8" s="101">
        <v>4301</v>
      </c>
      <c r="JH8" s="102">
        <v>6719</v>
      </c>
      <c r="JI8" s="103">
        <v>11020</v>
      </c>
      <c r="JJ8" s="413">
        <v>0</v>
      </c>
      <c r="JK8" s="102">
        <v>7926</v>
      </c>
      <c r="JL8" s="102">
        <v>11794</v>
      </c>
      <c r="JM8" s="102">
        <v>8980</v>
      </c>
      <c r="JN8" s="102">
        <v>8610</v>
      </c>
      <c r="JO8" s="102">
        <v>4828</v>
      </c>
      <c r="JP8" s="103">
        <v>42138</v>
      </c>
      <c r="JQ8" s="104">
        <v>53158</v>
      </c>
      <c r="JR8" s="101">
        <v>345</v>
      </c>
      <c r="JS8" s="102">
        <v>723</v>
      </c>
      <c r="JT8" s="103">
        <v>1068</v>
      </c>
      <c r="JU8" s="413">
        <v>0</v>
      </c>
      <c r="JV8" s="102">
        <v>424</v>
      </c>
      <c r="JW8" s="102">
        <v>1233</v>
      </c>
      <c r="JX8" s="102">
        <v>635</v>
      </c>
      <c r="JY8" s="102">
        <v>599</v>
      </c>
      <c r="JZ8" s="102">
        <v>590</v>
      </c>
      <c r="KA8" s="103">
        <v>3481</v>
      </c>
      <c r="KB8" s="104">
        <v>4549</v>
      </c>
      <c r="KC8" s="101">
        <v>24348</v>
      </c>
      <c r="KD8" s="102">
        <v>33038</v>
      </c>
      <c r="KE8" s="103">
        <v>57386</v>
      </c>
      <c r="KF8" s="413">
        <v>0</v>
      </c>
      <c r="KG8" s="102">
        <v>31540</v>
      </c>
      <c r="KH8" s="102">
        <v>41346</v>
      </c>
      <c r="KI8" s="102">
        <v>26615</v>
      </c>
      <c r="KJ8" s="102">
        <v>24052</v>
      </c>
      <c r="KK8" s="102">
        <v>15155</v>
      </c>
      <c r="KL8" s="103">
        <v>138708</v>
      </c>
      <c r="KM8" s="104">
        <v>196094</v>
      </c>
    </row>
    <row r="9" spans="2:299" s="70" customFormat="1" ht="21" customHeight="1" x14ac:dyDescent="0.2">
      <c r="B9" s="106" t="s">
        <v>6</v>
      </c>
      <c r="C9" s="96">
        <v>2941</v>
      </c>
      <c r="D9" s="97">
        <v>2513</v>
      </c>
      <c r="E9" s="98">
        <v>5454</v>
      </c>
      <c r="F9" s="413">
        <v>0</v>
      </c>
      <c r="G9" s="97">
        <v>5156</v>
      </c>
      <c r="H9" s="97">
        <v>4261</v>
      </c>
      <c r="I9" s="97">
        <v>2911</v>
      </c>
      <c r="J9" s="97">
        <v>2342</v>
      </c>
      <c r="K9" s="97">
        <v>1565</v>
      </c>
      <c r="L9" s="99">
        <v>16235</v>
      </c>
      <c r="M9" s="100">
        <v>21689</v>
      </c>
      <c r="N9" s="101">
        <v>153</v>
      </c>
      <c r="O9" s="102">
        <v>158</v>
      </c>
      <c r="P9" s="103">
        <v>311</v>
      </c>
      <c r="Q9" s="413">
        <v>0</v>
      </c>
      <c r="R9" s="102">
        <v>250</v>
      </c>
      <c r="S9" s="102">
        <v>250</v>
      </c>
      <c r="T9" s="102">
        <v>161</v>
      </c>
      <c r="U9" s="102">
        <v>153</v>
      </c>
      <c r="V9" s="102">
        <v>101</v>
      </c>
      <c r="W9" s="103">
        <v>915</v>
      </c>
      <c r="X9" s="104">
        <v>1226</v>
      </c>
      <c r="Y9" s="101">
        <v>266</v>
      </c>
      <c r="Z9" s="102">
        <v>264</v>
      </c>
      <c r="AA9" s="103">
        <v>530</v>
      </c>
      <c r="AB9" s="413">
        <v>0</v>
      </c>
      <c r="AC9" s="102">
        <v>498</v>
      </c>
      <c r="AD9" s="102">
        <v>447</v>
      </c>
      <c r="AE9" s="102">
        <v>309</v>
      </c>
      <c r="AF9" s="102">
        <v>266</v>
      </c>
      <c r="AG9" s="102">
        <v>193</v>
      </c>
      <c r="AH9" s="103">
        <v>1713</v>
      </c>
      <c r="AI9" s="104">
        <v>2243</v>
      </c>
      <c r="AJ9" s="101">
        <v>512</v>
      </c>
      <c r="AK9" s="102">
        <v>430</v>
      </c>
      <c r="AL9" s="103">
        <v>942</v>
      </c>
      <c r="AM9" s="413">
        <v>0</v>
      </c>
      <c r="AN9" s="102">
        <v>841</v>
      </c>
      <c r="AO9" s="102">
        <v>760</v>
      </c>
      <c r="AP9" s="102">
        <v>497</v>
      </c>
      <c r="AQ9" s="102">
        <v>416</v>
      </c>
      <c r="AR9" s="102">
        <v>337</v>
      </c>
      <c r="AS9" s="103">
        <v>2851</v>
      </c>
      <c r="AT9" s="104">
        <v>3793</v>
      </c>
      <c r="AU9" s="101">
        <v>761</v>
      </c>
      <c r="AV9" s="102">
        <v>607</v>
      </c>
      <c r="AW9" s="103">
        <v>1368</v>
      </c>
      <c r="AX9" s="413">
        <v>0</v>
      </c>
      <c r="AY9" s="102">
        <v>1290</v>
      </c>
      <c r="AZ9" s="102">
        <v>993</v>
      </c>
      <c r="BA9" s="102">
        <v>640</v>
      </c>
      <c r="BB9" s="102">
        <v>537</v>
      </c>
      <c r="BC9" s="102">
        <v>348</v>
      </c>
      <c r="BD9" s="103">
        <v>3808</v>
      </c>
      <c r="BE9" s="104">
        <v>5176</v>
      </c>
      <c r="BF9" s="101">
        <v>779</v>
      </c>
      <c r="BG9" s="102">
        <v>619</v>
      </c>
      <c r="BH9" s="103">
        <v>1398</v>
      </c>
      <c r="BI9" s="413">
        <v>0</v>
      </c>
      <c r="BJ9" s="102">
        <v>1310</v>
      </c>
      <c r="BK9" s="102">
        <v>986</v>
      </c>
      <c r="BL9" s="102">
        <v>689</v>
      </c>
      <c r="BM9" s="102">
        <v>480</v>
      </c>
      <c r="BN9" s="102">
        <v>323</v>
      </c>
      <c r="BO9" s="103">
        <v>3788</v>
      </c>
      <c r="BP9" s="104">
        <v>5186</v>
      </c>
      <c r="BQ9" s="101">
        <v>470</v>
      </c>
      <c r="BR9" s="102">
        <v>435</v>
      </c>
      <c r="BS9" s="103">
        <v>905</v>
      </c>
      <c r="BT9" s="413">
        <v>0</v>
      </c>
      <c r="BU9" s="102">
        <v>967</v>
      </c>
      <c r="BV9" s="102">
        <v>825</v>
      </c>
      <c r="BW9" s="102">
        <v>615</v>
      </c>
      <c r="BX9" s="102">
        <v>490</v>
      </c>
      <c r="BY9" s="102">
        <v>263</v>
      </c>
      <c r="BZ9" s="103">
        <v>3160</v>
      </c>
      <c r="CA9" s="104">
        <v>4065</v>
      </c>
      <c r="CB9" s="101">
        <v>82</v>
      </c>
      <c r="CC9" s="102">
        <v>104</v>
      </c>
      <c r="CD9" s="103">
        <v>186</v>
      </c>
      <c r="CE9" s="413">
        <v>0</v>
      </c>
      <c r="CF9" s="102">
        <v>187</v>
      </c>
      <c r="CG9" s="102">
        <v>191</v>
      </c>
      <c r="CH9" s="102">
        <v>136</v>
      </c>
      <c r="CI9" s="102">
        <v>116</v>
      </c>
      <c r="CJ9" s="102">
        <v>137</v>
      </c>
      <c r="CK9" s="103">
        <v>767</v>
      </c>
      <c r="CL9" s="104">
        <v>953</v>
      </c>
      <c r="CM9" s="101">
        <v>3023</v>
      </c>
      <c r="CN9" s="102">
        <v>2617</v>
      </c>
      <c r="CO9" s="103">
        <v>5640</v>
      </c>
      <c r="CP9" s="413">
        <v>0</v>
      </c>
      <c r="CQ9" s="102">
        <v>5343</v>
      </c>
      <c r="CR9" s="102">
        <v>4452</v>
      </c>
      <c r="CS9" s="102">
        <v>3047</v>
      </c>
      <c r="CT9" s="102">
        <v>2458</v>
      </c>
      <c r="CU9" s="102">
        <v>1702</v>
      </c>
      <c r="CV9" s="103">
        <v>17002</v>
      </c>
      <c r="CW9" s="104">
        <v>22642</v>
      </c>
      <c r="CX9" s="105">
        <v>5687</v>
      </c>
      <c r="CY9" s="97">
        <v>5788</v>
      </c>
      <c r="CZ9" s="98">
        <v>11475</v>
      </c>
      <c r="DA9" s="413">
        <v>0</v>
      </c>
      <c r="DB9" s="97">
        <v>9178</v>
      </c>
      <c r="DC9" s="97">
        <v>7203</v>
      </c>
      <c r="DD9" s="97">
        <v>5293</v>
      </c>
      <c r="DE9" s="97">
        <v>5184</v>
      </c>
      <c r="DF9" s="97">
        <v>3570</v>
      </c>
      <c r="DG9" s="99">
        <v>30428</v>
      </c>
      <c r="DH9" s="100">
        <v>41903</v>
      </c>
      <c r="DI9" s="101">
        <v>118</v>
      </c>
      <c r="DJ9" s="102">
        <v>134</v>
      </c>
      <c r="DK9" s="103">
        <v>252</v>
      </c>
      <c r="DL9" s="413">
        <v>0</v>
      </c>
      <c r="DM9" s="102">
        <v>161</v>
      </c>
      <c r="DN9" s="102">
        <v>142</v>
      </c>
      <c r="DO9" s="102">
        <v>103</v>
      </c>
      <c r="DP9" s="102">
        <v>108</v>
      </c>
      <c r="DQ9" s="102">
        <v>81</v>
      </c>
      <c r="DR9" s="103">
        <v>595</v>
      </c>
      <c r="DS9" s="104">
        <v>847</v>
      </c>
      <c r="DT9" s="101">
        <v>335</v>
      </c>
      <c r="DU9" s="102">
        <v>320</v>
      </c>
      <c r="DV9" s="103">
        <v>655</v>
      </c>
      <c r="DW9" s="413">
        <v>0</v>
      </c>
      <c r="DX9" s="102">
        <v>401</v>
      </c>
      <c r="DY9" s="102">
        <v>337</v>
      </c>
      <c r="DZ9" s="102">
        <v>235</v>
      </c>
      <c r="EA9" s="102">
        <v>199</v>
      </c>
      <c r="EB9" s="102">
        <v>186</v>
      </c>
      <c r="EC9" s="103">
        <v>1358</v>
      </c>
      <c r="ED9" s="104">
        <v>2013</v>
      </c>
      <c r="EE9" s="101">
        <v>865</v>
      </c>
      <c r="EF9" s="102">
        <v>845</v>
      </c>
      <c r="EG9" s="103">
        <v>1710</v>
      </c>
      <c r="EH9" s="413">
        <v>0</v>
      </c>
      <c r="EI9" s="102">
        <v>1043</v>
      </c>
      <c r="EJ9" s="102">
        <v>765</v>
      </c>
      <c r="EK9" s="102">
        <v>448</v>
      </c>
      <c r="EL9" s="102">
        <v>440</v>
      </c>
      <c r="EM9" s="102">
        <v>354</v>
      </c>
      <c r="EN9" s="103">
        <v>3050</v>
      </c>
      <c r="EO9" s="104">
        <v>4760</v>
      </c>
      <c r="EP9" s="101">
        <v>1739</v>
      </c>
      <c r="EQ9" s="102">
        <v>1566</v>
      </c>
      <c r="ER9" s="103">
        <v>3305</v>
      </c>
      <c r="ES9" s="413">
        <v>0</v>
      </c>
      <c r="ET9" s="102">
        <v>2199</v>
      </c>
      <c r="EU9" s="102">
        <v>1501</v>
      </c>
      <c r="EV9" s="102">
        <v>995</v>
      </c>
      <c r="EW9" s="102">
        <v>850</v>
      </c>
      <c r="EX9" s="102">
        <v>670</v>
      </c>
      <c r="EY9" s="103">
        <v>6215</v>
      </c>
      <c r="EZ9" s="104">
        <v>9520</v>
      </c>
      <c r="FA9" s="101">
        <v>1688</v>
      </c>
      <c r="FB9" s="102">
        <v>1721</v>
      </c>
      <c r="FC9" s="103">
        <v>3409</v>
      </c>
      <c r="FD9" s="413">
        <v>0</v>
      </c>
      <c r="FE9" s="102">
        <v>2770</v>
      </c>
      <c r="FF9" s="102">
        <v>2003</v>
      </c>
      <c r="FG9" s="102">
        <v>1409</v>
      </c>
      <c r="FH9" s="102">
        <v>1306</v>
      </c>
      <c r="FI9" s="102">
        <v>874</v>
      </c>
      <c r="FJ9" s="103">
        <v>8362</v>
      </c>
      <c r="FK9" s="104">
        <v>11771</v>
      </c>
      <c r="FL9" s="101">
        <v>942</v>
      </c>
      <c r="FM9" s="102">
        <v>1202</v>
      </c>
      <c r="FN9" s="103">
        <v>2144</v>
      </c>
      <c r="FO9" s="413">
        <v>0</v>
      </c>
      <c r="FP9" s="102">
        <v>2604</v>
      </c>
      <c r="FQ9" s="102">
        <v>2455</v>
      </c>
      <c r="FR9" s="102">
        <v>2103</v>
      </c>
      <c r="FS9" s="102">
        <v>2281</v>
      </c>
      <c r="FT9" s="102">
        <v>1405</v>
      </c>
      <c r="FU9" s="103">
        <v>10848</v>
      </c>
      <c r="FV9" s="104">
        <v>12992</v>
      </c>
      <c r="FW9" s="101">
        <v>61</v>
      </c>
      <c r="FX9" s="102">
        <v>100</v>
      </c>
      <c r="FY9" s="103">
        <v>161</v>
      </c>
      <c r="FZ9" s="413">
        <v>0</v>
      </c>
      <c r="GA9" s="102">
        <v>128</v>
      </c>
      <c r="GB9" s="102">
        <v>140</v>
      </c>
      <c r="GC9" s="102">
        <v>98</v>
      </c>
      <c r="GD9" s="102">
        <v>86</v>
      </c>
      <c r="GE9" s="102">
        <v>92</v>
      </c>
      <c r="GF9" s="103">
        <v>544</v>
      </c>
      <c r="GG9" s="104">
        <v>705</v>
      </c>
      <c r="GH9" s="101">
        <v>5748</v>
      </c>
      <c r="GI9" s="102">
        <v>5888</v>
      </c>
      <c r="GJ9" s="103">
        <v>11636</v>
      </c>
      <c r="GK9" s="413">
        <v>0</v>
      </c>
      <c r="GL9" s="102">
        <v>9306</v>
      </c>
      <c r="GM9" s="102">
        <v>7343</v>
      </c>
      <c r="GN9" s="102">
        <v>5391</v>
      </c>
      <c r="GO9" s="102">
        <v>5270</v>
      </c>
      <c r="GP9" s="102">
        <v>3662</v>
      </c>
      <c r="GQ9" s="103">
        <v>30972</v>
      </c>
      <c r="GR9" s="104">
        <v>42608</v>
      </c>
      <c r="GS9" s="105">
        <v>8628</v>
      </c>
      <c r="GT9" s="97">
        <v>8301</v>
      </c>
      <c r="GU9" s="98">
        <v>16929</v>
      </c>
      <c r="GV9" s="413">
        <v>0</v>
      </c>
      <c r="GW9" s="97">
        <v>14334</v>
      </c>
      <c r="GX9" s="97">
        <v>11464</v>
      </c>
      <c r="GY9" s="97">
        <v>8204</v>
      </c>
      <c r="GZ9" s="97">
        <v>7526</v>
      </c>
      <c r="HA9" s="97">
        <v>5135</v>
      </c>
      <c r="HB9" s="99">
        <v>46663</v>
      </c>
      <c r="HC9" s="100">
        <v>63592</v>
      </c>
      <c r="HD9" s="101">
        <v>271</v>
      </c>
      <c r="HE9" s="102">
        <v>292</v>
      </c>
      <c r="HF9" s="103">
        <v>563</v>
      </c>
      <c r="HG9" s="416">
        <v>0</v>
      </c>
      <c r="HH9" s="102">
        <v>411</v>
      </c>
      <c r="HI9" s="102">
        <v>392</v>
      </c>
      <c r="HJ9" s="102">
        <v>264</v>
      </c>
      <c r="HK9" s="102">
        <v>261</v>
      </c>
      <c r="HL9" s="102">
        <v>182</v>
      </c>
      <c r="HM9" s="103">
        <v>1510</v>
      </c>
      <c r="HN9" s="104">
        <v>2073</v>
      </c>
      <c r="HO9" s="101">
        <v>601</v>
      </c>
      <c r="HP9" s="102">
        <v>584</v>
      </c>
      <c r="HQ9" s="103">
        <v>1185</v>
      </c>
      <c r="HR9" s="413">
        <v>0</v>
      </c>
      <c r="HS9" s="102">
        <v>899</v>
      </c>
      <c r="HT9" s="102">
        <v>784</v>
      </c>
      <c r="HU9" s="102">
        <v>544</v>
      </c>
      <c r="HV9" s="102">
        <v>465</v>
      </c>
      <c r="HW9" s="102">
        <v>379</v>
      </c>
      <c r="HX9" s="103">
        <v>3071</v>
      </c>
      <c r="HY9" s="104">
        <v>4256</v>
      </c>
      <c r="HZ9" s="101">
        <v>1377</v>
      </c>
      <c r="IA9" s="102">
        <v>1275</v>
      </c>
      <c r="IB9" s="103">
        <v>2652</v>
      </c>
      <c r="IC9" s="413">
        <v>0</v>
      </c>
      <c r="ID9" s="102">
        <v>1884</v>
      </c>
      <c r="IE9" s="102">
        <v>1525</v>
      </c>
      <c r="IF9" s="102">
        <v>945</v>
      </c>
      <c r="IG9" s="102">
        <v>856</v>
      </c>
      <c r="IH9" s="102">
        <v>691</v>
      </c>
      <c r="II9" s="103">
        <v>5901</v>
      </c>
      <c r="IJ9" s="104">
        <v>8553</v>
      </c>
      <c r="IK9" s="101">
        <v>2500</v>
      </c>
      <c r="IL9" s="102">
        <v>2173</v>
      </c>
      <c r="IM9" s="103">
        <v>4673</v>
      </c>
      <c r="IN9" s="413">
        <v>0</v>
      </c>
      <c r="IO9" s="102">
        <v>3489</v>
      </c>
      <c r="IP9" s="102">
        <v>2494</v>
      </c>
      <c r="IQ9" s="102">
        <v>1635</v>
      </c>
      <c r="IR9" s="102">
        <v>1387</v>
      </c>
      <c r="IS9" s="102">
        <v>1018</v>
      </c>
      <c r="IT9" s="103">
        <v>10023</v>
      </c>
      <c r="IU9" s="104">
        <v>14696</v>
      </c>
      <c r="IV9" s="101">
        <v>2467</v>
      </c>
      <c r="IW9" s="102">
        <v>2340</v>
      </c>
      <c r="IX9" s="103">
        <v>4807</v>
      </c>
      <c r="IY9" s="413">
        <v>0</v>
      </c>
      <c r="IZ9" s="102">
        <v>4080</v>
      </c>
      <c r="JA9" s="102">
        <v>2989</v>
      </c>
      <c r="JB9" s="102">
        <v>2098</v>
      </c>
      <c r="JC9" s="102">
        <v>1786</v>
      </c>
      <c r="JD9" s="102">
        <v>1197</v>
      </c>
      <c r="JE9" s="103">
        <v>12150</v>
      </c>
      <c r="JF9" s="104">
        <v>16957</v>
      </c>
      <c r="JG9" s="101">
        <v>1412</v>
      </c>
      <c r="JH9" s="102">
        <v>1637</v>
      </c>
      <c r="JI9" s="103">
        <v>3049</v>
      </c>
      <c r="JJ9" s="413">
        <v>0</v>
      </c>
      <c r="JK9" s="102">
        <v>3571</v>
      </c>
      <c r="JL9" s="102">
        <v>3280</v>
      </c>
      <c r="JM9" s="102">
        <v>2718</v>
      </c>
      <c r="JN9" s="102">
        <v>2771</v>
      </c>
      <c r="JO9" s="102">
        <v>1668</v>
      </c>
      <c r="JP9" s="103">
        <v>14008</v>
      </c>
      <c r="JQ9" s="104">
        <v>17057</v>
      </c>
      <c r="JR9" s="101">
        <v>143</v>
      </c>
      <c r="JS9" s="102">
        <v>204</v>
      </c>
      <c r="JT9" s="103">
        <v>347</v>
      </c>
      <c r="JU9" s="413">
        <v>0</v>
      </c>
      <c r="JV9" s="102">
        <v>315</v>
      </c>
      <c r="JW9" s="102">
        <v>331</v>
      </c>
      <c r="JX9" s="102">
        <v>234</v>
      </c>
      <c r="JY9" s="102">
        <v>202</v>
      </c>
      <c r="JZ9" s="102">
        <v>229</v>
      </c>
      <c r="KA9" s="103">
        <v>1311</v>
      </c>
      <c r="KB9" s="104">
        <v>1658</v>
      </c>
      <c r="KC9" s="101">
        <v>8771</v>
      </c>
      <c r="KD9" s="102">
        <v>8505</v>
      </c>
      <c r="KE9" s="103">
        <v>17276</v>
      </c>
      <c r="KF9" s="413">
        <v>0</v>
      </c>
      <c r="KG9" s="102">
        <v>14649</v>
      </c>
      <c r="KH9" s="102">
        <v>11795</v>
      </c>
      <c r="KI9" s="102">
        <v>8438</v>
      </c>
      <c r="KJ9" s="102">
        <v>7728</v>
      </c>
      <c r="KK9" s="102">
        <v>5364</v>
      </c>
      <c r="KL9" s="103">
        <v>47974</v>
      </c>
      <c r="KM9" s="104">
        <v>65250</v>
      </c>
    </row>
    <row r="10" spans="2:299" s="70" customFormat="1" ht="21" customHeight="1" x14ac:dyDescent="0.2">
      <c r="B10" s="106" t="s">
        <v>14</v>
      </c>
      <c r="C10" s="96">
        <v>1656</v>
      </c>
      <c r="D10" s="97">
        <v>2044</v>
      </c>
      <c r="E10" s="98">
        <v>3700</v>
      </c>
      <c r="F10" s="413">
        <v>0</v>
      </c>
      <c r="G10" s="97">
        <v>2390</v>
      </c>
      <c r="H10" s="97">
        <v>2749</v>
      </c>
      <c r="I10" s="97">
        <v>1992</v>
      </c>
      <c r="J10" s="97">
        <v>1587</v>
      </c>
      <c r="K10" s="97">
        <v>864</v>
      </c>
      <c r="L10" s="99">
        <v>9582</v>
      </c>
      <c r="M10" s="100">
        <v>13282</v>
      </c>
      <c r="N10" s="101">
        <v>64</v>
      </c>
      <c r="O10" s="102">
        <v>94</v>
      </c>
      <c r="P10" s="103">
        <v>158</v>
      </c>
      <c r="Q10" s="413">
        <v>0</v>
      </c>
      <c r="R10" s="102">
        <v>83</v>
      </c>
      <c r="S10" s="102">
        <v>129</v>
      </c>
      <c r="T10" s="102">
        <v>96</v>
      </c>
      <c r="U10" s="102">
        <v>97</v>
      </c>
      <c r="V10" s="102">
        <v>56</v>
      </c>
      <c r="W10" s="103">
        <v>461</v>
      </c>
      <c r="X10" s="104">
        <v>619</v>
      </c>
      <c r="Y10" s="101">
        <v>149</v>
      </c>
      <c r="Z10" s="102">
        <v>249</v>
      </c>
      <c r="AA10" s="103">
        <v>398</v>
      </c>
      <c r="AB10" s="413">
        <v>0</v>
      </c>
      <c r="AC10" s="102">
        <v>183</v>
      </c>
      <c r="AD10" s="102">
        <v>235</v>
      </c>
      <c r="AE10" s="102">
        <v>187</v>
      </c>
      <c r="AF10" s="102">
        <v>157</v>
      </c>
      <c r="AG10" s="102">
        <v>115</v>
      </c>
      <c r="AH10" s="103">
        <v>877</v>
      </c>
      <c r="AI10" s="104">
        <v>1275</v>
      </c>
      <c r="AJ10" s="101">
        <v>259</v>
      </c>
      <c r="AK10" s="102">
        <v>366</v>
      </c>
      <c r="AL10" s="103">
        <v>625</v>
      </c>
      <c r="AM10" s="413">
        <v>0</v>
      </c>
      <c r="AN10" s="102">
        <v>369</v>
      </c>
      <c r="AO10" s="102">
        <v>443</v>
      </c>
      <c r="AP10" s="102">
        <v>346</v>
      </c>
      <c r="AQ10" s="102">
        <v>290</v>
      </c>
      <c r="AR10" s="102">
        <v>173</v>
      </c>
      <c r="AS10" s="103">
        <v>1621</v>
      </c>
      <c r="AT10" s="104">
        <v>2246</v>
      </c>
      <c r="AU10" s="101">
        <v>479</v>
      </c>
      <c r="AV10" s="102">
        <v>538</v>
      </c>
      <c r="AW10" s="103">
        <v>1017</v>
      </c>
      <c r="AX10" s="413">
        <v>0</v>
      </c>
      <c r="AY10" s="102">
        <v>665</v>
      </c>
      <c r="AZ10" s="102">
        <v>733</v>
      </c>
      <c r="BA10" s="102">
        <v>480</v>
      </c>
      <c r="BB10" s="102">
        <v>379</v>
      </c>
      <c r="BC10" s="102">
        <v>219</v>
      </c>
      <c r="BD10" s="103">
        <v>2476</v>
      </c>
      <c r="BE10" s="104">
        <v>3493</v>
      </c>
      <c r="BF10" s="101">
        <v>465</v>
      </c>
      <c r="BG10" s="102">
        <v>535</v>
      </c>
      <c r="BH10" s="103">
        <v>1000</v>
      </c>
      <c r="BI10" s="413">
        <v>0</v>
      </c>
      <c r="BJ10" s="102">
        <v>667</v>
      </c>
      <c r="BK10" s="102">
        <v>715</v>
      </c>
      <c r="BL10" s="102">
        <v>511</v>
      </c>
      <c r="BM10" s="102">
        <v>369</v>
      </c>
      <c r="BN10" s="102">
        <v>175</v>
      </c>
      <c r="BO10" s="103">
        <v>2437</v>
      </c>
      <c r="BP10" s="104">
        <v>3437</v>
      </c>
      <c r="BQ10" s="101">
        <v>240</v>
      </c>
      <c r="BR10" s="102">
        <v>262</v>
      </c>
      <c r="BS10" s="103">
        <v>502</v>
      </c>
      <c r="BT10" s="413">
        <v>0</v>
      </c>
      <c r="BU10" s="102">
        <v>423</v>
      </c>
      <c r="BV10" s="102">
        <v>494</v>
      </c>
      <c r="BW10" s="102">
        <v>372</v>
      </c>
      <c r="BX10" s="102">
        <v>295</v>
      </c>
      <c r="BY10" s="102">
        <v>126</v>
      </c>
      <c r="BZ10" s="103">
        <v>1710</v>
      </c>
      <c r="CA10" s="104">
        <v>2212</v>
      </c>
      <c r="CB10" s="101">
        <v>35</v>
      </c>
      <c r="CC10" s="102">
        <v>98</v>
      </c>
      <c r="CD10" s="103">
        <v>133</v>
      </c>
      <c r="CE10" s="413">
        <v>0</v>
      </c>
      <c r="CF10" s="102">
        <v>43</v>
      </c>
      <c r="CG10" s="102">
        <v>134</v>
      </c>
      <c r="CH10" s="102">
        <v>69</v>
      </c>
      <c r="CI10" s="102">
        <v>89</v>
      </c>
      <c r="CJ10" s="102">
        <v>69</v>
      </c>
      <c r="CK10" s="103">
        <v>404</v>
      </c>
      <c r="CL10" s="104">
        <v>537</v>
      </c>
      <c r="CM10" s="101">
        <v>1691</v>
      </c>
      <c r="CN10" s="102">
        <v>2142</v>
      </c>
      <c r="CO10" s="103">
        <v>3833</v>
      </c>
      <c r="CP10" s="413">
        <v>0</v>
      </c>
      <c r="CQ10" s="102">
        <v>2433</v>
      </c>
      <c r="CR10" s="102">
        <v>2883</v>
      </c>
      <c r="CS10" s="102">
        <v>2061</v>
      </c>
      <c r="CT10" s="102">
        <v>1676</v>
      </c>
      <c r="CU10" s="102">
        <v>933</v>
      </c>
      <c r="CV10" s="103">
        <v>9986</v>
      </c>
      <c r="CW10" s="104">
        <v>13819</v>
      </c>
      <c r="CX10" s="105">
        <v>3066</v>
      </c>
      <c r="CY10" s="97">
        <v>4328</v>
      </c>
      <c r="CZ10" s="98">
        <v>7394</v>
      </c>
      <c r="DA10" s="413">
        <v>0</v>
      </c>
      <c r="DB10" s="97">
        <v>4071</v>
      </c>
      <c r="DC10" s="97">
        <v>4496</v>
      </c>
      <c r="DD10" s="97">
        <v>3414</v>
      </c>
      <c r="DE10" s="97">
        <v>3216</v>
      </c>
      <c r="DF10" s="97">
        <v>1884</v>
      </c>
      <c r="DG10" s="99">
        <v>17081</v>
      </c>
      <c r="DH10" s="100">
        <v>24475</v>
      </c>
      <c r="DI10" s="101">
        <v>63</v>
      </c>
      <c r="DJ10" s="102">
        <v>95</v>
      </c>
      <c r="DK10" s="103">
        <v>158</v>
      </c>
      <c r="DL10" s="413">
        <v>0</v>
      </c>
      <c r="DM10" s="102">
        <v>65</v>
      </c>
      <c r="DN10" s="102">
        <v>101</v>
      </c>
      <c r="DO10" s="102">
        <v>70</v>
      </c>
      <c r="DP10" s="102">
        <v>79</v>
      </c>
      <c r="DQ10" s="102">
        <v>52</v>
      </c>
      <c r="DR10" s="103">
        <v>367</v>
      </c>
      <c r="DS10" s="104">
        <v>525</v>
      </c>
      <c r="DT10" s="101">
        <v>200</v>
      </c>
      <c r="DU10" s="102">
        <v>274</v>
      </c>
      <c r="DV10" s="103">
        <v>474</v>
      </c>
      <c r="DW10" s="413">
        <v>0</v>
      </c>
      <c r="DX10" s="102">
        <v>164</v>
      </c>
      <c r="DY10" s="102">
        <v>241</v>
      </c>
      <c r="DZ10" s="102">
        <v>152</v>
      </c>
      <c r="EA10" s="102">
        <v>121</v>
      </c>
      <c r="EB10" s="102">
        <v>100</v>
      </c>
      <c r="EC10" s="103">
        <v>778</v>
      </c>
      <c r="ED10" s="104">
        <v>1252</v>
      </c>
      <c r="EE10" s="101">
        <v>530</v>
      </c>
      <c r="EF10" s="102">
        <v>703</v>
      </c>
      <c r="EG10" s="103">
        <v>1233</v>
      </c>
      <c r="EH10" s="413">
        <v>0</v>
      </c>
      <c r="EI10" s="102">
        <v>490</v>
      </c>
      <c r="EJ10" s="102">
        <v>569</v>
      </c>
      <c r="EK10" s="102">
        <v>351</v>
      </c>
      <c r="EL10" s="102">
        <v>357</v>
      </c>
      <c r="EM10" s="102">
        <v>240</v>
      </c>
      <c r="EN10" s="103">
        <v>2007</v>
      </c>
      <c r="EO10" s="104">
        <v>3240</v>
      </c>
      <c r="EP10" s="101">
        <v>993</v>
      </c>
      <c r="EQ10" s="102">
        <v>1336</v>
      </c>
      <c r="ER10" s="103">
        <v>2329</v>
      </c>
      <c r="ES10" s="413">
        <v>0</v>
      </c>
      <c r="ET10" s="102">
        <v>1169</v>
      </c>
      <c r="EU10" s="102">
        <v>1095</v>
      </c>
      <c r="EV10" s="102">
        <v>769</v>
      </c>
      <c r="EW10" s="102">
        <v>606</v>
      </c>
      <c r="EX10" s="102">
        <v>401</v>
      </c>
      <c r="EY10" s="103">
        <v>4040</v>
      </c>
      <c r="EZ10" s="104">
        <v>6369</v>
      </c>
      <c r="FA10" s="101">
        <v>843</v>
      </c>
      <c r="FB10" s="102">
        <v>1198</v>
      </c>
      <c r="FC10" s="103">
        <v>2041</v>
      </c>
      <c r="FD10" s="413">
        <v>0</v>
      </c>
      <c r="FE10" s="102">
        <v>1224</v>
      </c>
      <c r="FF10" s="102">
        <v>1223</v>
      </c>
      <c r="FG10" s="102">
        <v>870</v>
      </c>
      <c r="FH10" s="102">
        <v>834</v>
      </c>
      <c r="FI10" s="102">
        <v>456</v>
      </c>
      <c r="FJ10" s="103">
        <v>4607</v>
      </c>
      <c r="FK10" s="104">
        <v>6648</v>
      </c>
      <c r="FL10" s="101">
        <v>437</v>
      </c>
      <c r="FM10" s="102">
        <v>722</v>
      </c>
      <c r="FN10" s="103">
        <v>1159</v>
      </c>
      <c r="FO10" s="413">
        <v>0</v>
      </c>
      <c r="FP10" s="102">
        <v>959</v>
      </c>
      <c r="FQ10" s="102">
        <v>1267</v>
      </c>
      <c r="FR10" s="102">
        <v>1202</v>
      </c>
      <c r="FS10" s="102">
        <v>1219</v>
      </c>
      <c r="FT10" s="102">
        <v>635</v>
      </c>
      <c r="FU10" s="103">
        <v>5282</v>
      </c>
      <c r="FV10" s="104">
        <v>6441</v>
      </c>
      <c r="FW10" s="101">
        <v>22</v>
      </c>
      <c r="FX10" s="102">
        <v>85</v>
      </c>
      <c r="FY10" s="103">
        <v>107</v>
      </c>
      <c r="FZ10" s="413">
        <v>0</v>
      </c>
      <c r="GA10" s="102">
        <v>47</v>
      </c>
      <c r="GB10" s="102">
        <v>92</v>
      </c>
      <c r="GC10" s="102">
        <v>51</v>
      </c>
      <c r="GD10" s="102">
        <v>49</v>
      </c>
      <c r="GE10" s="102">
        <v>48</v>
      </c>
      <c r="GF10" s="103">
        <v>287</v>
      </c>
      <c r="GG10" s="104">
        <v>394</v>
      </c>
      <c r="GH10" s="101">
        <v>3088</v>
      </c>
      <c r="GI10" s="102">
        <v>4413</v>
      </c>
      <c r="GJ10" s="103">
        <v>7501</v>
      </c>
      <c r="GK10" s="413">
        <v>0</v>
      </c>
      <c r="GL10" s="102">
        <v>4118</v>
      </c>
      <c r="GM10" s="102">
        <v>4588</v>
      </c>
      <c r="GN10" s="102">
        <v>3465</v>
      </c>
      <c r="GO10" s="102">
        <v>3265</v>
      </c>
      <c r="GP10" s="102">
        <v>1932</v>
      </c>
      <c r="GQ10" s="103">
        <v>17368</v>
      </c>
      <c r="GR10" s="104">
        <v>24869</v>
      </c>
      <c r="GS10" s="105">
        <v>4722</v>
      </c>
      <c r="GT10" s="97">
        <v>6372</v>
      </c>
      <c r="GU10" s="98">
        <v>11094</v>
      </c>
      <c r="GV10" s="413">
        <v>0</v>
      </c>
      <c r="GW10" s="97">
        <v>6461</v>
      </c>
      <c r="GX10" s="97">
        <v>7245</v>
      </c>
      <c r="GY10" s="97">
        <v>5406</v>
      </c>
      <c r="GZ10" s="97">
        <v>4803</v>
      </c>
      <c r="HA10" s="97">
        <v>2748</v>
      </c>
      <c r="HB10" s="99">
        <v>26663</v>
      </c>
      <c r="HC10" s="100">
        <v>37757</v>
      </c>
      <c r="HD10" s="101">
        <v>127</v>
      </c>
      <c r="HE10" s="102">
        <v>189</v>
      </c>
      <c r="HF10" s="103">
        <v>316</v>
      </c>
      <c r="HG10" s="416">
        <v>0</v>
      </c>
      <c r="HH10" s="102">
        <v>148</v>
      </c>
      <c r="HI10" s="102">
        <v>230</v>
      </c>
      <c r="HJ10" s="102">
        <v>166</v>
      </c>
      <c r="HK10" s="102">
        <v>176</v>
      </c>
      <c r="HL10" s="102">
        <v>108</v>
      </c>
      <c r="HM10" s="103">
        <v>828</v>
      </c>
      <c r="HN10" s="104">
        <v>1144</v>
      </c>
      <c r="HO10" s="101">
        <v>349</v>
      </c>
      <c r="HP10" s="102">
        <v>523</v>
      </c>
      <c r="HQ10" s="103">
        <v>872</v>
      </c>
      <c r="HR10" s="413">
        <v>0</v>
      </c>
      <c r="HS10" s="102">
        <v>347</v>
      </c>
      <c r="HT10" s="102">
        <v>476</v>
      </c>
      <c r="HU10" s="102">
        <v>339</v>
      </c>
      <c r="HV10" s="102">
        <v>278</v>
      </c>
      <c r="HW10" s="102">
        <v>215</v>
      </c>
      <c r="HX10" s="103">
        <v>1655</v>
      </c>
      <c r="HY10" s="104">
        <v>2527</v>
      </c>
      <c r="HZ10" s="101">
        <v>789</v>
      </c>
      <c r="IA10" s="102">
        <v>1069</v>
      </c>
      <c r="IB10" s="103">
        <v>1858</v>
      </c>
      <c r="IC10" s="413">
        <v>0</v>
      </c>
      <c r="ID10" s="102">
        <v>859</v>
      </c>
      <c r="IE10" s="102">
        <v>1012</v>
      </c>
      <c r="IF10" s="102">
        <v>697</v>
      </c>
      <c r="IG10" s="102">
        <v>647</v>
      </c>
      <c r="IH10" s="102">
        <v>413</v>
      </c>
      <c r="II10" s="103">
        <v>3628</v>
      </c>
      <c r="IJ10" s="104">
        <v>5486</v>
      </c>
      <c r="IK10" s="101">
        <v>1472</v>
      </c>
      <c r="IL10" s="102">
        <v>1874</v>
      </c>
      <c r="IM10" s="103">
        <v>3346</v>
      </c>
      <c r="IN10" s="413">
        <v>0</v>
      </c>
      <c r="IO10" s="102">
        <v>1834</v>
      </c>
      <c r="IP10" s="102">
        <v>1828</v>
      </c>
      <c r="IQ10" s="102">
        <v>1249</v>
      </c>
      <c r="IR10" s="102">
        <v>985</v>
      </c>
      <c r="IS10" s="102">
        <v>620</v>
      </c>
      <c r="IT10" s="103">
        <v>6516</v>
      </c>
      <c r="IU10" s="104">
        <v>9862</v>
      </c>
      <c r="IV10" s="101">
        <v>1308</v>
      </c>
      <c r="IW10" s="102">
        <v>1733</v>
      </c>
      <c r="IX10" s="103">
        <v>3041</v>
      </c>
      <c r="IY10" s="413">
        <v>0</v>
      </c>
      <c r="IZ10" s="102">
        <v>1891</v>
      </c>
      <c r="JA10" s="102">
        <v>1938</v>
      </c>
      <c r="JB10" s="102">
        <v>1381</v>
      </c>
      <c r="JC10" s="102">
        <v>1203</v>
      </c>
      <c r="JD10" s="102">
        <v>631</v>
      </c>
      <c r="JE10" s="103">
        <v>7044</v>
      </c>
      <c r="JF10" s="104">
        <v>10085</v>
      </c>
      <c r="JG10" s="101">
        <v>677</v>
      </c>
      <c r="JH10" s="102">
        <v>984</v>
      </c>
      <c r="JI10" s="103">
        <v>1661</v>
      </c>
      <c r="JJ10" s="413">
        <v>0</v>
      </c>
      <c r="JK10" s="102">
        <v>1382</v>
      </c>
      <c r="JL10" s="102">
        <v>1761</v>
      </c>
      <c r="JM10" s="102">
        <v>1574</v>
      </c>
      <c r="JN10" s="102">
        <v>1514</v>
      </c>
      <c r="JO10" s="102">
        <v>761</v>
      </c>
      <c r="JP10" s="103">
        <v>6992</v>
      </c>
      <c r="JQ10" s="104">
        <v>8653</v>
      </c>
      <c r="JR10" s="101">
        <v>57</v>
      </c>
      <c r="JS10" s="102">
        <v>183</v>
      </c>
      <c r="JT10" s="103">
        <v>240</v>
      </c>
      <c r="JU10" s="413">
        <v>0</v>
      </c>
      <c r="JV10" s="102">
        <v>90</v>
      </c>
      <c r="JW10" s="102">
        <v>226</v>
      </c>
      <c r="JX10" s="102">
        <v>120</v>
      </c>
      <c r="JY10" s="102">
        <v>138</v>
      </c>
      <c r="JZ10" s="102">
        <v>117</v>
      </c>
      <c r="KA10" s="103">
        <v>691</v>
      </c>
      <c r="KB10" s="104">
        <v>931</v>
      </c>
      <c r="KC10" s="101">
        <v>4779</v>
      </c>
      <c r="KD10" s="102">
        <v>6555</v>
      </c>
      <c r="KE10" s="103">
        <v>11334</v>
      </c>
      <c r="KF10" s="413">
        <v>0</v>
      </c>
      <c r="KG10" s="102">
        <v>6551</v>
      </c>
      <c r="KH10" s="102">
        <v>7471</v>
      </c>
      <c r="KI10" s="102">
        <v>5526</v>
      </c>
      <c r="KJ10" s="102">
        <v>4941</v>
      </c>
      <c r="KK10" s="102">
        <v>2865</v>
      </c>
      <c r="KL10" s="103">
        <v>27354</v>
      </c>
      <c r="KM10" s="104">
        <v>38688</v>
      </c>
    </row>
    <row r="11" spans="2:299" s="70" customFormat="1" ht="21" customHeight="1" x14ac:dyDescent="0.2">
      <c r="B11" s="106" t="s">
        <v>7</v>
      </c>
      <c r="C11" s="96">
        <v>1100</v>
      </c>
      <c r="D11" s="97">
        <v>861</v>
      </c>
      <c r="E11" s="98">
        <v>1961</v>
      </c>
      <c r="F11" s="413">
        <v>0</v>
      </c>
      <c r="G11" s="97">
        <v>2382</v>
      </c>
      <c r="H11" s="97">
        <v>1473</v>
      </c>
      <c r="I11" s="97">
        <v>911</v>
      </c>
      <c r="J11" s="97">
        <v>822</v>
      </c>
      <c r="K11" s="97">
        <v>451</v>
      </c>
      <c r="L11" s="99">
        <v>6039</v>
      </c>
      <c r="M11" s="100">
        <v>8000</v>
      </c>
      <c r="N11" s="101">
        <v>46</v>
      </c>
      <c r="O11" s="102">
        <v>30</v>
      </c>
      <c r="P11" s="103">
        <v>76</v>
      </c>
      <c r="Q11" s="413">
        <v>0</v>
      </c>
      <c r="R11" s="102">
        <v>94</v>
      </c>
      <c r="S11" s="102">
        <v>62</v>
      </c>
      <c r="T11" s="102">
        <v>37</v>
      </c>
      <c r="U11" s="102">
        <v>38</v>
      </c>
      <c r="V11" s="102">
        <v>28</v>
      </c>
      <c r="W11" s="103">
        <v>259</v>
      </c>
      <c r="X11" s="104">
        <v>335</v>
      </c>
      <c r="Y11" s="101">
        <v>56</v>
      </c>
      <c r="Z11" s="102">
        <v>74</v>
      </c>
      <c r="AA11" s="103">
        <v>130</v>
      </c>
      <c r="AB11" s="413">
        <v>0</v>
      </c>
      <c r="AC11" s="102">
        <v>205</v>
      </c>
      <c r="AD11" s="102">
        <v>143</v>
      </c>
      <c r="AE11" s="102">
        <v>71</v>
      </c>
      <c r="AF11" s="102">
        <v>79</v>
      </c>
      <c r="AG11" s="102">
        <v>53</v>
      </c>
      <c r="AH11" s="103">
        <v>551</v>
      </c>
      <c r="AI11" s="104">
        <v>681</v>
      </c>
      <c r="AJ11" s="101">
        <v>170</v>
      </c>
      <c r="AK11" s="102">
        <v>125</v>
      </c>
      <c r="AL11" s="103">
        <v>295</v>
      </c>
      <c r="AM11" s="413">
        <v>0</v>
      </c>
      <c r="AN11" s="102">
        <v>389</v>
      </c>
      <c r="AO11" s="102">
        <v>238</v>
      </c>
      <c r="AP11" s="102">
        <v>147</v>
      </c>
      <c r="AQ11" s="102">
        <v>138</v>
      </c>
      <c r="AR11" s="102">
        <v>93</v>
      </c>
      <c r="AS11" s="103">
        <v>1005</v>
      </c>
      <c r="AT11" s="104">
        <v>1300</v>
      </c>
      <c r="AU11" s="101">
        <v>289</v>
      </c>
      <c r="AV11" s="102">
        <v>230</v>
      </c>
      <c r="AW11" s="103">
        <v>519</v>
      </c>
      <c r="AX11" s="413">
        <v>0</v>
      </c>
      <c r="AY11" s="102">
        <v>609</v>
      </c>
      <c r="AZ11" s="102">
        <v>357</v>
      </c>
      <c r="BA11" s="102">
        <v>219</v>
      </c>
      <c r="BB11" s="102">
        <v>190</v>
      </c>
      <c r="BC11" s="102">
        <v>115</v>
      </c>
      <c r="BD11" s="103">
        <v>1490</v>
      </c>
      <c r="BE11" s="104">
        <v>2009</v>
      </c>
      <c r="BF11" s="101">
        <v>324</v>
      </c>
      <c r="BG11" s="102">
        <v>233</v>
      </c>
      <c r="BH11" s="103">
        <v>557</v>
      </c>
      <c r="BI11" s="413">
        <v>0</v>
      </c>
      <c r="BJ11" s="102">
        <v>623</v>
      </c>
      <c r="BK11" s="102">
        <v>356</v>
      </c>
      <c r="BL11" s="102">
        <v>234</v>
      </c>
      <c r="BM11" s="102">
        <v>211</v>
      </c>
      <c r="BN11" s="102">
        <v>90</v>
      </c>
      <c r="BO11" s="103">
        <v>1514</v>
      </c>
      <c r="BP11" s="104">
        <v>2071</v>
      </c>
      <c r="BQ11" s="101">
        <v>215</v>
      </c>
      <c r="BR11" s="102">
        <v>169</v>
      </c>
      <c r="BS11" s="103">
        <v>384</v>
      </c>
      <c r="BT11" s="413">
        <v>0</v>
      </c>
      <c r="BU11" s="102">
        <v>462</v>
      </c>
      <c r="BV11" s="102">
        <v>317</v>
      </c>
      <c r="BW11" s="102">
        <v>203</v>
      </c>
      <c r="BX11" s="102">
        <v>166</v>
      </c>
      <c r="BY11" s="102">
        <v>72</v>
      </c>
      <c r="BZ11" s="103">
        <v>1220</v>
      </c>
      <c r="CA11" s="104">
        <v>1604</v>
      </c>
      <c r="CB11" s="101">
        <v>20</v>
      </c>
      <c r="CC11" s="102">
        <v>25</v>
      </c>
      <c r="CD11" s="103">
        <v>45</v>
      </c>
      <c r="CE11" s="413">
        <v>0</v>
      </c>
      <c r="CF11" s="102">
        <v>74</v>
      </c>
      <c r="CG11" s="102">
        <v>58</v>
      </c>
      <c r="CH11" s="102">
        <v>41</v>
      </c>
      <c r="CI11" s="102">
        <v>36</v>
      </c>
      <c r="CJ11" s="102">
        <v>24</v>
      </c>
      <c r="CK11" s="103">
        <v>233</v>
      </c>
      <c r="CL11" s="104">
        <v>278</v>
      </c>
      <c r="CM11" s="101">
        <v>1120</v>
      </c>
      <c r="CN11" s="102">
        <v>886</v>
      </c>
      <c r="CO11" s="103">
        <v>2006</v>
      </c>
      <c r="CP11" s="413">
        <v>0</v>
      </c>
      <c r="CQ11" s="102">
        <v>2456</v>
      </c>
      <c r="CR11" s="102">
        <v>1531</v>
      </c>
      <c r="CS11" s="102">
        <v>952</v>
      </c>
      <c r="CT11" s="102">
        <v>858</v>
      </c>
      <c r="CU11" s="102">
        <v>475</v>
      </c>
      <c r="CV11" s="103">
        <v>6272</v>
      </c>
      <c r="CW11" s="104">
        <v>8278</v>
      </c>
      <c r="CX11" s="105">
        <v>2074</v>
      </c>
      <c r="CY11" s="97">
        <v>2252</v>
      </c>
      <c r="CZ11" s="98">
        <v>4326</v>
      </c>
      <c r="DA11" s="413">
        <v>0</v>
      </c>
      <c r="DB11" s="97">
        <v>4405</v>
      </c>
      <c r="DC11" s="97">
        <v>2621</v>
      </c>
      <c r="DD11" s="97">
        <v>2027</v>
      </c>
      <c r="DE11" s="97">
        <v>2047</v>
      </c>
      <c r="DF11" s="97">
        <v>1124</v>
      </c>
      <c r="DG11" s="99">
        <v>12224</v>
      </c>
      <c r="DH11" s="100">
        <v>16550</v>
      </c>
      <c r="DI11" s="101">
        <v>39</v>
      </c>
      <c r="DJ11" s="102">
        <v>30</v>
      </c>
      <c r="DK11" s="103">
        <v>69</v>
      </c>
      <c r="DL11" s="413">
        <v>0</v>
      </c>
      <c r="DM11" s="102">
        <v>71</v>
      </c>
      <c r="DN11" s="102">
        <v>52</v>
      </c>
      <c r="DO11" s="102">
        <v>37</v>
      </c>
      <c r="DP11" s="102">
        <v>27</v>
      </c>
      <c r="DQ11" s="102">
        <v>35</v>
      </c>
      <c r="DR11" s="103">
        <v>222</v>
      </c>
      <c r="DS11" s="104">
        <v>291</v>
      </c>
      <c r="DT11" s="101">
        <v>100</v>
      </c>
      <c r="DU11" s="102">
        <v>103</v>
      </c>
      <c r="DV11" s="103">
        <v>203</v>
      </c>
      <c r="DW11" s="413">
        <v>0</v>
      </c>
      <c r="DX11" s="102">
        <v>203</v>
      </c>
      <c r="DY11" s="102">
        <v>131</v>
      </c>
      <c r="DZ11" s="102">
        <v>65</v>
      </c>
      <c r="EA11" s="102">
        <v>89</v>
      </c>
      <c r="EB11" s="102">
        <v>45</v>
      </c>
      <c r="EC11" s="103">
        <v>533</v>
      </c>
      <c r="ED11" s="104">
        <v>736</v>
      </c>
      <c r="EE11" s="101">
        <v>327</v>
      </c>
      <c r="EF11" s="102">
        <v>299</v>
      </c>
      <c r="EG11" s="103">
        <v>626</v>
      </c>
      <c r="EH11" s="413">
        <v>0</v>
      </c>
      <c r="EI11" s="102">
        <v>524</v>
      </c>
      <c r="EJ11" s="102">
        <v>271</v>
      </c>
      <c r="EK11" s="102">
        <v>172</v>
      </c>
      <c r="EL11" s="102">
        <v>187</v>
      </c>
      <c r="EM11" s="102">
        <v>119</v>
      </c>
      <c r="EN11" s="103">
        <v>1273</v>
      </c>
      <c r="EO11" s="104">
        <v>1899</v>
      </c>
      <c r="EP11" s="101">
        <v>619</v>
      </c>
      <c r="EQ11" s="102">
        <v>653</v>
      </c>
      <c r="ER11" s="103">
        <v>1272</v>
      </c>
      <c r="ES11" s="413">
        <v>0</v>
      </c>
      <c r="ET11" s="102">
        <v>1033</v>
      </c>
      <c r="EU11" s="102">
        <v>582</v>
      </c>
      <c r="EV11" s="102">
        <v>378</v>
      </c>
      <c r="EW11" s="102">
        <v>373</v>
      </c>
      <c r="EX11" s="102">
        <v>219</v>
      </c>
      <c r="EY11" s="103">
        <v>2585</v>
      </c>
      <c r="EZ11" s="104">
        <v>3857</v>
      </c>
      <c r="FA11" s="101">
        <v>650</v>
      </c>
      <c r="FB11" s="102">
        <v>689</v>
      </c>
      <c r="FC11" s="103">
        <v>1339</v>
      </c>
      <c r="FD11" s="413">
        <v>0</v>
      </c>
      <c r="FE11" s="102">
        <v>1308</v>
      </c>
      <c r="FF11" s="102">
        <v>684</v>
      </c>
      <c r="FG11" s="102">
        <v>503</v>
      </c>
      <c r="FH11" s="102">
        <v>511</v>
      </c>
      <c r="FI11" s="102">
        <v>263</v>
      </c>
      <c r="FJ11" s="103">
        <v>3269</v>
      </c>
      <c r="FK11" s="104">
        <v>4608</v>
      </c>
      <c r="FL11" s="101">
        <v>339</v>
      </c>
      <c r="FM11" s="102">
        <v>478</v>
      </c>
      <c r="FN11" s="103">
        <v>817</v>
      </c>
      <c r="FO11" s="413">
        <v>0</v>
      </c>
      <c r="FP11" s="102">
        <v>1266</v>
      </c>
      <c r="FQ11" s="102">
        <v>901</v>
      </c>
      <c r="FR11" s="102">
        <v>872</v>
      </c>
      <c r="FS11" s="102">
        <v>860</v>
      </c>
      <c r="FT11" s="102">
        <v>443</v>
      </c>
      <c r="FU11" s="103">
        <v>4342</v>
      </c>
      <c r="FV11" s="104">
        <v>5159</v>
      </c>
      <c r="FW11" s="101">
        <v>10</v>
      </c>
      <c r="FX11" s="102">
        <v>26</v>
      </c>
      <c r="FY11" s="103">
        <v>36</v>
      </c>
      <c r="FZ11" s="413">
        <v>0</v>
      </c>
      <c r="GA11" s="102">
        <v>73</v>
      </c>
      <c r="GB11" s="102">
        <v>53</v>
      </c>
      <c r="GC11" s="102">
        <v>28</v>
      </c>
      <c r="GD11" s="102">
        <v>35</v>
      </c>
      <c r="GE11" s="102">
        <v>19</v>
      </c>
      <c r="GF11" s="103">
        <v>208</v>
      </c>
      <c r="GG11" s="104">
        <v>244</v>
      </c>
      <c r="GH11" s="101">
        <v>2084</v>
      </c>
      <c r="GI11" s="102">
        <v>2278</v>
      </c>
      <c r="GJ11" s="103">
        <v>4362</v>
      </c>
      <c r="GK11" s="413">
        <v>0</v>
      </c>
      <c r="GL11" s="102">
        <v>4478</v>
      </c>
      <c r="GM11" s="102">
        <v>2674</v>
      </c>
      <c r="GN11" s="102">
        <v>2055</v>
      </c>
      <c r="GO11" s="102">
        <v>2082</v>
      </c>
      <c r="GP11" s="102">
        <v>1143</v>
      </c>
      <c r="GQ11" s="103">
        <v>12432</v>
      </c>
      <c r="GR11" s="104">
        <v>16794</v>
      </c>
      <c r="GS11" s="105">
        <v>3174</v>
      </c>
      <c r="GT11" s="97">
        <v>3113</v>
      </c>
      <c r="GU11" s="98">
        <v>6287</v>
      </c>
      <c r="GV11" s="413">
        <v>0</v>
      </c>
      <c r="GW11" s="97">
        <v>6787</v>
      </c>
      <c r="GX11" s="97">
        <v>4094</v>
      </c>
      <c r="GY11" s="97">
        <v>2938</v>
      </c>
      <c r="GZ11" s="97">
        <v>2869</v>
      </c>
      <c r="HA11" s="97">
        <v>1575</v>
      </c>
      <c r="HB11" s="99">
        <v>18263</v>
      </c>
      <c r="HC11" s="100">
        <v>24550</v>
      </c>
      <c r="HD11" s="101">
        <v>85</v>
      </c>
      <c r="HE11" s="102">
        <v>60</v>
      </c>
      <c r="HF11" s="103">
        <v>145</v>
      </c>
      <c r="HG11" s="416">
        <v>0</v>
      </c>
      <c r="HH11" s="102">
        <v>165</v>
      </c>
      <c r="HI11" s="102">
        <v>114</v>
      </c>
      <c r="HJ11" s="102">
        <v>74</v>
      </c>
      <c r="HK11" s="102">
        <v>65</v>
      </c>
      <c r="HL11" s="102">
        <v>63</v>
      </c>
      <c r="HM11" s="103">
        <v>481</v>
      </c>
      <c r="HN11" s="104">
        <v>626</v>
      </c>
      <c r="HO11" s="101">
        <v>156</v>
      </c>
      <c r="HP11" s="102">
        <v>177</v>
      </c>
      <c r="HQ11" s="103">
        <v>333</v>
      </c>
      <c r="HR11" s="413">
        <v>0</v>
      </c>
      <c r="HS11" s="102">
        <v>408</v>
      </c>
      <c r="HT11" s="102">
        <v>274</v>
      </c>
      <c r="HU11" s="102">
        <v>136</v>
      </c>
      <c r="HV11" s="102">
        <v>168</v>
      </c>
      <c r="HW11" s="102">
        <v>98</v>
      </c>
      <c r="HX11" s="103">
        <v>1084</v>
      </c>
      <c r="HY11" s="104">
        <v>1417</v>
      </c>
      <c r="HZ11" s="101">
        <v>497</v>
      </c>
      <c r="IA11" s="102">
        <v>424</v>
      </c>
      <c r="IB11" s="103">
        <v>921</v>
      </c>
      <c r="IC11" s="413">
        <v>0</v>
      </c>
      <c r="ID11" s="102">
        <v>913</v>
      </c>
      <c r="IE11" s="102">
        <v>509</v>
      </c>
      <c r="IF11" s="102">
        <v>319</v>
      </c>
      <c r="IG11" s="102">
        <v>325</v>
      </c>
      <c r="IH11" s="102">
        <v>212</v>
      </c>
      <c r="II11" s="103">
        <v>2278</v>
      </c>
      <c r="IJ11" s="104">
        <v>3199</v>
      </c>
      <c r="IK11" s="101">
        <v>908</v>
      </c>
      <c r="IL11" s="102">
        <v>883</v>
      </c>
      <c r="IM11" s="103">
        <v>1791</v>
      </c>
      <c r="IN11" s="413">
        <v>0</v>
      </c>
      <c r="IO11" s="102">
        <v>1642</v>
      </c>
      <c r="IP11" s="102">
        <v>939</v>
      </c>
      <c r="IQ11" s="102">
        <v>597</v>
      </c>
      <c r="IR11" s="102">
        <v>563</v>
      </c>
      <c r="IS11" s="102">
        <v>334</v>
      </c>
      <c r="IT11" s="103">
        <v>4075</v>
      </c>
      <c r="IU11" s="104">
        <v>5866</v>
      </c>
      <c r="IV11" s="101">
        <v>974</v>
      </c>
      <c r="IW11" s="102">
        <v>922</v>
      </c>
      <c r="IX11" s="103">
        <v>1896</v>
      </c>
      <c r="IY11" s="413">
        <v>0</v>
      </c>
      <c r="IZ11" s="102">
        <v>1931</v>
      </c>
      <c r="JA11" s="102">
        <v>1040</v>
      </c>
      <c r="JB11" s="102">
        <v>737</v>
      </c>
      <c r="JC11" s="102">
        <v>722</v>
      </c>
      <c r="JD11" s="102">
        <v>353</v>
      </c>
      <c r="JE11" s="103">
        <v>4783</v>
      </c>
      <c r="JF11" s="104">
        <v>6679</v>
      </c>
      <c r="JG11" s="101">
        <v>554</v>
      </c>
      <c r="JH11" s="102">
        <v>647</v>
      </c>
      <c r="JI11" s="103">
        <v>1201</v>
      </c>
      <c r="JJ11" s="413">
        <v>0</v>
      </c>
      <c r="JK11" s="102">
        <v>1728</v>
      </c>
      <c r="JL11" s="102">
        <v>1218</v>
      </c>
      <c r="JM11" s="102">
        <v>1075</v>
      </c>
      <c r="JN11" s="102">
        <v>1026</v>
      </c>
      <c r="JO11" s="102">
        <v>515</v>
      </c>
      <c r="JP11" s="103">
        <v>5562</v>
      </c>
      <c r="JQ11" s="104">
        <v>6763</v>
      </c>
      <c r="JR11" s="101">
        <v>30</v>
      </c>
      <c r="JS11" s="102">
        <v>51</v>
      </c>
      <c r="JT11" s="103">
        <v>81</v>
      </c>
      <c r="JU11" s="413">
        <v>0</v>
      </c>
      <c r="JV11" s="102">
        <v>147</v>
      </c>
      <c r="JW11" s="102">
        <v>111</v>
      </c>
      <c r="JX11" s="102">
        <v>69</v>
      </c>
      <c r="JY11" s="102">
        <v>71</v>
      </c>
      <c r="JZ11" s="102">
        <v>43</v>
      </c>
      <c r="KA11" s="103">
        <v>441</v>
      </c>
      <c r="KB11" s="104">
        <v>522</v>
      </c>
      <c r="KC11" s="101">
        <v>3204</v>
      </c>
      <c r="KD11" s="102">
        <v>3164</v>
      </c>
      <c r="KE11" s="103">
        <v>6368</v>
      </c>
      <c r="KF11" s="413">
        <v>0</v>
      </c>
      <c r="KG11" s="102">
        <v>6934</v>
      </c>
      <c r="KH11" s="102">
        <v>4205</v>
      </c>
      <c r="KI11" s="102">
        <v>3007</v>
      </c>
      <c r="KJ11" s="102">
        <v>2940</v>
      </c>
      <c r="KK11" s="102">
        <v>1618</v>
      </c>
      <c r="KL11" s="103">
        <v>18704</v>
      </c>
      <c r="KM11" s="104">
        <v>25072</v>
      </c>
    </row>
    <row r="12" spans="2:299" s="70" customFormat="1" ht="21" customHeight="1" x14ac:dyDescent="0.2">
      <c r="B12" s="106" t="s">
        <v>8</v>
      </c>
      <c r="C12" s="96">
        <v>567</v>
      </c>
      <c r="D12" s="97">
        <v>415</v>
      </c>
      <c r="E12" s="98">
        <v>982</v>
      </c>
      <c r="F12" s="413">
        <v>0</v>
      </c>
      <c r="G12" s="97">
        <v>1027</v>
      </c>
      <c r="H12" s="97">
        <v>939</v>
      </c>
      <c r="I12" s="97">
        <v>677</v>
      </c>
      <c r="J12" s="97">
        <v>527</v>
      </c>
      <c r="K12" s="97">
        <v>289</v>
      </c>
      <c r="L12" s="99">
        <v>3459</v>
      </c>
      <c r="M12" s="100">
        <v>4441</v>
      </c>
      <c r="N12" s="101">
        <v>16</v>
      </c>
      <c r="O12" s="102">
        <v>28</v>
      </c>
      <c r="P12" s="103">
        <v>44</v>
      </c>
      <c r="Q12" s="413">
        <v>0</v>
      </c>
      <c r="R12" s="102">
        <v>40</v>
      </c>
      <c r="S12" s="102">
        <v>49</v>
      </c>
      <c r="T12" s="102">
        <v>36</v>
      </c>
      <c r="U12" s="102">
        <v>34</v>
      </c>
      <c r="V12" s="102">
        <v>26</v>
      </c>
      <c r="W12" s="103">
        <v>185</v>
      </c>
      <c r="X12" s="104">
        <v>229</v>
      </c>
      <c r="Y12" s="101">
        <v>48</v>
      </c>
      <c r="Z12" s="102">
        <v>47</v>
      </c>
      <c r="AA12" s="103">
        <v>95</v>
      </c>
      <c r="AB12" s="413">
        <v>0</v>
      </c>
      <c r="AC12" s="102">
        <v>99</v>
      </c>
      <c r="AD12" s="102">
        <v>96</v>
      </c>
      <c r="AE12" s="102">
        <v>54</v>
      </c>
      <c r="AF12" s="102">
        <v>58</v>
      </c>
      <c r="AG12" s="102">
        <v>46</v>
      </c>
      <c r="AH12" s="103">
        <v>353</v>
      </c>
      <c r="AI12" s="104">
        <v>448</v>
      </c>
      <c r="AJ12" s="101">
        <v>103</v>
      </c>
      <c r="AK12" s="102">
        <v>78</v>
      </c>
      <c r="AL12" s="103">
        <v>181</v>
      </c>
      <c r="AM12" s="413">
        <v>0</v>
      </c>
      <c r="AN12" s="102">
        <v>176</v>
      </c>
      <c r="AO12" s="102">
        <v>173</v>
      </c>
      <c r="AP12" s="102">
        <v>117</v>
      </c>
      <c r="AQ12" s="102">
        <v>102</v>
      </c>
      <c r="AR12" s="102">
        <v>53</v>
      </c>
      <c r="AS12" s="103">
        <v>621</v>
      </c>
      <c r="AT12" s="104">
        <v>802</v>
      </c>
      <c r="AU12" s="101">
        <v>156</v>
      </c>
      <c r="AV12" s="102">
        <v>89</v>
      </c>
      <c r="AW12" s="103">
        <v>245</v>
      </c>
      <c r="AX12" s="413">
        <v>0</v>
      </c>
      <c r="AY12" s="102">
        <v>290</v>
      </c>
      <c r="AZ12" s="102">
        <v>237</v>
      </c>
      <c r="BA12" s="102">
        <v>155</v>
      </c>
      <c r="BB12" s="102">
        <v>119</v>
      </c>
      <c r="BC12" s="102">
        <v>62</v>
      </c>
      <c r="BD12" s="103">
        <v>863</v>
      </c>
      <c r="BE12" s="104">
        <v>1108</v>
      </c>
      <c r="BF12" s="101">
        <v>154</v>
      </c>
      <c r="BG12" s="102">
        <v>109</v>
      </c>
      <c r="BH12" s="103">
        <v>263</v>
      </c>
      <c r="BI12" s="413">
        <v>0</v>
      </c>
      <c r="BJ12" s="102">
        <v>246</v>
      </c>
      <c r="BK12" s="102">
        <v>204</v>
      </c>
      <c r="BL12" s="102">
        <v>185</v>
      </c>
      <c r="BM12" s="102">
        <v>112</v>
      </c>
      <c r="BN12" s="102">
        <v>64</v>
      </c>
      <c r="BO12" s="103">
        <v>811</v>
      </c>
      <c r="BP12" s="104">
        <v>1074</v>
      </c>
      <c r="BQ12" s="101">
        <v>90</v>
      </c>
      <c r="BR12" s="102">
        <v>64</v>
      </c>
      <c r="BS12" s="103">
        <v>154</v>
      </c>
      <c r="BT12" s="413">
        <v>0</v>
      </c>
      <c r="BU12" s="102">
        <v>176</v>
      </c>
      <c r="BV12" s="102">
        <v>180</v>
      </c>
      <c r="BW12" s="102">
        <v>130</v>
      </c>
      <c r="BX12" s="102">
        <v>102</v>
      </c>
      <c r="BY12" s="102">
        <v>38</v>
      </c>
      <c r="BZ12" s="103">
        <v>626</v>
      </c>
      <c r="CA12" s="104">
        <v>780</v>
      </c>
      <c r="CB12" s="101">
        <v>17</v>
      </c>
      <c r="CC12" s="102">
        <v>18</v>
      </c>
      <c r="CD12" s="103">
        <v>35</v>
      </c>
      <c r="CE12" s="413">
        <v>0</v>
      </c>
      <c r="CF12" s="102">
        <v>31</v>
      </c>
      <c r="CG12" s="102">
        <v>52</v>
      </c>
      <c r="CH12" s="102">
        <v>23</v>
      </c>
      <c r="CI12" s="102">
        <v>18</v>
      </c>
      <c r="CJ12" s="102">
        <v>17</v>
      </c>
      <c r="CK12" s="103">
        <v>141</v>
      </c>
      <c r="CL12" s="104">
        <v>176</v>
      </c>
      <c r="CM12" s="101">
        <v>584</v>
      </c>
      <c r="CN12" s="102">
        <v>433</v>
      </c>
      <c r="CO12" s="103">
        <v>1017</v>
      </c>
      <c r="CP12" s="413">
        <v>0</v>
      </c>
      <c r="CQ12" s="102">
        <v>1058</v>
      </c>
      <c r="CR12" s="102">
        <v>991</v>
      </c>
      <c r="CS12" s="102">
        <v>700</v>
      </c>
      <c r="CT12" s="102">
        <v>545</v>
      </c>
      <c r="CU12" s="102">
        <v>306</v>
      </c>
      <c r="CV12" s="103">
        <v>3600</v>
      </c>
      <c r="CW12" s="104">
        <v>4617</v>
      </c>
      <c r="CX12" s="105">
        <v>1206</v>
      </c>
      <c r="CY12" s="97">
        <v>1019</v>
      </c>
      <c r="CZ12" s="98">
        <v>2225</v>
      </c>
      <c r="DA12" s="413">
        <v>0</v>
      </c>
      <c r="DB12" s="97">
        <v>1865</v>
      </c>
      <c r="DC12" s="97">
        <v>1631</v>
      </c>
      <c r="DD12" s="97">
        <v>1314</v>
      </c>
      <c r="DE12" s="97">
        <v>1185</v>
      </c>
      <c r="DF12" s="97">
        <v>737</v>
      </c>
      <c r="DG12" s="99">
        <v>6732</v>
      </c>
      <c r="DH12" s="100">
        <v>8957</v>
      </c>
      <c r="DI12" s="101">
        <v>27</v>
      </c>
      <c r="DJ12" s="102">
        <v>25</v>
      </c>
      <c r="DK12" s="103">
        <v>52</v>
      </c>
      <c r="DL12" s="413">
        <v>0</v>
      </c>
      <c r="DM12" s="102">
        <v>37</v>
      </c>
      <c r="DN12" s="102">
        <v>38</v>
      </c>
      <c r="DO12" s="102">
        <v>19</v>
      </c>
      <c r="DP12" s="102">
        <v>23</v>
      </c>
      <c r="DQ12" s="102">
        <v>20</v>
      </c>
      <c r="DR12" s="103">
        <v>137</v>
      </c>
      <c r="DS12" s="104">
        <v>189</v>
      </c>
      <c r="DT12" s="101">
        <v>81</v>
      </c>
      <c r="DU12" s="102">
        <v>57</v>
      </c>
      <c r="DV12" s="103">
        <v>138</v>
      </c>
      <c r="DW12" s="413">
        <v>0</v>
      </c>
      <c r="DX12" s="102">
        <v>102</v>
      </c>
      <c r="DY12" s="102">
        <v>86</v>
      </c>
      <c r="DZ12" s="102">
        <v>47</v>
      </c>
      <c r="EA12" s="102">
        <v>56</v>
      </c>
      <c r="EB12" s="102">
        <v>43</v>
      </c>
      <c r="EC12" s="103">
        <v>334</v>
      </c>
      <c r="ED12" s="104">
        <v>472</v>
      </c>
      <c r="EE12" s="101">
        <v>178</v>
      </c>
      <c r="EF12" s="102">
        <v>150</v>
      </c>
      <c r="EG12" s="103">
        <v>328</v>
      </c>
      <c r="EH12" s="413">
        <v>0</v>
      </c>
      <c r="EI12" s="102">
        <v>232</v>
      </c>
      <c r="EJ12" s="102">
        <v>164</v>
      </c>
      <c r="EK12" s="102">
        <v>113</v>
      </c>
      <c r="EL12" s="102">
        <v>110</v>
      </c>
      <c r="EM12" s="102">
        <v>78</v>
      </c>
      <c r="EN12" s="103">
        <v>697</v>
      </c>
      <c r="EO12" s="104">
        <v>1025</v>
      </c>
      <c r="EP12" s="101">
        <v>371</v>
      </c>
      <c r="EQ12" s="102">
        <v>286</v>
      </c>
      <c r="ER12" s="103">
        <v>657</v>
      </c>
      <c r="ES12" s="413">
        <v>0</v>
      </c>
      <c r="ET12" s="102">
        <v>477</v>
      </c>
      <c r="EU12" s="102">
        <v>339</v>
      </c>
      <c r="EV12" s="102">
        <v>259</v>
      </c>
      <c r="EW12" s="102">
        <v>215</v>
      </c>
      <c r="EX12" s="102">
        <v>141</v>
      </c>
      <c r="EY12" s="103">
        <v>1431</v>
      </c>
      <c r="EZ12" s="104">
        <v>2088</v>
      </c>
      <c r="FA12" s="101">
        <v>364</v>
      </c>
      <c r="FB12" s="102">
        <v>296</v>
      </c>
      <c r="FC12" s="103">
        <v>660</v>
      </c>
      <c r="FD12" s="413">
        <v>0</v>
      </c>
      <c r="FE12" s="102">
        <v>529</v>
      </c>
      <c r="FF12" s="102">
        <v>447</v>
      </c>
      <c r="FG12" s="102">
        <v>353</v>
      </c>
      <c r="FH12" s="102">
        <v>299</v>
      </c>
      <c r="FI12" s="102">
        <v>185</v>
      </c>
      <c r="FJ12" s="103">
        <v>1813</v>
      </c>
      <c r="FK12" s="104">
        <v>2473</v>
      </c>
      <c r="FL12" s="101">
        <v>185</v>
      </c>
      <c r="FM12" s="102">
        <v>205</v>
      </c>
      <c r="FN12" s="103">
        <v>390</v>
      </c>
      <c r="FO12" s="413">
        <v>0</v>
      </c>
      <c r="FP12" s="102">
        <v>488</v>
      </c>
      <c r="FQ12" s="102">
        <v>557</v>
      </c>
      <c r="FR12" s="102">
        <v>523</v>
      </c>
      <c r="FS12" s="102">
        <v>482</v>
      </c>
      <c r="FT12" s="102">
        <v>270</v>
      </c>
      <c r="FU12" s="103">
        <v>2320</v>
      </c>
      <c r="FV12" s="104">
        <v>2710</v>
      </c>
      <c r="FW12" s="101">
        <v>8</v>
      </c>
      <c r="FX12" s="102">
        <v>21</v>
      </c>
      <c r="FY12" s="103">
        <v>29</v>
      </c>
      <c r="FZ12" s="413">
        <v>0</v>
      </c>
      <c r="GA12" s="102">
        <v>24</v>
      </c>
      <c r="GB12" s="102">
        <v>40</v>
      </c>
      <c r="GC12" s="102">
        <v>19</v>
      </c>
      <c r="GD12" s="102">
        <v>17</v>
      </c>
      <c r="GE12" s="102">
        <v>12</v>
      </c>
      <c r="GF12" s="103">
        <v>112</v>
      </c>
      <c r="GG12" s="104">
        <v>141</v>
      </c>
      <c r="GH12" s="101">
        <v>1214</v>
      </c>
      <c r="GI12" s="102">
        <v>1040</v>
      </c>
      <c r="GJ12" s="103">
        <v>2254</v>
      </c>
      <c r="GK12" s="413">
        <v>0</v>
      </c>
      <c r="GL12" s="102">
        <v>1889</v>
      </c>
      <c r="GM12" s="102">
        <v>1671</v>
      </c>
      <c r="GN12" s="102">
        <v>1333</v>
      </c>
      <c r="GO12" s="102">
        <v>1202</v>
      </c>
      <c r="GP12" s="102">
        <v>749</v>
      </c>
      <c r="GQ12" s="103">
        <v>6844</v>
      </c>
      <c r="GR12" s="104">
        <v>9098</v>
      </c>
      <c r="GS12" s="105">
        <v>1773</v>
      </c>
      <c r="GT12" s="97">
        <v>1434</v>
      </c>
      <c r="GU12" s="98">
        <v>3207</v>
      </c>
      <c r="GV12" s="413">
        <v>0</v>
      </c>
      <c r="GW12" s="97">
        <v>2892</v>
      </c>
      <c r="GX12" s="97">
        <v>2570</v>
      </c>
      <c r="GY12" s="97">
        <v>1991</v>
      </c>
      <c r="GZ12" s="97">
        <v>1712</v>
      </c>
      <c r="HA12" s="97">
        <v>1026</v>
      </c>
      <c r="HB12" s="99">
        <v>10191</v>
      </c>
      <c r="HC12" s="100">
        <v>13398</v>
      </c>
      <c r="HD12" s="101">
        <v>43</v>
      </c>
      <c r="HE12" s="102">
        <v>53</v>
      </c>
      <c r="HF12" s="103">
        <v>96</v>
      </c>
      <c r="HG12" s="416">
        <v>0</v>
      </c>
      <c r="HH12" s="102">
        <v>77</v>
      </c>
      <c r="HI12" s="102">
        <v>87</v>
      </c>
      <c r="HJ12" s="102">
        <v>55</v>
      </c>
      <c r="HK12" s="102">
        <v>57</v>
      </c>
      <c r="HL12" s="102">
        <v>46</v>
      </c>
      <c r="HM12" s="103">
        <v>322</v>
      </c>
      <c r="HN12" s="104">
        <v>418</v>
      </c>
      <c r="HO12" s="101">
        <v>129</v>
      </c>
      <c r="HP12" s="102">
        <v>104</v>
      </c>
      <c r="HQ12" s="103">
        <v>233</v>
      </c>
      <c r="HR12" s="413">
        <v>0</v>
      </c>
      <c r="HS12" s="102">
        <v>201</v>
      </c>
      <c r="HT12" s="102">
        <v>182</v>
      </c>
      <c r="HU12" s="102">
        <v>101</v>
      </c>
      <c r="HV12" s="102">
        <v>114</v>
      </c>
      <c r="HW12" s="102">
        <v>89</v>
      </c>
      <c r="HX12" s="103">
        <v>687</v>
      </c>
      <c r="HY12" s="104">
        <v>920</v>
      </c>
      <c r="HZ12" s="101">
        <v>281</v>
      </c>
      <c r="IA12" s="102">
        <v>228</v>
      </c>
      <c r="IB12" s="103">
        <v>509</v>
      </c>
      <c r="IC12" s="413">
        <v>0</v>
      </c>
      <c r="ID12" s="102">
        <v>408</v>
      </c>
      <c r="IE12" s="102">
        <v>337</v>
      </c>
      <c r="IF12" s="102">
        <v>230</v>
      </c>
      <c r="IG12" s="102">
        <v>212</v>
      </c>
      <c r="IH12" s="102">
        <v>131</v>
      </c>
      <c r="II12" s="103">
        <v>1318</v>
      </c>
      <c r="IJ12" s="104">
        <v>1827</v>
      </c>
      <c r="IK12" s="101">
        <v>527</v>
      </c>
      <c r="IL12" s="102">
        <v>375</v>
      </c>
      <c r="IM12" s="103">
        <v>902</v>
      </c>
      <c r="IN12" s="413">
        <v>0</v>
      </c>
      <c r="IO12" s="102">
        <v>767</v>
      </c>
      <c r="IP12" s="102">
        <v>576</v>
      </c>
      <c r="IQ12" s="102">
        <v>414</v>
      </c>
      <c r="IR12" s="102">
        <v>334</v>
      </c>
      <c r="IS12" s="102">
        <v>203</v>
      </c>
      <c r="IT12" s="103">
        <v>2294</v>
      </c>
      <c r="IU12" s="104">
        <v>3196</v>
      </c>
      <c r="IV12" s="101">
        <v>518</v>
      </c>
      <c r="IW12" s="102">
        <v>405</v>
      </c>
      <c r="IX12" s="103">
        <v>923</v>
      </c>
      <c r="IY12" s="413">
        <v>0</v>
      </c>
      <c r="IZ12" s="102">
        <v>775</v>
      </c>
      <c r="JA12" s="102">
        <v>651</v>
      </c>
      <c r="JB12" s="102">
        <v>538</v>
      </c>
      <c r="JC12" s="102">
        <v>411</v>
      </c>
      <c r="JD12" s="102">
        <v>249</v>
      </c>
      <c r="JE12" s="103">
        <v>2624</v>
      </c>
      <c r="JF12" s="104">
        <v>3547</v>
      </c>
      <c r="JG12" s="101">
        <v>275</v>
      </c>
      <c r="JH12" s="102">
        <v>269</v>
      </c>
      <c r="JI12" s="103">
        <v>544</v>
      </c>
      <c r="JJ12" s="413">
        <v>0</v>
      </c>
      <c r="JK12" s="102">
        <v>664</v>
      </c>
      <c r="JL12" s="102">
        <v>737</v>
      </c>
      <c r="JM12" s="102">
        <v>653</v>
      </c>
      <c r="JN12" s="102">
        <v>584</v>
      </c>
      <c r="JO12" s="102">
        <v>308</v>
      </c>
      <c r="JP12" s="103">
        <v>2946</v>
      </c>
      <c r="JQ12" s="104">
        <v>3490</v>
      </c>
      <c r="JR12" s="101">
        <v>25</v>
      </c>
      <c r="JS12" s="102">
        <v>39</v>
      </c>
      <c r="JT12" s="103">
        <v>64</v>
      </c>
      <c r="JU12" s="413">
        <v>0</v>
      </c>
      <c r="JV12" s="102">
        <v>55</v>
      </c>
      <c r="JW12" s="102">
        <v>92</v>
      </c>
      <c r="JX12" s="102">
        <v>42</v>
      </c>
      <c r="JY12" s="102">
        <v>35</v>
      </c>
      <c r="JZ12" s="102">
        <v>29</v>
      </c>
      <c r="KA12" s="103">
        <v>253</v>
      </c>
      <c r="KB12" s="104">
        <v>317</v>
      </c>
      <c r="KC12" s="101">
        <v>1798</v>
      </c>
      <c r="KD12" s="102">
        <v>1473</v>
      </c>
      <c r="KE12" s="103">
        <v>3271</v>
      </c>
      <c r="KF12" s="413">
        <v>0</v>
      </c>
      <c r="KG12" s="102">
        <v>2947</v>
      </c>
      <c r="KH12" s="102">
        <v>2662</v>
      </c>
      <c r="KI12" s="102">
        <v>2033</v>
      </c>
      <c r="KJ12" s="102">
        <v>1747</v>
      </c>
      <c r="KK12" s="102">
        <v>1055</v>
      </c>
      <c r="KL12" s="103">
        <v>10444</v>
      </c>
      <c r="KM12" s="104">
        <v>13715</v>
      </c>
    </row>
    <row r="13" spans="2:299" s="70" customFormat="1" ht="21" customHeight="1" x14ac:dyDescent="0.2">
      <c r="B13" s="106" t="s">
        <v>9</v>
      </c>
      <c r="C13" s="96">
        <v>750</v>
      </c>
      <c r="D13" s="97">
        <v>409</v>
      </c>
      <c r="E13" s="98">
        <v>1159</v>
      </c>
      <c r="F13" s="413">
        <v>0</v>
      </c>
      <c r="G13" s="97">
        <v>912</v>
      </c>
      <c r="H13" s="97">
        <v>585</v>
      </c>
      <c r="I13" s="97">
        <v>460</v>
      </c>
      <c r="J13" s="97">
        <v>411</v>
      </c>
      <c r="K13" s="97">
        <v>225</v>
      </c>
      <c r="L13" s="99">
        <v>2593</v>
      </c>
      <c r="M13" s="100">
        <v>3752</v>
      </c>
      <c r="N13" s="101">
        <v>22</v>
      </c>
      <c r="O13" s="102">
        <v>15</v>
      </c>
      <c r="P13" s="103">
        <v>37</v>
      </c>
      <c r="Q13" s="413">
        <v>0</v>
      </c>
      <c r="R13" s="102">
        <v>25</v>
      </c>
      <c r="S13" s="102">
        <v>23</v>
      </c>
      <c r="T13" s="102">
        <v>10</v>
      </c>
      <c r="U13" s="102">
        <v>15</v>
      </c>
      <c r="V13" s="102">
        <v>9</v>
      </c>
      <c r="W13" s="103">
        <v>82</v>
      </c>
      <c r="X13" s="104">
        <v>119</v>
      </c>
      <c r="Y13" s="101">
        <v>44</v>
      </c>
      <c r="Z13" s="102">
        <v>28</v>
      </c>
      <c r="AA13" s="103">
        <v>72</v>
      </c>
      <c r="AB13" s="413">
        <v>0</v>
      </c>
      <c r="AC13" s="102">
        <v>48</v>
      </c>
      <c r="AD13" s="102">
        <v>38</v>
      </c>
      <c r="AE13" s="102">
        <v>27</v>
      </c>
      <c r="AF13" s="102">
        <v>21</v>
      </c>
      <c r="AG13" s="102">
        <v>17</v>
      </c>
      <c r="AH13" s="103">
        <v>151</v>
      </c>
      <c r="AI13" s="104">
        <v>223</v>
      </c>
      <c r="AJ13" s="101">
        <v>83</v>
      </c>
      <c r="AK13" s="102">
        <v>46</v>
      </c>
      <c r="AL13" s="103">
        <v>129</v>
      </c>
      <c r="AM13" s="413">
        <v>0</v>
      </c>
      <c r="AN13" s="102">
        <v>105</v>
      </c>
      <c r="AO13" s="102">
        <v>82</v>
      </c>
      <c r="AP13" s="102">
        <v>69</v>
      </c>
      <c r="AQ13" s="102">
        <v>55</v>
      </c>
      <c r="AR13" s="102">
        <v>27</v>
      </c>
      <c r="AS13" s="103">
        <v>338</v>
      </c>
      <c r="AT13" s="104">
        <v>467</v>
      </c>
      <c r="AU13" s="101">
        <v>195</v>
      </c>
      <c r="AV13" s="102">
        <v>97</v>
      </c>
      <c r="AW13" s="103">
        <v>292</v>
      </c>
      <c r="AX13" s="413">
        <v>0</v>
      </c>
      <c r="AY13" s="102">
        <v>221</v>
      </c>
      <c r="AZ13" s="102">
        <v>124</v>
      </c>
      <c r="BA13" s="102">
        <v>85</v>
      </c>
      <c r="BB13" s="102">
        <v>78</v>
      </c>
      <c r="BC13" s="102">
        <v>54</v>
      </c>
      <c r="BD13" s="103">
        <v>562</v>
      </c>
      <c r="BE13" s="104">
        <v>854</v>
      </c>
      <c r="BF13" s="101">
        <v>242</v>
      </c>
      <c r="BG13" s="102">
        <v>121</v>
      </c>
      <c r="BH13" s="103">
        <v>363</v>
      </c>
      <c r="BI13" s="413">
        <v>0</v>
      </c>
      <c r="BJ13" s="102">
        <v>266</v>
      </c>
      <c r="BK13" s="102">
        <v>138</v>
      </c>
      <c r="BL13" s="102">
        <v>119</v>
      </c>
      <c r="BM13" s="102">
        <v>97</v>
      </c>
      <c r="BN13" s="102">
        <v>66</v>
      </c>
      <c r="BO13" s="103">
        <v>686</v>
      </c>
      <c r="BP13" s="104">
        <v>1049</v>
      </c>
      <c r="BQ13" s="101">
        <v>164</v>
      </c>
      <c r="BR13" s="102">
        <v>102</v>
      </c>
      <c r="BS13" s="103">
        <v>266</v>
      </c>
      <c r="BT13" s="413">
        <v>0</v>
      </c>
      <c r="BU13" s="102">
        <v>247</v>
      </c>
      <c r="BV13" s="102">
        <v>180</v>
      </c>
      <c r="BW13" s="102">
        <v>150</v>
      </c>
      <c r="BX13" s="102">
        <v>145</v>
      </c>
      <c r="BY13" s="102">
        <v>52</v>
      </c>
      <c r="BZ13" s="103">
        <v>774</v>
      </c>
      <c r="CA13" s="104">
        <v>1040</v>
      </c>
      <c r="CB13" s="101">
        <v>5</v>
      </c>
      <c r="CC13" s="102">
        <v>15</v>
      </c>
      <c r="CD13" s="103">
        <v>20</v>
      </c>
      <c r="CE13" s="413">
        <v>0</v>
      </c>
      <c r="CF13" s="102">
        <v>22</v>
      </c>
      <c r="CG13" s="102">
        <v>27</v>
      </c>
      <c r="CH13" s="102">
        <v>17</v>
      </c>
      <c r="CI13" s="102">
        <v>16</v>
      </c>
      <c r="CJ13" s="102">
        <v>11</v>
      </c>
      <c r="CK13" s="103">
        <v>93</v>
      </c>
      <c r="CL13" s="104">
        <v>113</v>
      </c>
      <c r="CM13" s="101">
        <v>755</v>
      </c>
      <c r="CN13" s="102">
        <v>424</v>
      </c>
      <c r="CO13" s="103">
        <v>1179</v>
      </c>
      <c r="CP13" s="413">
        <v>0</v>
      </c>
      <c r="CQ13" s="102">
        <v>934</v>
      </c>
      <c r="CR13" s="102">
        <v>612</v>
      </c>
      <c r="CS13" s="102">
        <v>477</v>
      </c>
      <c r="CT13" s="102">
        <v>427</v>
      </c>
      <c r="CU13" s="102">
        <v>236</v>
      </c>
      <c r="CV13" s="103">
        <v>2686</v>
      </c>
      <c r="CW13" s="104">
        <v>3865</v>
      </c>
      <c r="CX13" s="105">
        <v>1548</v>
      </c>
      <c r="CY13" s="97">
        <v>1061</v>
      </c>
      <c r="CZ13" s="98">
        <v>2609</v>
      </c>
      <c r="DA13" s="413">
        <v>0</v>
      </c>
      <c r="DB13" s="97">
        <v>1761</v>
      </c>
      <c r="DC13" s="97">
        <v>1178</v>
      </c>
      <c r="DD13" s="97">
        <v>1021</v>
      </c>
      <c r="DE13" s="97">
        <v>1056</v>
      </c>
      <c r="DF13" s="97">
        <v>736</v>
      </c>
      <c r="DG13" s="99">
        <v>5752</v>
      </c>
      <c r="DH13" s="100">
        <v>8361</v>
      </c>
      <c r="DI13" s="101">
        <v>29</v>
      </c>
      <c r="DJ13" s="102">
        <v>29</v>
      </c>
      <c r="DK13" s="103">
        <v>58</v>
      </c>
      <c r="DL13" s="413">
        <v>0</v>
      </c>
      <c r="DM13" s="102">
        <v>13</v>
      </c>
      <c r="DN13" s="102">
        <v>16</v>
      </c>
      <c r="DO13" s="102">
        <v>15</v>
      </c>
      <c r="DP13" s="102">
        <v>8</v>
      </c>
      <c r="DQ13" s="102">
        <v>12</v>
      </c>
      <c r="DR13" s="103">
        <v>64</v>
      </c>
      <c r="DS13" s="104">
        <v>122</v>
      </c>
      <c r="DT13" s="101">
        <v>63</v>
      </c>
      <c r="DU13" s="102">
        <v>54</v>
      </c>
      <c r="DV13" s="103">
        <v>117</v>
      </c>
      <c r="DW13" s="413">
        <v>0</v>
      </c>
      <c r="DX13" s="102">
        <v>52</v>
      </c>
      <c r="DY13" s="102">
        <v>25</v>
      </c>
      <c r="DZ13" s="102">
        <v>30</v>
      </c>
      <c r="EA13" s="102">
        <v>20</v>
      </c>
      <c r="EB13" s="102">
        <v>30</v>
      </c>
      <c r="EC13" s="103">
        <v>157</v>
      </c>
      <c r="ED13" s="104">
        <v>274</v>
      </c>
      <c r="EE13" s="101">
        <v>214</v>
      </c>
      <c r="EF13" s="102">
        <v>139</v>
      </c>
      <c r="EG13" s="103">
        <v>353</v>
      </c>
      <c r="EH13" s="413">
        <v>0</v>
      </c>
      <c r="EI13" s="102">
        <v>189</v>
      </c>
      <c r="EJ13" s="102">
        <v>109</v>
      </c>
      <c r="EK13" s="102">
        <v>75</v>
      </c>
      <c r="EL13" s="102">
        <v>63</v>
      </c>
      <c r="EM13" s="102">
        <v>56</v>
      </c>
      <c r="EN13" s="103">
        <v>492</v>
      </c>
      <c r="EO13" s="104">
        <v>845</v>
      </c>
      <c r="EP13" s="101">
        <v>454</v>
      </c>
      <c r="EQ13" s="102">
        <v>278</v>
      </c>
      <c r="ER13" s="103">
        <v>732</v>
      </c>
      <c r="ES13" s="413">
        <v>0</v>
      </c>
      <c r="ET13" s="102">
        <v>408</v>
      </c>
      <c r="EU13" s="102">
        <v>182</v>
      </c>
      <c r="EV13" s="102">
        <v>165</v>
      </c>
      <c r="EW13" s="102">
        <v>150</v>
      </c>
      <c r="EX13" s="102">
        <v>108</v>
      </c>
      <c r="EY13" s="103">
        <v>1013</v>
      </c>
      <c r="EZ13" s="104">
        <v>1745</v>
      </c>
      <c r="FA13" s="101">
        <v>500</v>
      </c>
      <c r="FB13" s="102">
        <v>309</v>
      </c>
      <c r="FC13" s="103">
        <v>809</v>
      </c>
      <c r="FD13" s="413">
        <v>0</v>
      </c>
      <c r="FE13" s="102">
        <v>503</v>
      </c>
      <c r="FF13" s="102">
        <v>323</v>
      </c>
      <c r="FG13" s="102">
        <v>254</v>
      </c>
      <c r="FH13" s="102">
        <v>263</v>
      </c>
      <c r="FI13" s="102">
        <v>170</v>
      </c>
      <c r="FJ13" s="103">
        <v>1513</v>
      </c>
      <c r="FK13" s="104">
        <v>2322</v>
      </c>
      <c r="FL13" s="101">
        <v>288</v>
      </c>
      <c r="FM13" s="102">
        <v>252</v>
      </c>
      <c r="FN13" s="103">
        <v>540</v>
      </c>
      <c r="FO13" s="413">
        <v>0</v>
      </c>
      <c r="FP13" s="102">
        <v>596</v>
      </c>
      <c r="FQ13" s="102">
        <v>523</v>
      </c>
      <c r="FR13" s="102">
        <v>482</v>
      </c>
      <c r="FS13" s="102">
        <v>552</v>
      </c>
      <c r="FT13" s="102">
        <v>360</v>
      </c>
      <c r="FU13" s="103">
        <v>2513</v>
      </c>
      <c r="FV13" s="104">
        <v>3053</v>
      </c>
      <c r="FW13" s="101">
        <v>7</v>
      </c>
      <c r="FX13" s="102">
        <v>14</v>
      </c>
      <c r="FY13" s="103">
        <v>21</v>
      </c>
      <c r="FZ13" s="413">
        <v>0</v>
      </c>
      <c r="GA13" s="102">
        <v>16</v>
      </c>
      <c r="GB13" s="102">
        <v>20</v>
      </c>
      <c r="GC13" s="102">
        <v>12</v>
      </c>
      <c r="GD13" s="102">
        <v>10</v>
      </c>
      <c r="GE13" s="102">
        <v>9</v>
      </c>
      <c r="GF13" s="103">
        <v>67</v>
      </c>
      <c r="GG13" s="104">
        <v>88</v>
      </c>
      <c r="GH13" s="101">
        <v>1555</v>
      </c>
      <c r="GI13" s="102">
        <v>1075</v>
      </c>
      <c r="GJ13" s="103">
        <v>2630</v>
      </c>
      <c r="GK13" s="413">
        <v>0</v>
      </c>
      <c r="GL13" s="102">
        <v>1777</v>
      </c>
      <c r="GM13" s="102">
        <v>1198</v>
      </c>
      <c r="GN13" s="102">
        <v>1033</v>
      </c>
      <c r="GO13" s="102">
        <v>1066</v>
      </c>
      <c r="GP13" s="102">
        <v>745</v>
      </c>
      <c r="GQ13" s="103">
        <v>5819</v>
      </c>
      <c r="GR13" s="104">
        <v>8449</v>
      </c>
      <c r="GS13" s="105">
        <v>2298</v>
      </c>
      <c r="GT13" s="97">
        <v>1470</v>
      </c>
      <c r="GU13" s="98">
        <v>3768</v>
      </c>
      <c r="GV13" s="413">
        <v>0</v>
      </c>
      <c r="GW13" s="97">
        <v>2673</v>
      </c>
      <c r="GX13" s="97">
        <v>1763</v>
      </c>
      <c r="GY13" s="97">
        <v>1481</v>
      </c>
      <c r="GZ13" s="97">
        <v>1467</v>
      </c>
      <c r="HA13" s="97">
        <v>961</v>
      </c>
      <c r="HB13" s="99">
        <v>8345</v>
      </c>
      <c r="HC13" s="100">
        <v>12113</v>
      </c>
      <c r="HD13" s="101">
        <v>51</v>
      </c>
      <c r="HE13" s="102">
        <v>44</v>
      </c>
      <c r="HF13" s="103">
        <v>95</v>
      </c>
      <c r="HG13" s="416">
        <v>0</v>
      </c>
      <c r="HH13" s="102">
        <v>38</v>
      </c>
      <c r="HI13" s="102">
        <v>39</v>
      </c>
      <c r="HJ13" s="102">
        <v>25</v>
      </c>
      <c r="HK13" s="102">
        <v>23</v>
      </c>
      <c r="HL13" s="102">
        <v>21</v>
      </c>
      <c r="HM13" s="103">
        <v>146</v>
      </c>
      <c r="HN13" s="104">
        <v>241</v>
      </c>
      <c r="HO13" s="101">
        <v>107</v>
      </c>
      <c r="HP13" s="102">
        <v>82</v>
      </c>
      <c r="HQ13" s="103">
        <v>189</v>
      </c>
      <c r="HR13" s="413">
        <v>0</v>
      </c>
      <c r="HS13" s="102">
        <v>100</v>
      </c>
      <c r="HT13" s="102">
        <v>63</v>
      </c>
      <c r="HU13" s="102">
        <v>57</v>
      </c>
      <c r="HV13" s="102">
        <v>41</v>
      </c>
      <c r="HW13" s="102">
        <v>47</v>
      </c>
      <c r="HX13" s="103">
        <v>308</v>
      </c>
      <c r="HY13" s="104">
        <v>497</v>
      </c>
      <c r="HZ13" s="101">
        <v>297</v>
      </c>
      <c r="IA13" s="102">
        <v>185</v>
      </c>
      <c r="IB13" s="103">
        <v>482</v>
      </c>
      <c r="IC13" s="413">
        <v>0</v>
      </c>
      <c r="ID13" s="102">
        <v>294</v>
      </c>
      <c r="IE13" s="102">
        <v>191</v>
      </c>
      <c r="IF13" s="102">
        <v>144</v>
      </c>
      <c r="IG13" s="102">
        <v>118</v>
      </c>
      <c r="IH13" s="102">
        <v>83</v>
      </c>
      <c r="II13" s="103">
        <v>830</v>
      </c>
      <c r="IJ13" s="104">
        <v>1312</v>
      </c>
      <c r="IK13" s="101">
        <v>649</v>
      </c>
      <c r="IL13" s="102">
        <v>375</v>
      </c>
      <c r="IM13" s="103">
        <v>1024</v>
      </c>
      <c r="IN13" s="413">
        <v>0</v>
      </c>
      <c r="IO13" s="102">
        <v>629</v>
      </c>
      <c r="IP13" s="102">
        <v>306</v>
      </c>
      <c r="IQ13" s="102">
        <v>250</v>
      </c>
      <c r="IR13" s="102">
        <v>228</v>
      </c>
      <c r="IS13" s="102">
        <v>162</v>
      </c>
      <c r="IT13" s="103">
        <v>1575</v>
      </c>
      <c r="IU13" s="104">
        <v>2599</v>
      </c>
      <c r="IV13" s="101">
        <v>742</v>
      </c>
      <c r="IW13" s="102">
        <v>430</v>
      </c>
      <c r="IX13" s="103">
        <v>1172</v>
      </c>
      <c r="IY13" s="413">
        <v>0</v>
      </c>
      <c r="IZ13" s="102">
        <v>769</v>
      </c>
      <c r="JA13" s="102">
        <v>461</v>
      </c>
      <c r="JB13" s="102">
        <v>373</v>
      </c>
      <c r="JC13" s="102">
        <v>360</v>
      </c>
      <c r="JD13" s="102">
        <v>236</v>
      </c>
      <c r="JE13" s="103">
        <v>2199</v>
      </c>
      <c r="JF13" s="104">
        <v>3371</v>
      </c>
      <c r="JG13" s="101">
        <v>452</v>
      </c>
      <c r="JH13" s="102">
        <v>354</v>
      </c>
      <c r="JI13" s="103">
        <v>806</v>
      </c>
      <c r="JJ13" s="413">
        <v>0</v>
      </c>
      <c r="JK13" s="102">
        <v>843</v>
      </c>
      <c r="JL13" s="102">
        <v>703</v>
      </c>
      <c r="JM13" s="102">
        <v>632</v>
      </c>
      <c r="JN13" s="102">
        <v>697</v>
      </c>
      <c r="JO13" s="102">
        <v>412</v>
      </c>
      <c r="JP13" s="103">
        <v>3287</v>
      </c>
      <c r="JQ13" s="104">
        <v>4093</v>
      </c>
      <c r="JR13" s="101">
        <v>12</v>
      </c>
      <c r="JS13" s="102">
        <v>29</v>
      </c>
      <c r="JT13" s="103">
        <v>41</v>
      </c>
      <c r="JU13" s="413">
        <v>0</v>
      </c>
      <c r="JV13" s="102">
        <v>38</v>
      </c>
      <c r="JW13" s="102">
        <v>47</v>
      </c>
      <c r="JX13" s="102">
        <v>29</v>
      </c>
      <c r="JY13" s="102">
        <v>26</v>
      </c>
      <c r="JZ13" s="102">
        <v>20</v>
      </c>
      <c r="KA13" s="103">
        <v>160</v>
      </c>
      <c r="KB13" s="104">
        <v>201</v>
      </c>
      <c r="KC13" s="101">
        <v>2310</v>
      </c>
      <c r="KD13" s="102">
        <v>1499</v>
      </c>
      <c r="KE13" s="103">
        <v>3809</v>
      </c>
      <c r="KF13" s="413">
        <v>0</v>
      </c>
      <c r="KG13" s="102">
        <v>2711</v>
      </c>
      <c r="KH13" s="102">
        <v>1810</v>
      </c>
      <c r="KI13" s="102">
        <v>1510</v>
      </c>
      <c r="KJ13" s="102">
        <v>1493</v>
      </c>
      <c r="KK13" s="102">
        <v>981</v>
      </c>
      <c r="KL13" s="103">
        <v>8505</v>
      </c>
      <c r="KM13" s="104">
        <v>12314</v>
      </c>
    </row>
    <row r="14" spans="2:299" s="70" customFormat="1" ht="21" customHeight="1" x14ac:dyDescent="0.2">
      <c r="B14" s="106" t="s">
        <v>10</v>
      </c>
      <c r="C14" s="96">
        <v>1646</v>
      </c>
      <c r="D14" s="97">
        <v>969</v>
      </c>
      <c r="E14" s="98">
        <v>2615</v>
      </c>
      <c r="F14" s="413">
        <v>0</v>
      </c>
      <c r="G14" s="97">
        <v>1813</v>
      </c>
      <c r="H14" s="97">
        <v>998</v>
      </c>
      <c r="I14" s="97">
        <v>692</v>
      </c>
      <c r="J14" s="97">
        <v>639</v>
      </c>
      <c r="K14" s="97">
        <v>436</v>
      </c>
      <c r="L14" s="99">
        <v>4578</v>
      </c>
      <c r="M14" s="100">
        <v>7193</v>
      </c>
      <c r="N14" s="101">
        <v>63</v>
      </c>
      <c r="O14" s="102">
        <v>42</v>
      </c>
      <c r="P14" s="103">
        <v>105</v>
      </c>
      <c r="Q14" s="413">
        <v>0</v>
      </c>
      <c r="R14" s="102">
        <v>82</v>
      </c>
      <c r="S14" s="102">
        <v>44</v>
      </c>
      <c r="T14" s="102">
        <v>33</v>
      </c>
      <c r="U14" s="102">
        <v>39</v>
      </c>
      <c r="V14" s="102">
        <v>28</v>
      </c>
      <c r="W14" s="103">
        <v>226</v>
      </c>
      <c r="X14" s="104">
        <v>331</v>
      </c>
      <c r="Y14" s="101">
        <v>133</v>
      </c>
      <c r="Z14" s="102">
        <v>87</v>
      </c>
      <c r="AA14" s="103">
        <v>220</v>
      </c>
      <c r="AB14" s="413">
        <v>0</v>
      </c>
      <c r="AC14" s="102">
        <v>142</v>
      </c>
      <c r="AD14" s="102">
        <v>97</v>
      </c>
      <c r="AE14" s="102">
        <v>49</v>
      </c>
      <c r="AF14" s="102">
        <v>69</v>
      </c>
      <c r="AG14" s="102">
        <v>53</v>
      </c>
      <c r="AH14" s="103">
        <v>410</v>
      </c>
      <c r="AI14" s="104">
        <v>630</v>
      </c>
      <c r="AJ14" s="101">
        <v>240</v>
      </c>
      <c r="AK14" s="102">
        <v>166</v>
      </c>
      <c r="AL14" s="103">
        <v>406</v>
      </c>
      <c r="AM14" s="413">
        <v>0</v>
      </c>
      <c r="AN14" s="102">
        <v>284</v>
      </c>
      <c r="AO14" s="102">
        <v>159</v>
      </c>
      <c r="AP14" s="102">
        <v>126</v>
      </c>
      <c r="AQ14" s="102">
        <v>98</v>
      </c>
      <c r="AR14" s="102">
        <v>92</v>
      </c>
      <c r="AS14" s="103">
        <v>759</v>
      </c>
      <c r="AT14" s="104">
        <v>1165</v>
      </c>
      <c r="AU14" s="101">
        <v>389</v>
      </c>
      <c r="AV14" s="102">
        <v>219</v>
      </c>
      <c r="AW14" s="103">
        <v>608</v>
      </c>
      <c r="AX14" s="413">
        <v>0</v>
      </c>
      <c r="AY14" s="102">
        <v>476</v>
      </c>
      <c r="AZ14" s="102">
        <v>229</v>
      </c>
      <c r="BA14" s="102">
        <v>138</v>
      </c>
      <c r="BB14" s="102">
        <v>140</v>
      </c>
      <c r="BC14" s="102">
        <v>97</v>
      </c>
      <c r="BD14" s="103">
        <v>1080</v>
      </c>
      <c r="BE14" s="104">
        <v>1688</v>
      </c>
      <c r="BF14" s="101">
        <v>508</v>
      </c>
      <c r="BG14" s="102">
        <v>251</v>
      </c>
      <c r="BH14" s="103">
        <v>759</v>
      </c>
      <c r="BI14" s="413">
        <v>0</v>
      </c>
      <c r="BJ14" s="102">
        <v>498</v>
      </c>
      <c r="BK14" s="102">
        <v>257</v>
      </c>
      <c r="BL14" s="102">
        <v>181</v>
      </c>
      <c r="BM14" s="102">
        <v>141</v>
      </c>
      <c r="BN14" s="102">
        <v>88</v>
      </c>
      <c r="BO14" s="103">
        <v>1165</v>
      </c>
      <c r="BP14" s="104">
        <v>1924</v>
      </c>
      <c r="BQ14" s="101">
        <v>313</v>
      </c>
      <c r="BR14" s="102">
        <v>204</v>
      </c>
      <c r="BS14" s="103">
        <v>517</v>
      </c>
      <c r="BT14" s="413">
        <v>0</v>
      </c>
      <c r="BU14" s="102">
        <v>331</v>
      </c>
      <c r="BV14" s="102">
        <v>212</v>
      </c>
      <c r="BW14" s="102">
        <v>165</v>
      </c>
      <c r="BX14" s="102">
        <v>152</v>
      </c>
      <c r="BY14" s="102">
        <v>78</v>
      </c>
      <c r="BZ14" s="103">
        <v>938</v>
      </c>
      <c r="CA14" s="104">
        <v>1455</v>
      </c>
      <c r="CB14" s="101">
        <v>51</v>
      </c>
      <c r="CC14" s="102">
        <v>32</v>
      </c>
      <c r="CD14" s="103">
        <v>83</v>
      </c>
      <c r="CE14" s="413">
        <v>0</v>
      </c>
      <c r="CF14" s="102">
        <v>66</v>
      </c>
      <c r="CG14" s="102">
        <v>46</v>
      </c>
      <c r="CH14" s="102">
        <v>40</v>
      </c>
      <c r="CI14" s="102">
        <v>29</v>
      </c>
      <c r="CJ14" s="102">
        <v>37</v>
      </c>
      <c r="CK14" s="103">
        <v>218</v>
      </c>
      <c r="CL14" s="104">
        <v>301</v>
      </c>
      <c r="CM14" s="101">
        <v>1697</v>
      </c>
      <c r="CN14" s="102">
        <v>1001</v>
      </c>
      <c r="CO14" s="103">
        <v>2698</v>
      </c>
      <c r="CP14" s="413">
        <v>0</v>
      </c>
      <c r="CQ14" s="102">
        <v>1879</v>
      </c>
      <c r="CR14" s="102">
        <v>1044</v>
      </c>
      <c r="CS14" s="102">
        <v>732</v>
      </c>
      <c r="CT14" s="102">
        <v>668</v>
      </c>
      <c r="CU14" s="102">
        <v>473</v>
      </c>
      <c r="CV14" s="103">
        <v>4796</v>
      </c>
      <c r="CW14" s="104">
        <v>7494</v>
      </c>
      <c r="CX14" s="105">
        <v>3328</v>
      </c>
      <c r="CY14" s="97">
        <v>2304</v>
      </c>
      <c r="CZ14" s="98">
        <v>5632</v>
      </c>
      <c r="DA14" s="413">
        <v>0</v>
      </c>
      <c r="DB14" s="97">
        <v>3558</v>
      </c>
      <c r="DC14" s="97">
        <v>1774</v>
      </c>
      <c r="DD14" s="97">
        <v>1432</v>
      </c>
      <c r="DE14" s="97">
        <v>1619</v>
      </c>
      <c r="DF14" s="97">
        <v>1147</v>
      </c>
      <c r="DG14" s="99">
        <v>9530</v>
      </c>
      <c r="DH14" s="100">
        <v>15162</v>
      </c>
      <c r="DI14" s="101">
        <v>64</v>
      </c>
      <c r="DJ14" s="102">
        <v>52</v>
      </c>
      <c r="DK14" s="103">
        <v>116</v>
      </c>
      <c r="DL14" s="413">
        <v>0</v>
      </c>
      <c r="DM14" s="102">
        <v>64</v>
      </c>
      <c r="DN14" s="102">
        <v>19</v>
      </c>
      <c r="DO14" s="102">
        <v>19</v>
      </c>
      <c r="DP14" s="102">
        <v>24</v>
      </c>
      <c r="DQ14" s="102">
        <v>19</v>
      </c>
      <c r="DR14" s="103">
        <v>145</v>
      </c>
      <c r="DS14" s="104">
        <v>261</v>
      </c>
      <c r="DT14" s="101">
        <v>179</v>
      </c>
      <c r="DU14" s="102">
        <v>130</v>
      </c>
      <c r="DV14" s="103">
        <v>309</v>
      </c>
      <c r="DW14" s="413">
        <v>0</v>
      </c>
      <c r="DX14" s="102">
        <v>173</v>
      </c>
      <c r="DY14" s="102">
        <v>83</v>
      </c>
      <c r="DZ14" s="102">
        <v>47</v>
      </c>
      <c r="EA14" s="102">
        <v>51</v>
      </c>
      <c r="EB14" s="102">
        <v>51</v>
      </c>
      <c r="EC14" s="103">
        <v>405</v>
      </c>
      <c r="ED14" s="104">
        <v>714</v>
      </c>
      <c r="EE14" s="101">
        <v>474</v>
      </c>
      <c r="EF14" s="102">
        <v>275</v>
      </c>
      <c r="EG14" s="103">
        <v>749</v>
      </c>
      <c r="EH14" s="413">
        <v>0</v>
      </c>
      <c r="EI14" s="102">
        <v>389</v>
      </c>
      <c r="EJ14" s="102">
        <v>195</v>
      </c>
      <c r="EK14" s="102">
        <v>112</v>
      </c>
      <c r="EL14" s="102">
        <v>132</v>
      </c>
      <c r="EM14" s="102">
        <v>110</v>
      </c>
      <c r="EN14" s="103">
        <v>938</v>
      </c>
      <c r="EO14" s="104">
        <v>1687</v>
      </c>
      <c r="EP14" s="101">
        <v>989</v>
      </c>
      <c r="EQ14" s="102">
        <v>611</v>
      </c>
      <c r="ER14" s="103">
        <v>1600</v>
      </c>
      <c r="ES14" s="413">
        <v>0</v>
      </c>
      <c r="ET14" s="102">
        <v>813</v>
      </c>
      <c r="EU14" s="102">
        <v>355</v>
      </c>
      <c r="EV14" s="102">
        <v>261</v>
      </c>
      <c r="EW14" s="102">
        <v>239</v>
      </c>
      <c r="EX14" s="102">
        <v>212</v>
      </c>
      <c r="EY14" s="103">
        <v>1880</v>
      </c>
      <c r="EZ14" s="104">
        <v>3480</v>
      </c>
      <c r="FA14" s="101">
        <v>1034</v>
      </c>
      <c r="FB14" s="102">
        <v>691</v>
      </c>
      <c r="FC14" s="103">
        <v>1725</v>
      </c>
      <c r="FD14" s="413">
        <v>0</v>
      </c>
      <c r="FE14" s="102">
        <v>1036</v>
      </c>
      <c r="FF14" s="102">
        <v>472</v>
      </c>
      <c r="FG14" s="102">
        <v>375</v>
      </c>
      <c r="FH14" s="102">
        <v>384</v>
      </c>
      <c r="FI14" s="102">
        <v>291</v>
      </c>
      <c r="FJ14" s="103">
        <v>2558</v>
      </c>
      <c r="FK14" s="104">
        <v>4283</v>
      </c>
      <c r="FL14" s="101">
        <v>588</v>
      </c>
      <c r="FM14" s="102">
        <v>545</v>
      </c>
      <c r="FN14" s="103">
        <v>1133</v>
      </c>
      <c r="FO14" s="413">
        <v>0</v>
      </c>
      <c r="FP14" s="102">
        <v>1083</v>
      </c>
      <c r="FQ14" s="102">
        <v>650</v>
      </c>
      <c r="FR14" s="102">
        <v>618</v>
      </c>
      <c r="FS14" s="102">
        <v>789</v>
      </c>
      <c r="FT14" s="102">
        <v>464</v>
      </c>
      <c r="FU14" s="103">
        <v>3604</v>
      </c>
      <c r="FV14" s="104">
        <v>4737</v>
      </c>
      <c r="FW14" s="101">
        <v>28</v>
      </c>
      <c r="FX14" s="102">
        <v>45</v>
      </c>
      <c r="FY14" s="103">
        <v>73</v>
      </c>
      <c r="FZ14" s="413">
        <v>0</v>
      </c>
      <c r="GA14" s="102">
        <v>60</v>
      </c>
      <c r="GB14" s="102">
        <v>41</v>
      </c>
      <c r="GC14" s="102">
        <v>27</v>
      </c>
      <c r="GD14" s="102">
        <v>21</v>
      </c>
      <c r="GE14" s="102">
        <v>23</v>
      </c>
      <c r="GF14" s="103">
        <v>172</v>
      </c>
      <c r="GG14" s="104">
        <v>245</v>
      </c>
      <c r="GH14" s="101">
        <v>3356</v>
      </c>
      <c r="GI14" s="102">
        <v>2349</v>
      </c>
      <c r="GJ14" s="103">
        <v>5705</v>
      </c>
      <c r="GK14" s="413">
        <v>0</v>
      </c>
      <c r="GL14" s="102">
        <v>3618</v>
      </c>
      <c r="GM14" s="102">
        <v>1815</v>
      </c>
      <c r="GN14" s="102">
        <v>1459</v>
      </c>
      <c r="GO14" s="102">
        <v>1640</v>
      </c>
      <c r="GP14" s="102">
        <v>1170</v>
      </c>
      <c r="GQ14" s="103">
        <v>9702</v>
      </c>
      <c r="GR14" s="104">
        <v>15407</v>
      </c>
      <c r="GS14" s="105">
        <v>4974</v>
      </c>
      <c r="GT14" s="97">
        <v>3273</v>
      </c>
      <c r="GU14" s="98">
        <v>8247</v>
      </c>
      <c r="GV14" s="413">
        <v>0</v>
      </c>
      <c r="GW14" s="97">
        <v>5371</v>
      </c>
      <c r="GX14" s="97">
        <v>2772</v>
      </c>
      <c r="GY14" s="97">
        <v>2124</v>
      </c>
      <c r="GZ14" s="97">
        <v>2258</v>
      </c>
      <c r="HA14" s="97">
        <v>1583</v>
      </c>
      <c r="HB14" s="99">
        <v>14108</v>
      </c>
      <c r="HC14" s="100">
        <v>22355</v>
      </c>
      <c r="HD14" s="101">
        <v>127</v>
      </c>
      <c r="HE14" s="102">
        <v>94</v>
      </c>
      <c r="HF14" s="103">
        <v>221</v>
      </c>
      <c r="HG14" s="416">
        <v>0</v>
      </c>
      <c r="HH14" s="102">
        <v>146</v>
      </c>
      <c r="HI14" s="102">
        <v>63</v>
      </c>
      <c r="HJ14" s="102">
        <v>52</v>
      </c>
      <c r="HK14" s="102">
        <v>63</v>
      </c>
      <c r="HL14" s="102">
        <v>47</v>
      </c>
      <c r="HM14" s="103">
        <v>371</v>
      </c>
      <c r="HN14" s="104">
        <v>592</v>
      </c>
      <c r="HO14" s="101">
        <v>312</v>
      </c>
      <c r="HP14" s="102">
        <v>217</v>
      </c>
      <c r="HQ14" s="103">
        <v>529</v>
      </c>
      <c r="HR14" s="413">
        <v>0</v>
      </c>
      <c r="HS14" s="102">
        <v>315</v>
      </c>
      <c r="HT14" s="102">
        <v>180</v>
      </c>
      <c r="HU14" s="102">
        <v>96</v>
      </c>
      <c r="HV14" s="102">
        <v>120</v>
      </c>
      <c r="HW14" s="102">
        <v>104</v>
      </c>
      <c r="HX14" s="103">
        <v>815</v>
      </c>
      <c r="HY14" s="104">
        <v>1344</v>
      </c>
      <c r="HZ14" s="101">
        <v>714</v>
      </c>
      <c r="IA14" s="102">
        <v>441</v>
      </c>
      <c r="IB14" s="103">
        <v>1155</v>
      </c>
      <c r="IC14" s="413">
        <v>0</v>
      </c>
      <c r="ID14" s="102">
        <v>673</v>
      </c>
      <c r="IE14" s="102">
        <v>354</v>
      </c>
      <c r="IF14" s="102">
        <v>238</v>
      </c>
      <c r="IG14" s="102">
        <v>230</v>
      </c>
      <c r="IH14" s="102">
        <v>202</v>
      </c>
      <c r="II14" s="103">
        <v>1697</v>
      </c>
      <c r="IJ14" s="104">
        <v>2852</v>
      </c>
      <c r="IK14" s="101">
        <v>1378</v>
      </c>
      <c r="IL14" s="102">
        <v>830</v>
      </c>
      <c r="IM14" s="103">
        <v>2208</v>
      </c>
      <c r="IN14" s="413">
        <v>0</v>
      </c>
      <c r="IO14" s="102">
        <v>1289</v>
      </c>
      <c r="IP14" s="102">
        <v>584</v>
      </c>
      <c r="IQ14" s="102">
        <v>399</v>
      </c>
      <c r="IR14" s="102">
        <v>379</v>
      </c>
      <c r="IS14" s="102">
        <v>309</v>
      </c>
      <c r="IT14" s="103">
        <v>2960</v>
      </c>
      <c r="IU14" s="104">
        <v>5168</v>
      </c>
      <c r="IV14" s="101">
        <v>1542</v>
      </c>
      <c r="IW14" s="102">
        <v>942</v>
      </c>
      <c r="IX14" s="103">
        <v>2484</v>
      </c>
      <c r="IY14" s="413">
        <v>0</v>
      </c>
      <c r="IZ14" s="102">
        <v>1534</v>
      </c>
      <c r="JA14" s="102">
        <v>729</v>
      </c>
      <c r="JB14" s="102">
        <v>556</v>
      </c>
      <c r="JC14" s="102">
        <v>525</v>
      </c>
      <c r="JD14" s="102">
        <v>379</v>
      </c>
      <c r="JE14" s="103">
        <v>3723</v>
      </c>
      <c r="JF14" s="104">
        <v>6207</v>
      </c>
      <c r="JG14" s="101">
        <v>901</v>
      </c>
      <c r="JH14" s="102">
        <v>749</v>
      </c>
      <c r="JI14" s="103">
        <v>1650</v>
      </c>
      <c r="JJ14" s="413">
        <v>0</v>
      </c>
      <c r="JK14" s="102">
        <v>1414</v>
      </c>
      <c r="JL14" s="102">
        <v>862</v>
      </c>
      <c r="JM14" s="102">
        <v>783</v>
      </c>
      <c r="JN14" s="102">
        <v>941</v>
      </c>
      <c r="JO14" s="102">
        <v>542</v>
      </c>
      <c r="JP14" s="103">
        <v>4542</v>
      </c>
      <c r="JQ14" s="104">
        <v>6192</v>
      </c>
      <c r="JR14" s="101">
        <v>79</v>
      </c>
      <c r="JS14" s="102">
        <v>77</v>
      </c>
      <c r="JT14" s="103">
        <v>156</v>
      </c>
      <c r="JU14" s="413">
        <v>0</v>
      </c>
      <c r="JV14" s="102">
        <v>126</v>
      </c>
      <c r="JW14" s="102">
        <v>87</v>
      </c>
      <c r="JX14" s="102">
        <v>67</v>
      </c>
      <c r="JY14" s="102">
        <v>50</v>
      </c>
      <c r="JZ14" s="102">
        <v>60</v>
      </c>
      <c r="KA14" s="103">
        <v>390</v>
      </c>
      <c r="KB14" s="104">
        <v>546</v>
      </c>
      <c r="KC14" s="101">
        <v>5053</v>
      </c>
      <c r="KD14" s="102">
        <v>3350</v>
      </c>
      <c r="KE14" s="103">
        <v>8403</v>
      </c>
      <c r="KF14" s="413">
        <v>0</v>
      </c>
      <c r="KG14" s="102">
        <v>5497</v>
      </c>
      <c r="KH14" s="102">
        <v>2859</v>
      </c>
      <c r="KI14" s="102">
        <v>2191</v>
      </c>
      <c r="KJ14" s="102">
        <v>2308</v>
      </c>
      <c r="KK14" s="102">
        <v>1643</v>
      </c>
      <c r="KL14" s="103">
        <v>14498</v>
      </c>
      <c r="KM14" s="104">
        <v>22901</v>
      </c>
    </row>
    <row r="15" spans="2:299" s="70" customFormat="1" ht="21" customHeight="1" x14ac:dyDescent="0.2">
      <c r="B15" s="106" t="s">
        <v>11</v>
      </c>
      <c r="C15" s="96">
        <v>463</v>
      </c>
      <c r="D15" s="97">
        <v>384</v>
      </c>
      <c r="E15" s="98">
        <v>847</v>
      </c>
      <c r="F15" s="413">
        <v>0</v>
      </c>
      <c r="G15" s="97">
        <v>868</v>
      </c>
      <c r="H15" s="97">
        <v>625</v>
      </c>
      <c r="I15" s="97">
        <v>494</v>
      </c>
      <c r="J15" s="97">
        <v>445</v>
      </c>
      <c r="K15" s="97">
        <v>244</v>
      </c>
      <c r="L15" s="99">
        <v>2676</v>
      </c>
      <c r="M15" s="100">
        <v>3523</v>
      </c>
      <c r="N15" s="101">
        <v>18</v>
      </c>
      <c r="O15" s="102">
        <v>16</v>
      </c>
      <c r="P15" s="103">
        <v>34</v>
      </c>
      <c r="Q15" s="413">
        <v>0</v>
      </c>
      <c r="R15" s="102">
        <v>46</v>
      </c>
      <c r="S15" s="102">
        <v>29</v>
      </c>
      <c r="T15" s="102">
        <v>21</v>
      </c>
      <c r="U15" s="102">
        <v>19</v>
      </c>
      <c r="V15" s="102">
        <v>13</v>
      </c>
      <c r="W15" s="103">
        <v>128</v>
      </c>
      <c r="X15" s="104">
        <v>162</v>
      </c>
      <c r="Y15" s="101">
        <v>39</v>
      </c>
      <c r="Z15" s="102">
        <v>41</v>
      </c>
      <c r="AA15" s="103">
        <v>80</v>
      </c>
      <c r="AB15" s="413">
        <v>0</v>
      </c>
      <c r="AC15" s="102">
        <v>80</v>
      </c>
      <c r="AD15" s="102">
        <v>57</v>
      </c>
      <c r="AE15" s="102">
        <v>39</v>
      </c>
      <c r="AF15" s="102">
        <v>48</v>
      </c>
      <c r="AG15" s="102">
        <v>31</v>
      </c>
      <c r="AH15" s="103">
        <v>255</v>
      </c>
      <c r="AI15" s="104">
        <v>335</v>
      </c>
      <c r="AJ15" s="101">
        <v>62</v>
      </c>
      <c r="AK15" s="102">
        <v>61</v>
      </c>
      <c r="AL15" s="103">
        <v>123</v>
      </c>
      <c r="AM15" s="413">
        <v>0</v>
      </c>
      <c r="AN15" s="102">
        <v>147</v>
      </c>
      <c r="AO15" s="102">
        <v>121</v>
      </c>
      <c r="AP15" s="102">
        <v>84</v>
      </c>
      <c r="AQ15" s="102">
        <v>76</v>
      </c>
      <c r="AR15" s="102">
        <v>46</v>
      </c>
      <c r="AS15" s="103">
        <v>474</v>
      </c>
      <c r="AT15" s="104">
        <v>597</v>
      </c>
      <c r="AU15" s="101">
        <v>120</v>
      </c>
      <c r="AV15" s="102">
        <v>96</v>
      </c>
      <c r="AW15" s="103">
        <v>216</v>
      </c>
      <c r="AX15" s="413">
        <v>0</v>
      </c>
      <c r="AY15" s="102">
        <v>222</v>
      </c>
      <c r="AZ15" s="102">
        <v>137</v>
      </c>
      <c r="BA15" s="102">
        <v>136</v>
      </c>
      <c r="BB15" s="102">
        <v>93</v>
      </c>
      <c r="BC15" s="102">
        <v>70</v>
      </c>
      <c r="BD15" s="103">
        <v>658</v>
      </c>
      <c r="BE15" s="104">
        <v>874</v>
      </c>
      <c r="BF15" s="101">
        <v>123</v>
      </c>
      <c r="BG15" s="102">
        <v>90</v>
      </c>
      <c r="BH15" s="103">
        <v>213</v>
      </c>
      <c r="BI15" s="413">
        <v>0</v>
      </c>
      <c r="BJ15" s="102">
        <v>189</v>
      </c>
      <c r="BK15" s="102">
        <v>146</v>
      </c>
      <c r="BL15" s="102">
        <v>120</v>
      </c>
      <c r="BM15" s="102">
        <v>115</v>
      </c>
      <c r="BN15" s="102">
        <v>49</v>
      </c>
      <c r="BO15" s="103">
        <v>619</v>
      </c>
      <c r="BP15" s="104">
        <v>832</v>
      </c>
      <c r="BQ15" s="101">
        <v>101</v>
      </c>
      <c r="BR15" s="102">
        <v>80</v>
      </c>
      <c r="BS15" s="103">
        <v>181</v>
      </c>
      <c r="BT15" s="413">
        <v>0</v>
      </c>
      <c r="BU15" s="102">
        <v>184</v>
      </c>
      <c r="BV15" s="102">
        <v>135</v>
      </c>
      <c r="BW15" s="102">
        <v>94</v>
      </c>
      <c r="BX15" s="102">
        <v>94</v>
      </c>
      <c r="BY15" s="102">
        <v>35</v>
      </c>
      <c r="BZ15" s="103">
        <v>542</v>
      </c>
      <c r="CA15" s="104">
        <v>723</v>
      </c>
      <c r="CB15" s="101">
        <v>7</v>
      </c>
      <c r="CC15" s="102">
        <v>13</v>
      </c>
      <c r="CD15" s="103">
        <v>20</v>
      </c>
      <c r="CE15" s="413">
        <v>0</v>
      </c>
      <c r="CF15" s="102">
        <v>24</v>
      </c>
      <c r="CG15" s="102">
        <v>18</v>
      </c>
      <c r="CH15" s="102">
        <v>16</v>
      </c>
      <c r="CI15" s="102">
        <v>18</v>
      </c>
      <c r="CJ15" s="102">
        <v>15</v>
      </c>
      <c r="CK15" s="103">
        <v>91</v>
      </c>
      <c r="CL15" s="104">
        <v>111</v>
      </c>
      <c r="CM15" s="101">
        <v>470</v>
      </c>
      <c r="CN15" s="102">
        <v>397</v>
      </c>
      <c r="CO15" s="103">
        <v>867</v>
      </c>
      <c r="CP15" s="413">
        <v>0</v>
      </c>
      <c r="CQ15" s="102">
        <v>892</v>
      </c>
      <c r="CR15" s="102">
        <v>643</v>
      </c>
      <c r="CS15" s="102">
        <v>510</v>
      </c>
      <c r="CT15" s="102">
        <v>463</v>
      </c>
      <c r="CU15" s="102">
        <v>259</v>
      </c>
      <c r="CV15" s="103">
        <v>2767</v>
      </c>
      <c r="CW15" s="104">
        <v>3634</v>
      </c>
      <c r="CX15" s="105">
        <v>972</v>
      </c>
      <c r="CY15" s="97">
        <v>868</v>
      </c>
      <c r="CZ15" s="98">
        <v>1840</v>
      </c>
      <c r="DA15" s="413">
        <v>0</v>
      </c>
      <c r="DB15" s="97">
        <v>1660</v>
      </c>
      <c r="DC15" s="97">
        <v>1104</v>
      </c>
      <c r="DD15" s="97">
        <v>972</v>
      </c>
      <c r="DE15" s="97">
        <v>987</v>
      </c>
      <c r="DF15" s="97">
        <v>628</v>
      </c>
      <c r="DG15" s="99">
        <v>5351</v>
      </c>
      <c r="DH15" s="100">
        <v>7191</v>
      </c>
      <c r="DI15" s="101">
        <v>26</v>
      </c>
      <c r="DJ15" s="102">
        <v>20</v>
      </c>
      <c r="DK15" s="103">
        <v>46</v>
      </c>
      <c r="DL15" s="413">
        <v>0</v>
      </c>
      <c r="DM15" s="102">
        <v>44</v>
      </c>
      <c r="DN15" s="102">
        <v>12</v>
      </c>
      <c r="DO15" s="102">
        <v>18</v>
      </c>
      <c r="DP15" s="102">
        <v>9</v>
      </c>
      <c r="DQ15" s="102">
        <v>18</v>
      </c>
      <c r="DR15" s="103">
        <v>101</v>
      </c>
      <c r="DS15" s="104">
        <v>147</v>
      </c>
      <c r="DT15" s="101">
        <v>47</v>
      </c>
      <c r="DU15" s="102">
        <v>53</v>
      </c>
      <c r="DV15" s="103">
        <v>100</v>
      </c>
      <c r="DW15" s="413">
        <v>0</v>
      </c>
      <c r="DX15" s="102">
        <v>70</v>
      </c>
      <c r="DY15" s="102">
        <v>52</v>
      </c>
      <c r="DZ15" s="102">
        <v>48</v>
      </c>
      <c r="EA15" s="102">
        <v>38</v>
      </c>
      <c r="EB15" s="102">
        <v>18</v>
      </c>
      <c r="EC15" s="103">
        <v>226</v>
      </c>
      <c r="ED15" s="104">
        <v>326</v>
      </c>
      <c r="EE15" s="101">
        <v>131</v>
      </c>
      <c r="EF15" s="102">
        <v>126</v>
      </c>
      <c r="EG15" s="103">
        <v>257</v>
      </c>
      <c r="EH15" s="413">
        <v>0</v>
      </c>
      <c r="EI15" s="102">
        <v>201</v>
      </c>
      <c r="EJ15" s="102">
        <v>85</v>
      </c>
      <c r="EK15" s="102">
        <v>78</v>
      </c>
      <c r="EL15" s="102">
        <v>80</v>
      </c>
      <c r="EM15" s="102">
        <v>70</v>
      </c>
      <c r="EN15" s="103">
        <v>514</v>
      </c>
      <c r="EO15" s="104">
        <v>771</v>
      </c>
      <c r="EP15" s="101">
        <v>272</v>
      </c>
      <c r="EQ15" s="102">
        <v>227</v>
      </c>
      <c r="ER15" s="103">
        <v>499</v>
      </c>
      <c r="ES15" s="413">
        <v>0</v>
      </c>
      <c r="ET15" s="102">
        <v>372</v>
      </c>
      <c r="EU15" s="102">
        <v>250</v>
      </c>
      <c r="EV15" s="102">
        <v>180</v>
      </c>
      <c r="EW15" s="102">
        <v>160</v>
      </c>
      <c r="EX15" s="102">
        <v>116</v>
      </c>
      <c r="EY15" s="103">
        <v>1078</v>
      </c>
      <c r="EZ15" s="104">
        <v>1577</v>
      </c>
      <c r="FA15" s="101">
        <v>321</v>
      </c>
      <c r="FB15" s="102">
        <v>256</v>
      </c>
      <c r="FC15" s="103">
        <v>577</v>
      </c>
      <c r="FD15" s="413">
        <v>0</v>
      </c>
      <c r="FE15" s="102">
        <v>487</v>
      </c>
      <c r="FF15" s="102">
        <v>304</v>
      </c>
      <c r="FG15" s="102">
        <v>239</v>
      </c>
      <c r="FH15" s="102">
        <v>220</v>
      </c>
      <c r="FI15" s="102">
        <v>152</v>
      </c>
      <c r="FJ15" s="103">
        <v>1402</v>
      </c>
      <c r="FK15" s="104">
        <v>1979</v>
      </c>
      <c r="FL15" s="101">
        <v>175</v>
      </c>
      <c r="FM15" s="102">
        <v>186</v>
      </c>
      <c r="FN15" s="103">
        <v>361</v>
      </c>
      <c r="FO15" s="413">
        <v>0</v>
      </c>
      <c r="FP15" s="102">
        <v>486</v>
      </c>
      <c r="FQ15" s="102">
        <v>401</v>
      </c>
      <c r="FR15" s="102">
        <v>409</v>
      </c>
      <c r="FS15" s="102">
        <v>480</v>
      </c>
      <c r="FT15" s="102">
        <v>254</v>
      </c>
      <c r="FU15" s="103">
        <v>2030</v>
      </c>
      <c r="FV15" s="104">
        <v>2391</v>
      </c>
      <c r="FW15" s="101">
        <v>11</v>
      </c>
      <c r="FX15" s="102">
        <v>15</v>
      </c>
      <c r="FY15" s="103">
        <v>26</v>
      </c>
      <c r="FZ15" s="413">
        <v>0</v>
      </c>
      <c r="GA15" s="102">
        <v>20</v>
      </c>
      <c r="GB15" s="102">
        <v>14</v>
      </c>
      <c r="GC15" s="102">
        <v>19</v>
      </c>
      <c r="GD15" s="102">
        <v>13</v>
      </c>
      <c r="GE15" s="102">
        <v>13</v>
      </c>
      <c r="GF15" s="103">
        <v>79</v>
      </c>
      <c r="GG15" s="104">
        <v>105</v>
      </c>
      <c r="GH15" s="101">
        <v>983</v>
      </c>
      <c r="GI15" s="102">
        <v>883</v>
      </c>
      <c r="GJ15" s="103">
        <v>1866</v>
      </c>
      <c r="GK15" s="413">
        <v>0</v>
      </c>
      <c r="GL15" s="102">
        <v>1680</v>
      </c>
      <c r="GM15" s="102">
        <v>1118</v>
      </c>
      <c r="GN15" s="102">
        <v>991</v>
      </c>
      <c r="GO15" s="102">
        <v>1000</v>
      </c>
      <c r="GP15" s="102">
        <v>641</v>
      </c>
      <c r="GQ15" s="103">
        <v>5430</v>
      </c>
      <c r="GR15" s="104">
        <v>7296</v>
      </c>
      <c r="GS15" s="105">
        <v>1435</v>
      </c>
      <c r="GT15" s="97">
        <v>1252</v>
      </c>
      <c r="GU15" s="98">
        <v>2687</v>
      </c>
      <c r="GV15" s="413">
        <v>0</v>
      </c>
      <c r="GW15" s="97">
        <v>2528</v>
      </c>
      <c r="GX15" s="97">
        <v>1729</v>
      </c>
      <c r="GY15" s="97">
        <v>1466</v>
      </c>
      <c r="GZ15" s="97">
        <v>1432</v>
      </c>
      <c r="HA15" s="97">
        <v>872</v>
      </c>
      <c r="HB15" s="99">
        <v>8027</v>
      </c>
      <c r="HC15" s="100">
        <v>10714</v>
      </c>
      <c r="HD15" s="101">
        <v>44</v>
      </c>
      <c r="HE15" s="102">
        <v>36</v>
      </c>
      <c r="HF15" s="103">
        <v>80</v>
      </c>
      <c r="HG15" s="416">
        <v>0</v>
      </c>
      <c r="HH15" s="102">
        <v>90</v>
      </c>
      <c r="HI15" s="102">
        <v>41</v>
      </c>
      <c r="HJ15" s="102">
        <v>39</v>
      </c>
      <c r="HK15" s="102">
        <v>28</v>
      </c>
      <c r="HL15" s="102">
        <v>31</v>
      </c>
      <c r="HM15" s="103">
        <v>229</v>
      </c>
      <c r="HN15" s="104">
        <v>309</v>
      </c>
      <c r="HO15" s="101">
        <v>86</v>
      </c>
      <c r="HP15" s="102">
        <v>94</v>
      </c>
      <c r="HQ15" s="103">
        <v>180</v>
      </c>
      <c r="HR15" s="413">
        <v>0</v>
      </c>
      <c r="HS15" s="102">
        <v>150</v>
      </c>
      <c r="HT15" s="102">
        <v>109</v>
      </c>
      <c r="HU15" s="102">
        <v>87</v>
      </c>
      <c r="HV15" s="102">
        <v>86</v>
      </c>
      <c r="HW15" s="102">
        <v>49</v>
      </c>
      <c r="HX15" s="103">
        <v>481</v>
      </c>
      <c r="HY15" s="104">
        <v>661</v>
      </c>
      <c r="HZ15" s="101">
        <v>193</v>
      </c>
      <c r="IA15" s="102">
        <v>187</v>
      </c>
      <c r="IB15" s="103">
        <v>380</v>
      </c>
      <c r="IC15" s="413">
        <v>0</v>
      </c>
      <c r="ID15" s="102">
        <v>348</v>
      </c>
      <c r="IE15" s="102">
        <v>206</v>
      </c>
      <c r="IF15" s="102">
        <v>162</v>
      </c>
      <c r="IG15" s="102">
        <v>156</v>
      </c>
      <c r="IH15" s="102">
        <v>116</v>
      </c>
      <c r="II15" s="103">
        <v>988</v>
      </c>
      <c r="IJ15" s="104">
        <v>1368</v>
      </c>
      <c r="IK15" s="101">
        <v>392</v>
      </c>
      <c r="IL15" s="102">
        <v>323</v>
      </c>
      <c r="IM15" s="103">
        <v>715</v>
      </c>
      <c r="IN15" s="413">
        <v>0</v>
      </c>
      <c r="IO15" s="102">
        <v>594</v>
      </c>
      <c r="IP15" s="102">
        <v>387</v>
      </c>
      <c r="IQ15" s="102">
        <v>316</v>
      </c>
      <c r="IR15" s="102">
        <v>253</v>
      </c>
      <c r="IS15" s="102">
        <v>186</v>
      </c>
      <c r="IT15" s="103">
        <v>1736</v>
      </c>
      <c r="IU15" s="104">
        <v>2451</v>
      </c>
      <c r="IV15" s="101">
        <v>444</v>
      </c>
      <c r="IW15" s="102">
        <v>346</v>
      </c>
      <c r="IX15" s="103">
        <v>790</v>
      </c>
      <c r="IY15" s="413">
        <v>0</v>
      </c>
      <c r="IZ15" s="102">
        <v>676</v>
      </c>
      <c r="JA15" s="102">
        <v>450</v>
      </c>
      <c r="JB15" s="102">
        <v>359</v>
      </c>
      <c r="JC15" s="102">
        <v>335</v>
      </c>
      <c r="JD15" s="102">
        <v>201</v>
      </c>
      <c r="JE15" s="103">
        <v>2021</v>
      </c>
      <c r="JF15" s="104">
        <v>2811</v>
      </c>
      <c r="JG15" s="101">
        <v>276</v>
      </c>
      <c r="JH15" s="102">
        <v>266</v>
      </c>
      <c r="JI15" s="103">
        <v>542</v>
      </c>
      <c r="JJ15" s="413">
        <v>0</v>
      </c>
      <c r="JK15" s="102">
        <v>670</v>
      </c>
      <c r="JL15" s="102">
        <v>536</v>
      </c>
      <c r="JM15" s="102">
        <v>503</v>
      </c>
      <c r="JN15" s="102">
        <v>574</v>
      </c>
      <c r="JO15" s="102">
        <v>289</v>
      </c>
      <c r="JP15" s="103">
        <v>2572</v>
      </c>
      <c r="JQ15" s="104">
        <v>3114</v>
      </c>
      <c r="JR15" s="101">
        <v>18</v>
      </c>
      <c r="JS15" s="102">
        <v>28</v>
      </c>
      <c r="JT15" s="103">
        <v>46</v>
      </c>
      <c r="JU15" s="413">
        <v>0</v>
      </c>
      <c r="JV15" s="102">
        <v>44</v>
      </c>
      <c r="JW15" s="102">
        <v>32</v>
      </c>
      <c r="JX15" s="102">
        <v>35</v>
      </c>
      <c r="JY15" s="102">
        <v>31</v>
      </c>
      <c r="JZ15" s="102">
        <v>28</v>
      </c>
      <c r="KA15" s="103">
        <v>170</v>
      </c>
      <c r="KB15" s="104">
        <v>216</v>
      </c>
      <c r="KC15" s="101">
        <v>1453</v>
      </c>
      <c r="KD15" s="102">
        <v>1280</v>
      </c>
      <c r="KE15" s="103">
        <v>2733</v>
      </c>
      <c r="KF15" s="413">
        <v>0</v>
      </c>
      <c r="KG15" s="102">
        <v>2572</v>
      </c>
      <c r="KH15" s="102">
        <v>1761</v>
      </c>
      <c r="KI15" s="102">
        <v>1501</v>
      </c>
      <c r="KJ15" s="102">
        <v>1463</v>
      </c>
      <c r="KK15" s="102">
        <v>900</v>
      </c>
      <c r="KL15" s="103">
        <v>8197</v>
      </c>
      <c r="KM15" s="104">
        <v>10930</v>
      </c>
    </row>
    <row r="16" spans="2:299" s="70" customFormat="1" ht="21" customHeight="1" x14ac:dyDescent="0.2">
      <c r="B16" s="106" t="s">
        <v>12</v>
      </c>
      <c r="C16" s="96">
        <v>750</v>
      </c>
      <c r="D16" s="97">
        <v>736</v>
      </c>
      <c r="E16" s="98">
        <v>1486</v>
      </c>
      <c r="F16" s="413">
        <v>0</v>
      </c>
      <c r="G16" s="97">
        <v>746</v>
      </c>
      <c r="H16" s="97">
        <v>715</v>
      </c>
      <c r="I16" s="97">
        <v>464</v>
      </c>
      <c r="J16" s="97">
        <v>491</v>
      </c>
      <c r="K16" s="97">
        <v>193</v>
      </c>
      <c r="L16" s="99">
        <v>2609</v>
      </c>
      <c r="M16" s="100">
        <v>4095</v>
      </c>
      <c r="N16" s="107">
        <v>27</v>
      </c>
      <c r="O16" s="102">
        <v>26</v>
      </c>
      <c r="P16" s="103">
        <v>53</v>
      </c>
      <c r="Q16" s="413">
        <v>0</v>
      </c>
      <c r="R16" s="102">
        <v>17</v>
      </c>
      <c r="S16" s="102">
        <v>32</v>
      </c>
      <c r="T16" s="102">
        <v>15</v>
      </c>
      <c r="U16" s="102">
        <v>22</v>
      </c>
      <c r="V16" s="102">
        <v>9</v>
      </c>
      <c r="W16" s="103">
        <v>95</v>
      </c>
      <c r="X16" s="104">
        <v>148</v>
      </c>
      <c r="Y16" s="101">
        <v>53</v>
      </c>
      <c r="Z16" s="102">
        <v>62</v>
      </c>
      <c r="AA16" s="103">
        <v>115</v>
      </c>
      <c r="AB16" s="413">
        <v>0</v>
      </c>
      <c r="AC16" s="102">
        <v>47</v>
      </c>
      <c r="AD16" s="102">
        <v>43</v>
      </c>
      <c r="AE16" s="102">
        <v>37</v>
      </c>
      <c r="AF16" s="102">
        <v>50</v>
      </c>
      <c r="AG16" s="102">
        <v>13</v>
      </c>
      <c r="AH16" s="103">
        <v>190</v>
      </c>
      <c r="AI16" s="104">
        <v>305</v>
      </c>
      <c r="AJ16" s="107">
        <v>111</v>
      </c>
      <c r="AK16" s="102">
        <v>118</v>
      </c>
      <c r="AL16" s="103">
        <v>229</v>
      </c>
      <c r="AM16" s="413">
        <v>0</v>
      </c>
      <c r="AN16" s="102">
        <v>116</v>
      </c>
      <c r="AO16" s="102">
        <v>113</v>
      </c>
      <c r="AP16" s="102">
        <v>64</v>
      </c>
      <c r="AQ16" s="102">
        <v>74</v>
      </c>
      <c r="AR16" s="102">
        <v>35</v>
      </c>
      <c r="AS16" s="103">
        <v>402</v>
      </c>
      <c r="AT16" s="104">
        <v>631</v>
      </c>
      <c r="AU16" s="101">
        <v>188</v>
      </c>
      <c r="AV16" s="102">
        <v>185</v>
      </c>
      <c r="AW16" s="103">
        <v>373</v>
      </c>
      <c r="AX16" s="413">
        <v>0</v>
      </c>
      <c r="AY16" s="102">
        <v>164</v>
      </c>
      <c r="AZ16" s="102">
        <v>177</v>
      </c>
      <c r="BA16" s="102">
        <v>105</v>
      </c>
      <c r="BB16" s="102">
        <v>108</v>
      </c>
      <c r="BC16" s="102">
        <v>48</v>
      </c>
      <c r="BD16" s="103">
        <v>602</v>
      </c>
      <c r="BE16" s="104">
        <v>975</v>
      </c>
      <c r="BF16" s="107">
        <v>224</v>
      </c>
      <c r="BG16" s="102">
        <v>191</v>
      </c>
      <c r="BH16" s="103">
        <v>415</v>
      </c>
      <c r="BI16" s="413">
        <v>0</v>
      </c>
      <c r="BJ16" s="102">
        <v>233</v>
      </c>
      <c r="BK16" s="102">
        <v>194</v>
      </c>
      <c r="BL16" s="102">
        <v>136</v>
      </c>
      <c r="BM16" s="102">
        <v>127</v>
      </c>
      <c r="BN16" s="102">
        <v>49</v>
      </c>
      <c r="BO16" s="103">
        <v>739</v>
      </c>
      <c r="BP16" s="104">
        <v>1154</v>
      </c>
      <c r="BQ16" s="101">
        <v>147</v>
      </c>
      <c r="BR16" s="102">
        <v>154</v>
      </c>
      <c r="BS16" s="103">
        <v>301</v>
      </c>
      <c r="BT16" s="413">
        <v>0</v>
      </c>
      <c r="BU16" s="102">
        <v>169</v>
      </c>
      <c r="BV16" s="102">
        <v>156</v>
      </c>
      <c r="BW16" s="102">
        <v>107</v>
      </c>
      <c r="BX16" s="102">
        <v>110</v>
      </c>
      <c r="BY16" s="102">
        <v>39</v>
      </c>
      <c r="BZ16" s="103">
        <v>581</v>
      </c>
      <c r="CA16" s="104">
        <v>882</v>
      </c>
      <c r="CB16" s="101">
        <v>16</v>
      </c>
      <c r="CC16" s="102">
        <v>36</v>
      </c>
      <c r="CD16" s="103">
        <v>52</v>
      </c>
      <c r="CE16" s="413">
        <v>0</v>
      </c>
      <c r="CF16" s="102">
        <v>10</v>
      </c>
      <c r="CG16" s="102">
        <v>29</v>
      </c>
      <c r="CH16" s="102">
        <v>19</v>
      </c>
      <c r="CI16" s="102">
        <v>15</v>
      </c>
      <c r="CJ16" s="102">
        <v>19</v>
      </c>
      <c r="CK16" s="103">
        <v>92</v>
      </c>
      <c r="CL16" s="104">
        <v>144</v>
      </c>
      <c r="CM16" s="101">
        <v>766</v>
      </c>
      <c r="CN16" s="102">
        <v>772</v>
      </c>
      <c r="CO16" s="103">
        <v>1538</v>
      </c>
      <c r="CP16" s="413">
        <v>0</v>
      </c>
      <c r="CQ16" s="102">
        <v>756</v>
      </c>
      <c r="CR16" s="102">
        <v>744</v>
      </c>
      <c r="CS16" s="102">
        <v>483</v>
      </c>
      <c r="CT16" s="102">
        <v>506</v>
      </c>
      <c r="CU16" s="102">
        <v>212</v>
      </c>
      <c r="CV16" s="103">
        <v>2701</v>
      </c>
      <c r="CW16" s="104">
        <v>4239</v>
      </c>
      <c r="CX16" s="105">
        <v>1485</v>
      </c>
      <c r="CY16" s="97">
        <v>1594</v>
      </c>
      <c r="CZ16" s="98">
        <v>3079</v>
      </c>
      <c r="DA16" s="413">
        <v>0</v>
      </c>
      <c r="DB16" s="97">
        <v>1541</v>
      </c>
      <c r="DC16" s="97">
        <v>1196</v>
      </c>
      <c r="DD16" s="97">
        <v>1018</v>
      </c>
      <c r="DE16" s="97">
        <v>1091</v>
      </c>
      <c r="DF16" s="97">
        <v>663</v>
      </c>
      <c r="DG16" s="99">
        <v>5509</v>
      </c>
      <c r="DH16" s="100">
        <v>8588</v>
      </c>
      <c r="DI16" s="107">
        <v>27</v>
      </c>
      <c r="DJ16" s="102">
        <v>31</v>
      </c>
      <c r="DK16" s="103">
        <v>58</v>
      </c>
      <c r="DL16" s="413">
        <v>0</v>
      </c>
      <c r="DM16" s="102">
        <v>22</v>
      </c>
      <c r="DN16" s="102">
        <v>22</v>
      </c>
      <c r="DO16" s="102">
        <v>20</v>
      </c>
      <c r="DP16" s="102">
        <v>13</v>
      </c>
      <c r="DQ16" s="102">
        <v>9</v>
      </c>
      <c r="DR16" s="103">
        <v>86</v>
      </c>
      <c r="DS16" s="104">
        <v>144</v>
      </c>
      <c r="DT16" s="101">
        <v>83</v>
      </c>
      <c r="DU16" s="102">
        <v>87</v>
      </c>
      <c r="DV16" s="103">
        <v>170</v>
      </c>
      <c r="DW16" s="413">
        <v>0</v>
      </c>
      <c r="DX16" s="102">
        <v>32</v>
      </c>
      <c r="DY16" s="102">
        <v>47</v>
      </c>
      <c r="DZ16" s="102">
        <v>39</v>
      </c>
      <c r="EA16" s="102">
        <v>31</v>
      </c>
      <c r="EB16" s="102">
        <v>32</v>
      </c>
      <c r="EC16" s="103">
        <v>181</v>
      </c>
      <c r="ED16" s="104">
        <v>351</v>
      </c>
      <c r="EE16" s="107">
        <v>217</v>
      </c>
      <c r="EF16" s="102">
        <v>242</v>
      </c>
      <c r="EG16" s="103">
        <v>459</v>
      </c>
      <c r="EH16" s="413">
        <v>0</v>
      </c>
      <c r="EI16" s="102">
        <v>159</v>
      </c>
      <c r="EJ16" s="102">
        <v>106</v>
      </c>
      <c r="EK16" s="102">
        <v>98</v>
      </c>
      <c r="EL16" s="102">
        <v>92</v>
      </c>
      <c r="EM16" s="102">
        <v>74</v>
      </c>
      <c r="EN16" s="103">
        <v>529</v>
      </c>
      <c r="EO16" s="104">
        <v>988</v>
      </c>
      <c r="EP16" s="101">
        <v>444</v>
      </c>
      <c r="EQ16" s="102">
        <v>427</v>
      </c>
      <c r="ER16" s="103">
        <v>871</v>
      </c>
      <c r="ES16" s="413">
        <v>0</v>
      </c>
      <c r="ET16" s="102">
        <v>365</v>
      </c>
      <c r="EU16" s="102">
        <v>223</v>
      </c>
      <c r="EV16" s="102">
        <v>165</v>
      </c>
      <c r="EW16" s="102">
        <v>172</v>
      </c>
      <c r="EX16" s="102">
        <v>113</v>
      </c>
      <c r="EY16" s="103">
        <v>1038</v>
      </c>
      <c r="EZ16" s="104">
        <v>1909</v>
      </c>
      <c r="FA16" s="107">
        <v>456</v>
      </c>
      <c r="FB16" s="102">
        <v>458</v>
      </c>
      <c r="FC16" s="103">
        <v>914</v>
      </c>
      <c r="FD16" s="413">
        <v>0</v>
      </c>
      <c r="FE16" s="102">
        <v>516</v>
      </c>
      <c r="FF16" s="102">
        <v>332</v>
      </c>
      <c r="FG16" s="102">
        <v>274</v>
      </c>
      <c r="FH16" s="102">
        <v>271</v>
      </c>
      <c r="FI16" s="102">
        <v>161</v>
      </c>
      <c r="FJ16" s="103">
        <v>1554</v>
      </c>
      <c r="FK16" s="104">
        <v>2468</v>
      </c>
      <c r="FL16" s="101">
        <v>258</v>
      </c>
      <c r="FM16" s="102">
        <v>349</v>
      </c>
      <c r="FN16" s="103">
        <v>607</v>
      </c>
      <c r="FO16" s="413">
        <v>0</v>
      </c>
      <c r="FP16" s="102">
        <v>447</v>
      </c>
      <c r="FQ16" s="102">
        <v>466</v>
      </c>
      <c r="FR16" s="102">
        <v>422</v>
      </c>
      <c r="FS16" s="102">
        <v>512</v>
      </c>
      <c r="FT16" s="102">
        <v>274</v>
      </c>
      <c r="FU16" s="103">
        <v>2121</v>
      </c>
      <c r="FV16" s="104">
        <v>2728</v>
      </c>
      <c r="FW16" s="101">
        <v>15</v>
      </c>
      <c r="FX16" s="102">
        <v>20</v>
      </c>
      <c r="FY16" s="103">
        <v>35</v>
      </c>
      <c r="FZ16" s="413">
        <v>0</v>
      </c>
      <c r="GA16" s="102">
        <v>11</v>
      </c>
      <c r="GB16" s="102">
        <v>17</v>
      </c>
      <c r="GC16" s="102">
        <v>16</v>
      </c>
      <c r="GD16" s="102">
        <v>13</v>
      </c>
      <c r="GE16" s="102">
        <v>9</v>
      </c>
      <c r="GF16" s="103">
        <v>66</v>
      </c>
      <c r="GG16" s="104">
        <v>101</v>
      </c>
      <c r="GH16" s="101">
        <v>1500</v>
      </c>
      <c r="GI16" s="102">
        <v>1614</v>
      </c>
      <c r="GJ16" s="103">
        <v>3114</v>
      </c>
      <c r="GK16" s="413">
        <v>0</v>
      </c>
      <c r="GL16" s="102">
        <v>1552</v>
      </c>
      <c r="GM16" s="102">
        <v>1213</v>
      </c>
      <c r="GN16" s="102">
        <v>1034</v>
      </c>
      <c r="GO16" s="102">
        <v>1104</v>
      </c>
      <c r="GP16" s="102">
        <v>672</v>
      </c>
      <c r="GQ16" s="103">
        <v>5575</v>
      </c>
      <c r="GR16" s="104">
        <v>8689</v>
      </c>
      <c r="GS16" s="105">
        <v>2235</v>
      </c>
      <c r="GT16" s="97">
        <v>2330</v>
      </c>
      <c r="GU16" s="98">
        <v>4565</v>
      </c>
      <c r="GV16" s="413">
        <v>0</v>
      </c>
      <c r="GW16" s="97">
        <v>2287</v>
      </c>
      <c r="GX16" s="97">
        <v>1911</v>
      </c>
      <c r="GY16" s="97">
        <v>1482</v>
      </c>
      <c r="GZ16" s="97">
        <v>1582</v>
      </c>
      <c r="HA16" s="97">
        <v>856</v>
      </c>
      <c r="HB16" s="99">
        <v>8118</v>
      </c>
      <c r="HC16" s="100">
        <v>12683</v>
      </c>
      <c r="HD16" s="107">
        <v>54</v>
      </c>
      <c r="HE16" s="102">
        <v>57</v>
      </c>
      <c r="HF16" s="103">
        <v>111</v>
      </c>
      <c r="HG16" s="416">
        <v>0</v>
      </c>
      <c r="HH16" s="102">
        <v>39</v>
      </c>
      <c r="HI16" s="102">
        <v>54</v>
      </c>
      <c r="HJ16" s="102">
        <v>35</v>
      </c>
      <c r="HK16" s="102">
        <v>35</v>
      </c>
      <c r="HL16" s="102">
        <v>18</v>
      </c>
      <c r="HM16" s="103">
        <v>181</v>
      </c>
      <c r="HN16" s="104">
        <v>292</v>
      </c>
      <c r="HO16" s="101">
        <v>136</v>
      </c>
      <c r="HP16" s="102">
        <v>149</v>
      </c>
      <c r="HQ16" s="103">
        <v>285</v>
      </c>
      <c r="HR16" s="413">
        <v>0</v>
      </c>
      <c r="HS16" s="102">
        <v>79</v>
      </c>
      <c r="HT16" s="102">
        <v>90</v>
      </c>
      <c r="HU16" s="102">
        <v>76</v>
      </c>
      <c r="HV16" s="102">
        <v>81</v>
      </c>
      <c r="HW16" s="102">
        <v>45</v>
      </c>
      <c r="HX16" s="103">
        <v>371</v>
      </c>
      <c r="HY16" s="104">
        <v>656</v>
      </c>
      <c r="HZ16" s="107">
        <v>328</v>
      </c>
      <c r="IA16" s="102">
        <v>360</v>
      </c>
      <c r="IB16" s="103">
        <v>688</v>
      </c>
      <c r="IC16" s="413">
        <v>0</v>
      </c>
      <c r="ID16" s="102">
        <v>275</v>
      </c>
      <c r="IE16" s="102">
        <v>219</v>
      </c>
      <c r="IF16" s="102">
        <v>162</v>
      </c>
      <c r="IG16" s="102">
        <v>166</v>
      </c>
      <c r="IH16" s="102">
        <v>109</v>
      </c>
      <c r="II16" s="103">
        <v>931</v>
      </c>
      <c r="IJ16" s="104">
        <v>1619</v>
      </c>
      <c r="IK16" s="101">
        <v>632</v>
      </c>
      <c r="IL16" s="102">
        <v>612</v>
      </c>
      <c r="IM16" s="103">
        <v>1244</v>
      </c>
      <c r="IN16" s="413">
        <v>0</v>
      </c>
      <c r="IO16" s="102">
        <v>529</v>
      </c>
      <c r="IP16" s="102">
        <v>400</v>
      </c>
      <c r="IQ16" s="102">
        <v>270</v>
      </c>
      <c r="IR16" s="102">
        <v>280</v>
      </c>
      <c r="IS16" s="102">
        <v>161</v>
      </c>
      <c r="IT16" s="103">
        <v>1640</v>
      </c>
      <c r="IU16" s="104">
        <v>2884</v>
      </c>
      <c r="IV16" s="107">
        <v>680</v>
      </c>
      <c r="IW16" s="102">
        <v>649</v>
      </c>
      <c r="IX16" s="103">
        <v>1329</v>
      </c>
      <c r="IY16" s="413">
        <v>0</v>
      </c>
      <c r="IZ16" s="102">
        <v>749</v>
      </c>
      <c r="JA16" s="102">
        <v>526</v>
      </c>
      <c r="JB16" s="102">
        <v>410</v>
      </c>
      <c r="JC16" s="102">
        <v>398</v>
      </c>
      <c r="JD16" s="102">
        <v>210</v>
      </c>
      <c r="JE16" s="103">
        <v>2293</v>
      </c>
      <c r="JF16" s="104">
        <v>3622</v>
      </c>
      <c r="JG16" s="101">
        <v>405</v>
      </c>
      <c r="JH16" s="102">
        <v>503</v>
      </c>
      <c r="JI16" s="103">
        <v>908</v>
      </c>
      <c r="JJ16" s="413">
        <v>0</v>
      </c>
      <c r="JK16" s="102">
        <v>616</v>
      </c>
      <c r="JL16" s="102">
        <v>622</v>
      </c>
      <c r="JM16" s="102">
        <v>529</v>
      </c>
      <c r="JN16" s="102">
        <v>622</v>
      </c>
      <c r="JO16" s="102">
        <v>313</v>
      </c>
      <c r="JP16" s="103">
        <v>2702</v>
      </c>
      <c r="JQ16" s="104">
        <v>3610</v>
      </c>
      <c r="JR16" s="101">
        <v>31</v>
      </c>
      <c r="JS16" s="102">
        <v>56</v>
      </c>
      <c r="JT16" s="103">
        <v>87</v>
      </c>
      <c r="JU16" s="413">
        <v>0</v>
      </c>
      <c r="JV16" s="102">
        <v>21</v>
      </c>
      <c r="JW16" s="102">
        <v>46</v>
      </c>
      <c r="JX16" s="102">
        <v>35</v>
      </c>
      <c r="JY16" s="102">
        <v>28</v>
      </c>
      <c r="JZ16" s="102">
        <v>28</v>
      </c>
      <c r="KA16" s="103">
        <v>158</v>
      </c>
      <c r="KB16" s="104">
        <v>245</v>
      </c>
      <c r="KC16" s="101">
        <v>2266</v>
      </c>
      <c r="KD16" s="102">
        <v>2386</v>
      </c>
      <c r="KE16" s="103">
        <v>4652</v>
      </c>
      <c r="KF16" s="413">
        <v>0</v>
      </c>
      <c r="KG16" s="102">
        <v>2308</v>
      </c>
      <c r="KH16" s="102">
        <v>1957</v>
      </c>
      <c r="KI16" s="102">
        <v>1517</v>
      </c>
      <c r="KJ16" s="102">
        <v>1610</v>
      </c>
      <c r="KK16" s="102">
        <v>884</v>
      </c>
      <c r="KL16" s="103">
        <v>8276</v>
      </c>
      <c r="KM16" s="104">
        <v>12928</v>
      </c>
    </row>
    <row r="17" spans="2:299" s="70" customFormat="1" ht="21" customHeight="1" x14ac:dyDescent="0.2">
      <c r="B17" s="106" t="s">
        <v>13</v>
      </c>
      <c r="C17" s="96">
        <v>178</v>
      </c>
      <c r="D17" s="97">
        <v>155</v>
      </c>
      <c r="E17" s="98">
        <v>333</v>
      </c>
      <c r="F17" s="413">
        <v>0</v>
      </c>
      <c r="G17" s="97">
        <v>311</v>
      </c>
      <c r="H17" s="97">
        <v>294</v>
      </c>
      <c r="I17" s="97">
        <v>180</v>
      </c>
      <c r="J17" s="97">
        <v>129</v>
      </c>
      <c r="K17" s="97">
        <v>93</v>
      </c>
      <c r="L17" s="99">
        <v>1007</v>
      </c>
      <c r="M17" s="100">
        <v>1340</v>
      </c>
      <c r="N17" s="101">
        <v>6</v>
      </c>
      <c r="O17" s="102">
        <v>4</v>
      </c>
      <c r="P17" s="103">
        <v>10</v>
      </c>
      <c r="Q17" s="413">
        <v>0</v>
      </c>
      <c r="R17" s="102">
        <v>9</v>
      </c>
      <c r="S17" s="102">
        <v>12</v>
      </c>
      <c r="T17" s="102">
        <v>3</v>
      </c>
      <c r="U17" s="102">
        <v>3</v>
      </c>
      <c r="V17" s="102">
        <v>5</v>
      </c>
      <c r="W17" s="103">
        <v>32</v>
      </c>
      <c r="X17" s="104">
        <v>42</v>
      </c>
      <c r="Y17" s="101">
        <v>9</v>
      </c>
      <c r="Z17" s="102">
        <v>9</v>
      </c>
      <c r="AA17" s="103">
        <v>18</v>
      </c>
      <c r="AB17" s="413">
        <v>0</v>
      </c>
      <c r="AC17" s="102">
        <v>17</v>
      </c>
      <c r="AD17" s="102">
        <v>18</v>
      </c>
      <c r="AE17" s="102">
        <v>10</v>
      </c>
      <c r="AF17" s="102">
        <v>16</v>
      </c>
      <c r="AG17" s="102">
        <v>8</v>
      </c>
      <c r="AH17" s="103">
        <v>69</v>
      </c>
      <c r="AI17" s="104">
        <v>87</v>
      </c>
      <c r="AJ17" s="101">
        <v>19</v>
      </c>
      <c r="AK17" s="102">
        <v>19</v>
      </c>
      <c r="AL17" s="103">
        <v>38</v>
      </c>
      <c r="AM17" s="413">
        <v>0</v>
      </c>
      <c r="AN17" s="102">
        <v>41</v>
      </c>
      <c r="AO17" s="102">
        <v>45</v>
      </c>
      <c r="AP17" s="102">
        <v>22</v>
      </c>
      <c r="AQ17" s="102">
        <v>20</v>
      </c>
      <c r="AR17" s="102">
        <v>14</v>
      </c>
      <c r="AS17" s="103">
        <v>142</v>
      </c>
      <c r="AT17" s="104">
        <v>180</v>
      </c>
      <c r="AU17" s="101">
        <v>49</v>
      </c>
      <c r="AV17" s="102">
        <v>32</v>
      </c>
      <c r="AW17" s="103">
        <v>81</v>
      </c>
      <c r="AX17" s="413">
        <v>0</v>
      </c>
      <c r="AY17" s="102">
        <v>73</v>
      </c>
      <c r="AZ17" s="102">
        <v>67</v>
      </c>
      <c r="BA17" s="102">
        <v>42</v>
      </c>
      <c r="BB17" s="102">
        <v>18</v>
      </c>
      <c r="BC17" s="102">
        <v>16</v>
      </c>
      <c r="BD17" s="103">
        <v>216</v>
      </c>
      <c r="BE17" s="104">
        <v>297</v>
      </c>
      <c r="BF17" s="101">
        <v>52</v>
      </c>
      <c r="BG17" s="102">
        <v>48</v>
      </c>
      <c r="BH17" s="103">
        <v>100</v>
      </c>
      <c r="BI17" s="413">
        <v>0</v>
      </c>
      <c r="BJ17" s="102">
        <v>96</v>
      </c>
      <c r="BK17" s="102">
        <v>92</v>
      </c>
      <c r="BL17" s="102">
        <v>44</v>
      </c>
      <c r="BM17" s="102">
        <v>36</v>
      </c>
      <c r="BN17" s="102">
        <v>27</v>
      </c>
      <c r="BO17" s="103">
        <v>295</v>
      </c>
      <c r="BP17" s="104">
        <v>395</v>
      </c>
      <c r="BQ17" s="101">
        <v>43</v>
      </c>
      <c r="BR17" s="102">
        <v>43</v>
      </c>
      <c r="BS17" s="103">
        <v>86</v>
      </c>
      <c r="BT17" s="413">
        <v>0</v>
      </c>
      <c r="BU17" s="102">
        <v>75</v>
      </c>
      <c r="BV17" s="102">
        <v>60</v>
      </c>
      <c r="BW17" s="102">
        <v>59</v>
      </c>
      <c r="BX17" s="102">
        <v>36</v>
      </c>
      <c r="BY17" s="102">
        <v>23</v>
      </c>
      <c r="BZ17" s="103">
        <v>253</v>
      </c>
      <c r="CA17" s="104">
        <v>339</v>
      </c>
      <c r="CB17" s="101">
        <v>4</v>
      </c>
      <c r="CC17" s="102">
        <v>4</v>
      </c>
      <c r="CD17" s="103">
        <v>8</v>
      </c>
      <c r="CE17" s="413">
        <v>0</v>
      </c>
      <c r="CF17" s="102">
        <v>7</v>
      </c>
      <c r="CG17" s="102">
        <v>9</v>
      </c>
      <c r="CH17" s="102">
        <v>9</v>
      </c>
      <c r="CI17" s="102">
        <v>3</v>
      </c>
      <c r="CJ17" s="102">
        <v>8</v>
      </c>
      <c r="CK17" s="103">
        <v>36</v>
      </c>
      <c r="CL17" s="104">
        <v>44</v>
      </c>
      <c r="CM17" s="101">
        <v>182</v>
      </c>
      <c r="CN17" s="102">
        <v>159</v>
      </c>
      <c r="CO17" s="103">
        <v>341</v>
      </c>
      <c r="CP17" s="413">
        <v>0</v>
      </c>
      <c r="CQ17" s="102">
        <v>318</v>
      </c>
      <c r="CR17" s="102">
        <v>303</v>
      </c>
      <c r="CS17" s="102">
        <v>189</v>
      </c>
      <c r="CT17" s="102">
        <v>132</v>
      </c>
      <c r="CU17" s="102">
        <v>101</v>
      </c>
      <c r="CV17" s="103">
        <v>1043</v>
      </c>
      <c r="CW17" s="104">
        <v>1384</v>
      </c>
      <c r="CX17" s="105">
        <v>372</v>
      </c>
      <c r="CY17" s="97">
        <v>434</v>
      </c>
      <c r="CZ17" s="98">
        <v>806</v>
      </c>
      <c r="DA17" s="413">
        <v>0</v>
      </c>
      <c r="DB17" s="97">
        <v>608</v>
      </c>
      <c r="DC17" s="97">
        <v>544</v>
      </c>
      <c r="DD17" s="97">
        <v>336</v>
      </c>
      <c r="DE17" s="97">
        <v>377</v>
      </c>
      <c r="DF17" s="97">
        <v>277</v>
      </c>
      <c r="DG17" s="99">
        <v>2142</v>
      </c>
      <c r="DH17" s="100">
        <v>2948</v>
      </c>
      <c r="DI17" s="101">
        <v>4</v>
      </c>
      <c r="DJ17" s="102">
        <v>8</v>
      </c>
      <c r="DK17" s="103">
        <v>12</v>
      </c>
      <c r="DL17" s="413">
        <v>0</v>
      </c>
      <c r="DM17" s="102">
        <v>11</v>
      </c>
      <c r="DN17" s="102">
        <v>4</v>
      </c>
      <c r="DO17" s="102">
        <v>1</v>
      </c>
      <c r="DP17" s="102">
        <v>6</v>
      </c>
      <c r="DQ17" s="102">
        <v>5</v>
      </c>
      <c r="DR17" s="103">
        <v>27</v>
      </c>
      <c r="DS17" s="104">
        <v>39</v>
      </c>
      <c r="DT17" s="101">
        <v>23</v>
      </c>
      <c r="DU17" s="102">
        <v>23</v>
      </c>
      <c r="DV17" s="103">
        <v>46</v>
      </c>
      <c r="DW17" s="413">
        <v>0</v>
      </c>
      <c r="DX17" s="102">
        <v>16</v>
      </c>
      <c r="DY17" s="102">
        <v>21</v>
      </c>
      <c r="DZ17" s="102">
        <v>8</v>
      </c>
      <c r="EA17" s="102">
        <v>12</v>
      </c>
      <c r="EB17" s="102">
        <v>8</v>
      </c>
      <c r="EC17" s="103">
        <v>65</v>
      </c>
      <c r="ED17" s="104">
        <v>111</v>
      </c>
      <c r="EE17" s="101">
        <v>41</v>
      </c>
      <c r="EF17" s="102">
        <v>42</v>
      </c>
      <c r="EG17" s="103">
        <v>83</v>
      </c>
      <c r="EH17" s="413">
        <v>0</v>
      </c>
      <c r="EI17" s="102">
        <v>54</v>
      </c>
      <c r="EJ17" s="102">
        <v>40</v>
      </c>
      <c r="EK17" s="102">
        <v>32</v>
      </c>
      <c r="EL17" s="102">
        <v>22</v>
      </c>
      <c r="EM17" s="102">
        <v>24</v>
      </c>
      <c r="EN17" s="103">
        <v>172</v>
      </c>
      <c r="EO17" s="104">
        <v>255</v>
      </c>
      <c r="EP17" s="101">
        <v>103</v>
      </c>
      <c r="EQ17" s="102">
        <v>114</v>
      </c>
      <c r="ER17" s="103">
        <v>217</v>
      </c>
      <c r="ES17" s="413">
        <v>0</v>
      </c>
      <c r="ET17" s="102">
        <v>154</v>
      </c>
      <c r="EU17" s="102">
        <v>116</v>
      </c>
      <c r="EV17" s="102">
        <v>52</v>
      </c>
      <c r="EW17" s="102">
        <v>69</v>
      </c>
      <c r="EX17" s="102">
        <v>41</v>
      </c>
      <c r="EY17" s="103">
        <v>432</v>
      </c>
      <c r="EZ17" s="104">
        <v>649</v>
      </c>
      <c r="FA17" s="101">
        <v>128</v>
      </c>
      <c r="FB17" s="102">
        <v>157</v>
      </c>
      <c r="FC17" s="103">
        <v>285</v>
      </c>
      <c r="FD17" s="413">
        <v>0</v>
      </c>
      <c r="FE17" s="102">
        <v>172</v>
      </c>
      <c r="FF17" s="102">
        <v>158</v>
      </c>
      <c r="FG17" s="102">
        <v>78</v>
      </c>
      <c r="FH17" s="102">
        <v>91</v>
      </c>
      <c r="FI17" s="102">
        <v>74</v>
      </c>
      <c r="FJ17" s="103">
        <v>573</v>
      </c>
      <c r="FK17" s="104">
        <v>858</v>
      </c>
      <c r="FL17" s="101">
        <v>73</v>
      </c>
      <c r="FM17" s="102">
        <v>90</v>
      </c>
      <c r="FN17" s="103">
        <v>163</v>
      </c>
      <c r="FO17" s="413">
        <v>0</v>
      </c>
      <c r="FP17" s="102">
        <v>201</v>
      </c>
      <c r="FQ17" s="102">
        <v>205</v>
      </c>
      <c r="FR17" s="102">
        <v>165</v>
      </c>
      <c r="FS17" s="102">
        <v>177</v>
      </c>
      <c r="FT17" s="102">
        <v>125</v>
      </c>
      <c r="FU17" s="103">
        <v>873</v>
      </c>
      <c r="FV17" s="104">
        <v>1036</v>
      </c>
      <c r="FW17" s="101">
        <v>0</v>
      </c>
      <c r="FX17" s="102">
        <v>1</v>
      </c>
      <c r="FY17" s="103">
        <v>1</v>
      </c>
      <c r="FZ17" s="413">
        <v>0</v>
      </c>
      <c r="GA17" s="102">
        <v>9</v>
      </c>
      <c r="GB17" s="102">
        <v>4</v>
      </c>
      <c r="GC17" s="102">
        <v>4</v>
      </c>
      <c r="GD17" s="102">
        <v>1</v>
      </c>
      <c r="GE17" s="102">
        <v>7</v>
      </c>
      <c r="GF17" s="103">
        <v>25</v>
      </c>
      <c r="GG17" s="104">
        <v>26</v>
      </c>
      <c r="GH17" s="101">
        <v>372</v>
      </c>
      <c r="GI17" s="102">
        <v>435</v>
      </c>
      <c r="GJ17" s="103">
        <v>807</v>
      </c>
      <c r="GK17" s="413">
        <v>0</v>
      </c>
      <c r="GL17" s="102">
        <v>617</v>
      </c>
      <c r="GM17" s="102">
        <v>548</v>
      </c>
      <c r="GN17" s="102">
        <v>340</v>
      </c>
      <c r="GO17" s="102">
        <v>378</v>
      </c>
      <c r="GP17" s="102">
        <v>284</v>
      </c>
      <c r="GQ17" s="103">
        <v>2167</v>
      </c>
      <c r="GR17" s="104">
        <v>2974</v>
      </c>
      <c r="GS17" s="105">
        <v>550</v>
      </c>
      <c r="GT17" s="97">
        <v>589</v>
      </c>
      <c r="GU17" s="98">
        <v>1139</v>
      </c>
      <c r="GV17" s="413">
        <v>0</v>
      </c>
      <c r="GW17" s="97">
        <v>919</v>
      </c>
      <c r="GX17" s="97">
        <v>838</v>
      </c>
      <c r="GY17" s="97">
        <v>516</v>
      </c>
      <c r="GZ17" s="97">
        <v>506</v>
      </c>
      <c r="HA17" s="97">
        <v>370</v>
      </c>
      <c r="HB17" s="99">
        <v>3149</v>
      </c>
      <c r="HC17" s="100">
        <v>4288</v>
      </c>
      <c r="HD17" s="101">
        <v>10</v>
      </c>
      <c r="HE17" s="102">
        <v>12</v>
      </c>
      <c r="HF17" s="103">
        <v>22</v>
      </c>
      <c r="HG17" s="416">
        <v>0</v>
      </c>
      <c r="HH17" s="102">
        <v>20</v>
      </c>
      <c r="HI17" s="102">
        <v>16</v>
      </c>
      <c r="HJ17" s="102">
        <v>4</v>
      </c>
      <c r="HK17" s="102">
        <v>9</v>
      </c>
      <c r="HL17" s="102">
        <v>10</v>
      </c>
      <c r="HM17" s="103">
        <v>59</v>
      </c>
      <c r="HN17" s="104">
        <v>81</v>
      </c>
      <c r="HO17" s="101">
        <v>32</v>
      </c>
      <c r="HP17" s="102">
        <v>32</v>
      </c>
      <c r="HQ17" s="103">
        <v>64</v>
      </c>
      <c r="HR17" s="413">
        <v>0</v>
      </c>
      <c r="HS17" s="102">
        <v>33</v>
      </c>
      <c r="HT17" s="102">
        <v>39</v>
      </c>
      <c r="HU17" s="102">
        <v>18</v>
      </c>
      <c r="HV17" s="102">
        <v>28</v>
      </c>
      <c r="HW17" s="102">
        <v>16</v>
      </c>
      <c r="HX17" s="103">
        <v>134</v>
      </c>
      <c r="HY17" s="104">
        <v>198</v>
      </c>
      <c r="HZ17" s="101">
        <v>60</v>
      </c>
      <c r="IA17" s="102">
        <v>61</v>
      </c>
      <c r="IB17" s="103">
        <v>121</v>
      </c>
      <c r="IC17" s="413">
        <v>0</v>
      </c>
      <c r="ID17" s="102">
        <v>95</v>
      </c>
      <c r="IE17" s="102">
        <v>85</v>
      </c>
      <c r="IF17" s="102">
        <v>54</v>
      </c>
      <c r="IG17" s="102">
        <v>42</v>
      </c>
      <c r="IH17" s="102">
        <v>38</v>
      </c>
      <c r="II17" s="103">
        <v>314</v>
      </c>
      <c r="IJ17" s="104">
        <v>435</v>
      </c>
      <c r="IK17" s="101">
        <v>152</v>
      </c>
      <c r="IL17" s="102">
        <v>146</v>
      </c>
      <c r="IM17" s="103">
        <v>298</v>
      </c>
      <c r="IN17" s="413">
        <v>0</v>
      </c>
      <c r="IO17" s="102">
        <v>227</v>
      </c>
      <c r="IP17" s="102">
        <v>183</v>
      </c>
      <c r="IQ17" s="102">
        <v>94</v>
      </c>
      <c r="IR17" s="102">
        <v>87</v>
      </c>
      <c r="IS17" s="102">
        <v>57</v>
      </c>
      <c r="IT17" s="103">
        <v>648</v>
      </c>
      <c r="IU17" s="104">
        <v>946</v>
      </c>
      <c r="IV17" s="101">
        <v>180</v>
      </c>
      <c r="IW17" s="102">
        <v>205</v>
      </c>
      <c r="IX17" s="103">
        <v>385</v>
      </c>
      <c r="IY17" s="413">
        <v>0</v>
      </c>
      <c r="IZ17" s="102">
        <v>268</v>
      </c>
      <c r="JA17" s="102">
        <v>250</v>
      </c>
      <c r="JB17" s="102">
        <v>122</v>
      </c>
      <c r="JC17" s="102">
        <v>127</v>
      </c>
      <c r="JD17" s="102">
        <v>101</v>
      </c>
      <c r="JE17" s="103">
        <v>868</v>
      </c>
      <c r="JF17" s="104">
        <v>1253</v>
      </c>
      <c r="JG17" s="101">
        <v>116</v>
      </c>
      <c r="JH17" s="102">
        <v>133</v>
      </c>
      <c r="JI17" s="103">
        <v>249</v>
      </c>
      <c r="JJ17" s="413">
        <v>0</v>
      </c>
      <c r="JK17" s="102">
        <v>276</v>
      </c>
      <c r="JL17" s="102">
        <v>265</v>
      </c>
      <c r="JM17" s="102">
        <v>224</v>
      </c>
      <c r="JN17" s="102">
        <v>213</v>
      </c>
      <c r="JO17" s="102">
        <v>148</v>
      </c>
      <c r="JP17" s="103">
        <v>1126</v>
      </c>
      <c r="JQ17" s="104">
        <v>1375</v>
      </c>
      <c r="JR17" s="101">
        <v>4</v>
      </c>
      <c r="JS17" s="102">
        <v>5</v>
      </c>
      <c r="JT17" s="103">
        <v>9</v>
      </c>
      <c r="JU17" s="413">
        <v>0</v>
      </c>
      <c r="JV17" s="102">
        <v>16</v>
      </c>
      <c r="JW17" s="102">
        <v>13</v>
      </c>
      <c r="JX17" s="102">
        <v>13</v>
      </c>
      <c r="JY17" s="102">
        <v>4</v>
      </c>
      <c r="JZ17" s="102">
        <v>15</v>
      </c>
      <c r="KA17" s="103">
        <v>61</v>
      </c>
      <c r="KB17" s="104">
        <v>70</v>
      </c>
      <c r="KC17" s="101">
        <v>554</v>
      </c>
      <c r="KD17" s="102">
        <v>594</v>
      </c>
      <c r="KE17" s="103">
        <v>1148</v>
      </c>
      <c r="KF17" s="413">
        <v>0</v>
      </c>
      <c r="KG17" s="102">
        <v>935</v>
      </c>
      <c r="KH17" s="102">
        <v>851</v>
      </c>
      <c r="KI17" s="102">
        <v>529</v>
      </c>
      <c r="KJ17" s="102">
        <v>510</v>
      </c>
      <c r="KK17" s="102">
        <v>385</v>
      </c>
      <c r="KL17" s="103">
        <v>3210</v>
      </c>
      <c r="KM17" s="104">
        <v>4358</v>
      </c>
    </row>
    <row r="18" spans="2:299" s="70" customFormat="1" ht="21" customHeight="1" x14ac:dyDescent="0.2">
      <c r="B18" s="106" t="s">
        <v>15</v>
      </c>
      <c r="C18" s="96">
        <v>134</v>
      </c>
      <c r="D18" s="97">
        <v>132</v>
      </c>
      <c r="E18" s="98">
        <v>266</v>
      </c>
      <c r="F18" s="413">
        <v>0</v>
      </c>
      <c r="G18" s="97">
        <v>261</v>
      </c>
      <c r="H18" s="97">
        <v>223</v>
      </c>
      <c r="I18" s="97">
        <v>136</v>
      </c>
      <c r="J18" s="97">
        <v>146</v>
      </c>
      <c r="K18" s="97">
        <v>58</v>
      </c>
      <c r="L18" s="99">
        <v>824</v>
      </c>
      <c r="M18" s="100">
        <v>1090</v>
      </c>
      <c r="N18" s="101">
        <v>7</v>
      </c>
      <c r="O18" s="102">
        <v>8</v>
      </c>
      <c r="P18" s="103">
        <v>15</v>
      </c>
      <c r="Q18" s="413">
        <v>0</v>
      </c>
      <c r="R18" s="102">
        <v>10</v>
      </c>
      <c r="S18" s="102">
        <v>17</v>
      </c>
      <c r="T18" s="102">
        <v>2</v>
      </c>
      <c r="U18" s="102">
        <v>5</v>
      </c>
      <c r="V18" s="102">
        <v>5</v>
      </c>
      <c r="W18" s="103">
        <v>39</v>
      </c>
      <c r="X18" s="104">
        <v>54</v>
      </c>
      <c r="Y18" s="101">
        <v>13</v>
      </c>
      <c r="Z18" s="102">
        <v>12</v>
      </c>
      <c r="AA18" s="103">
        <v>25</v>
      </c>
      <c r="AB18" s="413">
        <v>0</v>
      </c>
      <c r="AC18" s="102">
        <v>32</v>
      </c>
      <c r="AD18" s="102">
        <v>18</v>
      </c>
      <c r="AE18" s="102">
        <v>18</v>
      </c>
      <c r="AF18" s="102">
        <v>18</v>
      </c>
      <c r="AG18" s="102">
        <v>7</v>
      </c>
      <c r="AH18" s="103">
        <v>93</v>
      </c>
      <c r="AI18" s="104">
        <v>118</v>
      </c>
      <c r="AJ18" s="101">
        <v>23</v>
      </c>
      <c r="AK18" s="102">
        <v>25</v>
      </c>
      <c r="AL18" s="103">
        <v>48</v>
      </c>
      <c r="AM18" s="413">
        <v>0</v>
      </c>
      <c r="AN18" s="102">
        <v>43</v>
      </c>
      <c r="AO18" s="102">
        <v>43</v>
      </c>
      <c r="AP18" s="102">
        <v>21</v>
      </c>
      <c r="AQ18" s="102">
        <v>31</v>
      </c>
      <c r="AR18" s="102">
        <v>14</v>
      </c>
      <c r="AS18" s="103">
        <v>152</v>
      </c>
      <c r="AT18" s="104">
        <v>200</v>
      </c>
      <c r="AU18" s="101">
        <v>36</v>
      </c>
      <c r="AV18" s="102">
        <v>32</v>
      </c>
      <c r="AW18" s="103">
        <v>68</v>
      </c>
      <c r="AX18" s="413">
        <v>0</v>
      </c>
      <c r="AY18" s="102">
        <v>76</v>
      </c>
      <c r="AZ18" s="102">
        <v>52</v>
      </c>
      <c r="BA18" s="102">
        <v>34</v>
      </c>
      <c r="BB18" s="102">
        <v>30</v>
      </c>
      <c r="BC18" s="102">
        <v>10</v>
      </c>
      <c r="BD18" s="103">
        <v>202</v>
      </c>
      <c r="BE18" s="104">
        <v>270</v>
      </c>
      <c r="BF18" s="101">
        <v>40</v>
      </c>
      <c r="BG18" s="102">
        <v>36</v>
      </c>
      <c r="BH18" s="103">
        <v>76</v>
      </c>
      <c r="BI18" s="413">
        <v>0</v>
      </c>
      <c r="BJ18" s="102">
        <v>62</v>
      </c>
      <c r="BK18" s="102">
        <v>48</v>
      </c>
      <c r="BL18" s="102">
        <v>29</v>
      </c>
      <c r="BM18" s="102">
        <v>35</v>
      </c>
      <c r="BN18" s="102">
        <v>8</v>
      </c>
      <c r="BO18" s="103">
        <v>182</v>
      </c>
      <c r="BP18" s="104">
        <v>258</v>
      </c>
      <c r="BQ18" s="101">
        <v>15</v>
      </c>
      <c r="BR18" s="102">
        <v>19</v>
      </c>
      <c r="BS18" s="103">
        <v>34</v>
      </c>
      <c r="BT18" s="413">
        <v>0</v>
      </c>
      <c r="BU18" s="102">
        <v>38</v>
      </c>
      <c r="BV18" s="102">
        <v>45</v>
      </c>
      <c r="BW18" s="102">
        <v>32</v>
      </c>
      <c r="BX18" s="102">
        <v>27</v>
      </c>
      <c r="BY18" s="102">
        <v>14</v>
      </c>
      <c r="BZ18" s="103">
        <v>156</v>
      </c>
      <c r="CA18" s="104">
        <v>190</v>
      </c>
      <c r="CB18" s="101">
        <v>1</v>
      </c>
      <c r="CC18" s="102">
        <v>2</v>
      </c>
      <c r="CD18" s="103">
        <v>3</v>
      </c>
      <c r="CE18" s="413">
        <v>0</v>
      </c>
      <c r="CF18" s="102">
        <v>7</v>
      </c>
      <c r="CG18" s="102">
        <v>9</v>
      </c>
      <c r="CH18" s="102">
        <v>10</v>
      </c>
      <c r="CI18" s="102">
        <v>10</v>
      </c>
      <c r="CJ18" s="102">
        <v>5</v>
      </c>
      <c r="CK18" s="103">
        <v>41</v>
      </c>
      <c r="CL18" s="104">
        <v>44</v>
      </c>
      <c r="CM18" s="101">
        <v>135</v>
      </c>
      <c r="CN18" s="102">
        <v>134</v>
      </c>
      <c r="CO18" s="103">
        <v>269</v>
      </c>
      <c r="CP18" s="413">
        <v>0</v>
      </c>
      <c r="CQ18" s="102">
        <v>268</v>
      </c>
      <c r="CR18" s="102">
        <v>232</v>
      </c>
      <c r="CS18" s="102">
        <v>146</v>
      </c>
      <c r="CT18" s="102">
        <v>156</v>
      </c>
      <c r="CU18" s="102">
        <v>63</v>
      </c>
      <c r="CV18" s="103">
        <v>865</v>
      </c>
      <c r="CW18" s="104">
        <v>1134</v>
      </c>
      <c r="CX18" s="105">
        <v>264</v>
      </c>
      <c r="CY18" s="97">
        <v>379</v>
      </c>
      <c r="CZ18" s="98">
        <v>643</v>
      </c>
      <c r="DA18" s="413">
        <v>0</v>
      </c>
      <c r="DB18" s="97">
        <v>464</v>
      </c>
      <c r="DC18" s="97">
        <v>475</v>
      </c>
      <c r="DD18" s="97">
        <v>283</v>
      </c>
      <c r="DE18" s="97">
        <v>322</v>
      </c>
      <c r="DF18" s="97">
        <v>173</v>
      </c>
      <c r="DG18" s="99">
        <v>1717</v>
      </c>
      <c r="DH18" s="100">
        <v>2360</v>
      </c>
      <c r="DI18" s="101">
        <v>7</v>
      </c>
      <c r="DJ18" s="102">
        <v>4</v>
      </c>
      <c r="DK18" s="103">
        <v>11</v>
      </c>
      <c r="DL18" s="413">
        <v>0</v>
      </c>
      <c r="DM18" s="102">
        <v>10</v>
      </c>
      <c r="DN18" s="102">
        <v>16</v>
      </c>
      <c r="DO18" s="102">
        <v>4</v>
      </c>
      <c r="DP18" s="102">
        <v>1</v>
      </c>
      <c r="DQ18" s="102">
        <v>3</v>
      </c>
      <c r="DR18" s="103">
        <v>34</v>
      </c>
      <c r="DS18" s="104">
        <v>45</v>
      </c>
      <c r="DT18" s="101">
        <v>21</v>
      </c>
      <c r="DU18" s="102">
        <v>19</v>
      </c>
      <c r="DV18" s="103">
        <v>40</v>
      </c>
      <c r="DW18" s="413">
        <v>0</v>
      </c>
      <c r="DX18" s="102">
        <v>30</v>
      </c>
      <c r="DY18" s="102">
        <v>25</v>
      </c>
      <c r="DZ18" s="102">
        <v>12</v>
      </c>
      <c r="EA18" s="102">
        <v>12</v>
      </c>
      <c r="EB18" s="102">
        <v>8</v>
      </c>
      <c r="EC18" s="103">
        <v>87</v>
      </c>
      <c r="ED18" s="104">
        <v>127</v>
      </c>
      <c r="EE18" s="101">
        <v>43</v>
      </c>
      <c r="EF18" s="102">
        <v>50</v>
      </c>
      <c r="EG18" s="103">
        <v>93</v>
      </c>
      <c r="EH18" s="413">
        <v>0</v>
      </c>
      <c r="EI18" s="102">
        <v>52</v>
      </c>
      <c r="EJ18" s="102">
        <v>65</v>
      </c>
      <c r="EK18" s="102">
        <v>27</v>
      </c>
      <c r="EL18" s="102">
        <v>25</v>
      </c>
      <c r="EM18" s="102">
        <v>14</v>
      </c>
      <c r="EN18" s="103">
        <v>183</v>
      </c>
      <c r="EO18" s="104">
        <v>276</v>
      </c>
      <c r="EP18" s="101">
        <v>88</v>
      </c>
      <c r="EQ18" s="102">
        <v>114</v>
      </c>
      <c r="ER18" s="103">
        <v>202</v>
      </c>
      <c r="ES18" s="413">
        <v>0</v>
      </c>
      <c r="ET18" s="102">
        <v>109</v>
      </c>
      <c r="EU18" s="102">
        <v>99</v>
      </c>
      <c r="EV18" s="102">
        <v>52</v>
      </c>
      <c r="EW18" s="102">
        <v>47</v>
      </c>
      <c r="EX18" s="102">
        <v>35</v>
      </c>
      <c r="EY18" s="103">
        <v>342</v>
      </c>
      <c r="EZ18" s="104">
        <v>544</v>
      </c>
      <c r="FA18" s="101">
        <v>69</v>
      </c>
      <c r="FB18" s="102">
        <v>122</v>
      </c>
      <c r="FC18" s="103">
        <v>191</v>
      </c>
      <c r="FD18" s="413">
        <v>0</v>
      </c>
      <c r="FE18" s="102">
        <v>131</v>
      </c>
      <c r="FF18" s="102">
        <v>132</v>
      </c>
      <c r="FG18" s="102">
        <v>85</v>
      </c>
      <c r="FH18" s="102">
        <v>69</v>
      </c>
      <c r="FI18" s="102">
        <v>45</v>
      </c>
      <c r="FJ18" s="103">
        <v>462</v>
      </c>
      <c r="FK18" s="104">
        <v>653</v>
      </c>
      <c r="FL18" s="101">
        <v>36</v>
      </c>
      <c r="FM18" s="102">
        <v>70</v>
      </c>
      <c r="FN18" s="103">
        <v>106</v>
      </c>
      <c r="FO18" s="413">
        <v>0</v>
      </c>
      <c r="FP18" s="102">
        <v>132</v>
      </c>
      <c r="FQ18" s="102">
        <v>138</v>
      </c>
      <c r="FR18" s="102">
        <v>103</v>
      </c>
      <c r="FS18" s="102">
        <v>168</v>
      </c>
      <c r="FT18" s="102">
        <v>68</v>
      </c>
      <c r="FU18" s="103">
        <v>609</v>
      </c>
      <c r="FV18" s="104">
        <v>715</v>
      </c>
      <c r="FW18" s="101">
        <v>1</v>
      </c>
      <c r="FX18" s="102">
        <v>4</v>
      </c>
      <c r="FY18" s="103">
        <v>5</v>
      </c>
      <c r="FZ18" s="413">
        <v>0</v>
      </c>
      <c r="GA18" s="102">
        <v>3</v>
      </c>
      <c r="GB18" s="102">
        <v>6</v>
      </c>
      <c r="GC18" s="102">
        <v>5</v>
      </c>
      <c r="GD18" s="102">
        <v>2</v>
      </c>
      <c r="GE18" s="102">
        <v>7</v>
      </c>
      <c r="GF18" s="103">
        <v>23</v>
      </c>
      <c r="GG18" s="104">
        <v>28</v>
      </c>
      <c r="GH18" s="101">
        <v>265</v>
      </c>
      <c r="GI18" s="102">
        <v>383</v>
      </c>
      <c r="GJ18" s="103">
        <v>648</v>
      </c>
      <c r="GK18" s="413">
        <v>0</v>
      </c>
      <c r="GL18" s="102">
        <v>467</v>
      </c>
      <c r="GM18" s="102">
        <v>481</v>
      </c>
      <c r="GN18" s="102">
        <v>288</v>
      </c>
      <c r="GO18" s="102">
        <v>324</v>
      </c>
      <c r="GP18" s="102">
        <v>180</v>
      </c>
      <c r="GQ18" s="103">
        <v>1740</v>
      </c>
      <c r="GR18" s="104">
        <v>2388</v>
      </c>
      <c r="GS18" s="105">
        <v>398</v>
      </c>
      <c r="GT18" s="97">
        <v>511</v>
      </c>
      <c r="GU18" s="98">
        <v>909</v>
      </c>
      <c r="GV18" s="413">
        <v>0</v>
      </c>
      <c r="GW18" s="97">
        <v>725</v>
      </c>
      <c r="GX18" s="97">
        <v>698</v>
      </c>
      <c r="GY18" s="97">
        <v>419</v>
      </c>
      <c r="GZ18" s="97">
        <v>468</v>
      </c>
      <c r="HA18" s="97">
        <v>231</v>
      </c>
      <c r="HB18" s="99">
        <v>2541</v>
      </c>
      <c r="HC18" s="100">
        <v>3450</v>
      </c>
      <c r="HD18" s="101">
        <v>14</v>
      </c>
      <c r="HE18" s="102">
        <v>12</v>
      </c>
      <c r="HF18" s="103">
        <v>26</v>
      </c>
      <c r="HG18" s="416">
        <v>0</v>
      </c>
      <c r="HH18" s="102">
        <v>20</v>
      </c>
      <c r="HI18" s="102">
        <v>33</v>
      </c>
      <c r="HJ18" s="102">
        <v>6</v>
      </c>
      <c r="HK18" s="102">
        <v>6</v>
      </c>
      <c r="HL18" s="102">
        <v>8</v>
      </c>
      <c r="HM18" s="103">
        <v>73</v>
      </c>
      <c r="HN18" s="104">
        <v>99</v>
      </c>
      <c r="HO18" s="101">
        <v>34</v>
      </c>
      <c r="HP18" s="102">
        <v>31</v>
      </c>
      <c r="HQ18" s="103">
        <v>65</v>
      </c>
      <c r="HR18" s="413">
        <v>0</v>
      </c>
      <c r="HS18" s="102">
        <v>62</v>
      </c>
      <c r="HT18" s="102">
        <v>43</v>
      </c>
      <c r="HU18" s="102">
        <v>30</v>
      </c>
      <c r="HV18" s="102">
        <v>30</v>
      </c>
      <c r="HW18" s="102">
        <v>15</v>
      </c>
      <c r="HX18" s="103">
        <v>180</v>
      </c>
      <c r="HY18" s="104">
        <v>245</v>
      </c>
      <c r="HZ18" s="101">
        <v>66</v>
      </c>
      <c r="IA18" s="102">
        <v>75</v>
      </c>
      <c r="IB18" s="103">
        <v>141</v>
      </c>
      <c r="IC18" s="413">
        <v>0</v>
      </c>
      <c r="ID18" s="102">
        <v>95</v>
      </c>
      <c r="IE18" s="102">
        <v>108</v>
      </c>
      <c r="IF18" s="102">
        <v>48</v>
      </c>
      <c r="IG18" s="102">
        <v>56</v>
      </c>
      <c r="IH18" s="102">
        <v>28</v>
      </c>
      <c r="II18" s="103">
        <v>335</v>
      </c>
      <c r="IJ18" s="104">
        <v>476</v>
      </c>
      <c r="IK18" s="101">
        <v>124</v>
      </c>
      <c r="IL18" s="102">
        <v>146</v>
      </c>
      <c r="IM18" s="103">
        <v>270</v>
      </c>
      <c r="IN18" s="413">
        <v>0</v>
      </c>
      <c r="IO18" s="102">
        <v>185</v>
      </c>
      <c r="IP18" s="102">
        <v>151</v>
      </c>
      <c r="IQ18" s="102">
        <v>86</v>
      </c>
      <c r="IR18" s="102">
        <v>77</v>
      </c>
      <c r="IS18" s="102">
        <v>45</v>
      </c>
      <c r="IT18" s="103">
        <v>544</v>
      </c>
      <c r="IU18" s="104">
        <v>814</v>
      </c>
      <c r="IV18" s="101">
        <v>109</v>
      </c>
      <c r="IW18" s="102">
        <v>158</v>
      </c>
      <c r="IX18" s="103">
        <v>267</v>
      </c>
      <c r="IY18" s="413">
        <v>0</v>
      </c>
      <c r="IZ18" s="102">
        <v>193</v>
      </c>
      <c r="JA18" s="102">
        <v>180</v>
      </c>
      <c r="JB18" s="102">
        <v>114</v>
      </c>
      <c r="JC18" s="102">
        <v>104</v>
      </c>
      <c r="JD18" s="102">
        <v>53</v>
      </c>
      <c r="JE18" s="103">
        <v>644</v>
      </c>
      <c r="JF18" s="104">
        <v>911</v>
      </c>
      <c r="JG18" s="101">
        <v>51</v>
      </c>
      <c r="JH18" s="102">
        <v>89</v>
      </c>
      <c r="JI18" s="103">
        <v>140</v>
      </c>
      <c r="JJ18" s="413">
        <v>0</v>
      </c>
      <c r="JK18" s="102">
        <v>170</v>
      </c>
      <c r="JL18" s="102">
        <v>183</v>
      </c>
      <c r="JM18" s="102">
        <v>135</v>
      </c>
      <c r="JN18" s="102">
        <v>195</v>
      </c>
      <c r="JO18" s="102">
        <v>82</v>
      </c>
      <c r="JP18" s="103">
        <v>765</v>
      </c>
      <c r="JQ18" s="104">
        <v>905</v>
      </c>
      <c r="JR18" s="101">
        <v>2</v>
      </c>
      <c r="JS18" s="102">
        <v>6</v>
      </c>
      <c r="JT18" s="103">
        <v>8</v>
      </c>
      <c r="JU18" s="413">
        <v>0</v>
      </c>
      <c r="JV18" s="102">
        <v>10</v>
      </c>
      <c r="JW18" s="102">
        <v>15</v>
      </c>
      <c r="JX18" s="102">
        <v>15</v>
      </c>
      <c r="JY18" s="102">
        <v>12</v>
      </c>
      <c r="JZ18" s="102">
        <v>12</v>
      </c>
      <c r="KA18" s="103">
        <v>64</v>
      </c>
      <c r="KB18" s="104">
        <v>72</v>
      </c>
      <c r="KC18" s="101">
        <v>400</v>
      </c>
      <c r="KD18" s="102">
        <v>517</v>
      </c>
      <c r="KE18" s="103">
        <v>917</v>
      </c>
      <c r="KF18" s="413">
        <v>0</v>
      </c>
      <c r="KG18" s="102">
        <v>735</v>
      </c>
      <c r="KH18" s="102">
        <v>713</v>
      </c>
      <c r="KI18" s="102">
        <v>434</v>
      </c>
      <c r="KJ18" s="102">
        <v>480</v>
      </c>
      <c r="KK18" s="102">
        <v>243</v>
      </c>
      <c r="KL18" s="103">
        <v>2605</v>
      </c>
      <c r="KM18" s="104">
        <v>3522</v>
      </c>
    </row>
    <row r="19" spans="2:299" s="70" customFormat="1" ht="21" customHeight="1" x14ac:dyDescent="0.2">
      <c r="B19" s="106" t="s">
        <v>16</v>
      </c>
      <c r="C19" s="96">
        <v>245</v>
      </c>
      <c r="D19" s="97">
        <v>316</v>
      </c>
      <c r="E19" s="98">
        <v>561</v>
      </c>
      <c r="F19" s="413">
        <v>0</v>
      </c>
      <c r="G19" s="97">
        <v>547</v>
      </c>
      <c r="H19" s="97">
        <v>636</v>
      </c>
      <c r="I19" s="97">
        <v>417</v>
      </c>
      <c r="J19" s="97">
        <v>321</v>
      </c>
      <c r="K19" s="97">
        <v>176</v>
      </c>
      <c r="L19" s="99">
        <v>2097</v>
      </c>
      <c r="M19" s="100">
        <v>2658</v>
      </c>
      <c r="N19" s="101">
        <v>9</v>
      </c>
      <c r="O19" s="102">
        <v>13</v>
      </c>
      <c r="P19" s="103">
        <v>22</v>
      </c>
      <c r="Q19" s="413">
        <v>0</v>
      </c>
      <c r="R19" s="102">
        <v>23</v>
      </c>
      <c r="S19" s="102">
        <v>28</v>
      </c>
      <c r="T19" s="102">
        <v>24</v>
      </c>
      <c r="U19" s="102">
        <v>12</v>
      </c>
      <c r="V19" s="102">
        <v>13</v>
      </c>
      <c r="W19" s="103">
        <v>100</v>
      </c>
      <c r="X19" s="104">
        <v>122</v>
      </c>
      <c r="Y19" s="101">
        <v>25</v>
      </c>
      <c r="Z19" s="102">
        <v>35</v>
      </c>
      <c r="AA19" s="103">
        <v>60</v>
      </c>
      <c r="AB19" s="413">
        <v>0</v>
      </c>
      <c r="AC19" s="102">
        <v>45</v>
      </c>
      <c r="AD19" s="102">
        <v>60</v>
      </c>
      <c r="AE19" s="102">
        <v>43</v>
      </c>
      <c r="AF19" s="102">
        <v>35</v>
      </c>
      <c r="AG19" s="102">
        <v>30</v>
      </c>
      <c r="AH19" s="103">
        <v>213</v>
      </c>
      <c r="AI19" s="104">
        <v>273</v>
      </c>
      <c r="AJ19" s="101">
        <v>55</v>
      </c>
      <c r="AK19" s="102">
        <v>67</v>
      </c>
      <c r="AL19" s="103">
        <v>122</v>
      </c>
      <c r="AM19" s="413">
        <v>0</v>
      </c>
      <c r="AN19" s="102">
        <v>95</v>
      </c>
      <c r="AO19" s="102">
        <v>104</v>
      </c>
      <c r="AP19" s="102">
        <v>78</v>
      </c>
      <c r="AQ19" s="102">
        <v>65</v>
      </c>
      <c r="AR19" s="102">
        <v>45</v>
      </c>
      <c r="AS19" s="103">
        <v>387</v>
      </c>
      <c r="AT19" s="104">
        <v>509</v>
      </c>
      <c r="AU19" s="101">
        <v>78</v>
      </c>
      <c r="AV19" s="102">
        <v>78</v>
      </c>
      <c r="AW19" s="103">
        <v>156</v>
      </c>
      <c r="AX19" s="413">
        <v>0</v>
      </c>
      <c r="AY19" s="102">
        <v>151</v>
      </c>
      <c r="AZ19" s="102">
        <v>171</v>
      </c>
      <c r="BA19" s="102">
        <v>104</v>
      </c>
      <c r="BB19" s="102">
        <v>80</v>
      </c>
      <c r="BC19" s="102">
        <v>37</v>
      </c>
      <c r="BD19" s="103">
        <v>543</v>
      </c>
      <c r="BE19" s="104">
        <v>699</v>
      </c>
      <c r="BF19" s="101">
        <v>52</v>
      </c>
      <c r="BG19" s="102">
        <v>74</v>
      </c>
      <c r="BH19" s="103">
        <v>126</v>
      </c>
      <c r="BI19" s="413">
        <v>0</v>
      </c>
      <c r="BJ19" s="102">
        <v>154</v>
      </c>
      <c r="BK19" s="102">
        <v>150</v>
      </c>
      <c r="BL19" s="102">
        <v>106</v>
      </c>
      <c r="BM19" s="102">
        <v>69</v>
      </c>
      <c r="BN19" s="102">
        <v>28</v>
      </c>
      <c r="BO19" s="103">
        <v>507</v>
      </c>
      <c r="BP19" s="104">
        <v>633</v>
      </c>
      <c r="BQ19" s="101">
        <v>26</v>
      </c>
      <c r="BR19" s="102">
        <v>49</v>
      </c>
      <c r="BS19" s="103">
        <v>75</v>
      </c>
      <c r="BT19" s="413">
        <v>0</v>
      </c>
      <c r="BU19" s="102">
        <v>79</v>
      </c>
      <c r="BV19" s="102">
        <v>123</v>
      </c>
      <c r="BW19" s="102">
        <v>62</v>
      </c>
      <c r="BX19" s="102">
        <v>60</v>
      </c>
      <c r="BY19" s="102">
        <v>23</v>
      </c>
      <c r="BZ19" s="103">
        <v>347</v>
      </c>
      <c r="CA19" s="104">
        <v>422</v>
      </c>
      <c r="CB19" s="101">
        <v>12</v>
      </c>
      <c r="CC19" s="102">
        <v>17</v>
      </c>
      <c r="CD19" s="103">
        <v>29</v>
      </c>
      <c r="CE19" s="413">
        <v>0</v>
      </c>
      <c r="CF19" s="102">
        <v>10</v>
      </c>
      <c r="CG19" s="102">
        <v>27</v>
      </c>
      <c r="CH19" s="102">
        <v>19</v>
      </c>
      <c r="CI19" s="102">
        <v>12</v>
      </c>
      <c r="CJ19" s="102">
        <v>14</v>
      </c>
      <c r="CK19" s="103">
        <v>82</v>
      </c>
      <c r="CL19" s="104">
        <v>111</v>
      </c>
      <c r="CM19" s="101">
        <v>257</v>
      </c>
      <c r="CN19" s="102">
        <v>333</v>
      </c>
      <c r="CO19" s="103">
        <v>590</v>
      </c>
      <c r="CP19" s="413">
        <v>0</v>
      </c>
      <c r="CQ19" s="102">
        <v>557</v>
      </c>
      <c r="CR19" s="102">
        <v>663</v>
      </c>
      <c r="CS19" s="102">
        <v>436</v>
      </c>
      <c r="CT19" s="102">
        <v>333</v>
      </c>
      <c r="CU19" s="102">
        <v>190</v>
      </c>
      <c r="CV19" s="103">
        <v>2179</v>
      </c>
      <c r="CW19" s="104">
        <v>2769</v>
      </c>
      <c r="CX19" s="105">
        <v>477</v>
      </c>
      <c r="CY19" s="97">
        <v>679</v>
      </c>
      <c r="CZ19" s="98">
        <v>1156</v>
      </c>
      <c r="DA19" s="413">
        <v>0</v>
      </c>
      <c r="DB19" s="97">
        <v>843</v>
      </c>
      <c r="DC19" s="97">
        <v>1026</v>
      </c>
      <c r="DD19" s="97">
        <v>768</v>
      </c>
      <c r="DE19" s="97">
        <v>794</v>
      </c>
      <c r="DF19" s="97">
        <v>463</v>
      </c>
      <c r="DG19" s="99">
        <v>3894</v>
      </c>
      <c r="DH19" s="100">
        <v>5050</v>
      </c>
      <c r="DI19" s="101">
        <v>14</v>
      </c>
      <c r="DJ19" s="102">
        <v>25</v>
      </c>
      <c r="DK19" s="103">
        <v>39</v>
      </c>
      <c r="DL19" s="413">
        <v>0</v>
      </c>
      <c r="DM19" s="102">
        <v>10</v>
      </c>
      <c r="DN19" s="102">
        <v>23</v>
      </c>
      <c r="DO19" s="102">
        <v>18</v>
      </c>
      <c r="DP19" s="102">
        <v>9</v>
      </c>
      <c r="DQ19" s="102">
        <v>7</v>
      </c>
      <c r="DR19" s="103">
        <v>67</v>
      </c>
      <c r="DS19" s="104">
        <v>106</v>
      </c>
      <c r="DT19" s="101">
        <v>39</v>
      </c>
      <c r="DU19" s="102">
        <v>54</v>
      </c>
      <c r="DV19" s="103">
        <v>93</v>
      </c>
      <c r="DW19" s="413">
        <v>0</v>
      </c>
      <c r="DX19" s="102">
        <v>41</v>
      </c>
      <c r="DY19" s="102">
        <v>75</v>
      </c>
      <c r="DZ19" s="102">
        <v>39</v>
      </c>
      <c r="EA19" s="102">
        <v>46</v>
      </c>
      <c r="EB19" s="102">
        <v>22</v>
      </c>
      <c r="EC19" s="103">
        <v>223</v>
      </c>
      <c r="ED19" s="104">
        <v>316</v>
      </c>
      <c r="EE19" s="101">
        <v>80</v>
      </c>
      <c r="EF19" s="102">
        <v>108</v>
      </c>
      <c r="EG19" s="103">
        <v>188</v>
      </c>
      <c r="EH19" s="413">
        <v>0</v>
      </c>
      <c r="EI19" s="102">
        <v>113</v>
      </c>
      <c r="EJ19" s="102">
        <v>132</v>
      </c>
      <c r="EK19" s="102">
        <v>79</v>
      </c>
      <c r="EL19" s="102">
        <v>86</v>
      </c>
      <c r="EM19" s="102">
        <v>54</v>
      </c>
      <c r="EN19" s="103">
        <v>464</v>
      </c>
      <c r="EO19" s="104">
        <v>652</v>
      </c>
      <c r="EP19" s="101">
        <v>151</v>
      </c>
      <c r="EQ19" s="102">
        <v>186</v>
      </c>
      <c r="ER19" s="103">
        <v>337</v>
      </c>
      <c r="ES19" s="413">
        <v>0</v>
      </c>
      <c r="ET19" s="102">
        <v>199</v>
      </c>
      <c r="EU19" s="102">
        <v>243</v>
      </c>
      <c r="EV19" s="102">
        <v>162</v>
      </c>
      <c r="EW19" s="102">
        <v>143</v>
      </c>
      <c r="EX19" s="102">
        <v>83</v>
      </c>
      <c r="EY19" s="103">
        <v>830</v>
      </c>
      <c r="EZ19" s="104">
        <v>1167</v>
      </c>
      <c r="FA19" s="101">
        <v>127</v>
      </c>
      <c r="FB19" s="102">
        <v>172</v>
      </c>
      <c r="FC19" s="103">
        <v>299</v>
      </c>
      <c r="FD19" s="413">
        <v>0</v>
      </c>
      <c r="FE19" s="102">
        <v>244</v>
      </c>
      <c r="FF19" s="102">
        <v>250</v>
      </c>
      <c r="FG19" s="102">
        <v>194</v>
      </c>
      <c r="FH19" s="102">
        <v>180</v>
      </c>
      <c r="FI19" s="102">
        <v>117</v>
      </c>
      <c r="FJ19" s="103">
        <v>985</v>
      </c>
      <c r="FK19" s="104">
        <v>1284</v>
      </c>
      <c r="FL19" s="101">
        <v>66</v>
      </c>
      <c r="FM19" s="102">
        <v>134</v>
      </c>
      <c r="FN19" s="103">
        <v>200</v>
      </c>
      <c r="FO19" s="413">
        <v>0</v>
      </c>
      <c r="FP19" s="102">
        <v>236</v>
      </c>
      <c r="FQ19" s="102">
        <v>303</v>
      </c>
      <c r="FR19" s="102">
        <v>276</v>
      </c>
      <c r="FS19" s="102">
        <v>330</v>
      </c>
      <c r="FT19" s="102">
        <v>180</v>
      </c>
      <c r="FU19" s="103">
        <v>1325</v>
      </c>
      <c r="FV19" s="104">
        <v>1525</v>
      </c>
      <c r="FW19" s="101">
        <v>6</v>
      </c>
      <c r="FX19" s="102">
        <v>16</v>
      </c>
      <c r="FY19" s="103">
        <v>22</v>
      </c>
      <c r="FZ19" s="413">
        <v>0</v>
      </c>
      <c r="GA19" s="102">
        <v>10</v>
      </c>
      <c r="GB19" s="102">
        <v>12</v>
      </c>
      <c r="GC19" s="102">
        <v>16</v>
      </c>
      <c r="GD19" s="102">
        <v>10</v>
      </c>
      <c r="GE19" s="102">
        <v>14</v>
      </c>
      <c r="GF19" s="103">
        <v>62</v>
      </c>
      <c r="GG19" s="104">
        <v>84</v>
      </c>
      <c r="GH19" s="101">
        <v>483</v>
      </c>
      <c r="GI19" s="102">
        <v>695</v>
      </c>
      <c r="GJ19" s="103">
        <v>1178</v>
      </c>
      <c r="GK19" s="413">
        <v>0</v>
      </c>
      <c r="GL19" s="102">
        <v>853</v>
      </c>
      <c r="GM19" s="102">
        <v>1038</v>
      </c>
      <c r="GN19" s="102">
        <v>784</v>
      </c>
      <c r="GO19" s="102">
        <v>804</v>
      </c>
      <c r="GP19" s="102">
        <v>477</v>
      </c>
      <c r="GQ19" s="103">
        <v>3956</v>
      </c>
      <c r="GR19" s="104">
        <v>5134</v>
      </c>
      <c r="GS19" s="105">
        <v>722</v>
      </c>
      <c r="GT19" s="97">
        <v>995</v>
      </c>
      <c r="GU19" s="98">
        <v>1717</v>
      </c>
      <c r="GV19" s="413">
        <v>0</v>
      </c>
      <c r="GW19" s="97">
        <v>1390</v>
      </c>
      <c r="GX19" s="97">
        <v>1662</v>
      </c>
      <c r="GY19" s="97">
        <v>1185</v>
      </c>
      <c r="GZ19" s="97">
        <v>1115</v>
      </c>
      <c r="HA19" s="97">
        <v>639</v>
      </c>
      <c r="HB19" s="99">
        <v>5991</v>
      </c>
      <c r="HC19" s="100">
        <v>7708</v>
      </c>
      <c r="HD19" s="101">
        <v>23</v>
      </c>
      <c r="HE19" s="102">
        <v>38</v>
      </c>
      <c r="HF19" s="103">
        <v>61</v>
      </c>
      <c r="HG19" s="416">
        <v>0</v>
      </c>
      <c r="HH19" s="102">
        <v>33</v>
      </c>
      <c r="HI19" s="102">
        <v>51</v>
      </c>
      <c r="HJ19" s="102">
        <v>42</v>
      </c>
      <c r="HK19" s="102">
        <v>21</v>
      </c>
      <c r="HL19" s="102">
        <v>20</v>
      </c>
      <c r="HM19" s="103">
        <v>167</v>
      </c>
      <c r="HN19" s="104">
        <v>228</v>
      </c>
      <c r="HO19" s="101">
        <v>64</v>
      </c>
      <c r="HP19" s="102">
        <v>89</v>
      </c>
      <c r="HQ19" s="103">
        <v>153</v>
      </c>
      <c r="HR19" s="413">
        <v>0</v>
      </c>
      <c r="HS19" s="102">
        <v>86</v>
      </c>
      <c r="HT19" s="102">
        <v>135</v>
      </c>
      <c r="HU19" s="102">
        <v>82</v>
      </c>
      <c r="HV19" s="102">
        <v>81</v>
      </c>
      <c r="HW19" s="102">
        <v>52</v>
      </c>
      <c r="HX19" s="103">
        <v>436</v>
      </c>
      <c r="HY19" s="104">
        <v>589</v>
      </c>
      <c r="HZ19" s="101">
        <v>135</v>
      </c>
      <c r="IA19" s="102">
        <v>175</v>
      </c>
      <c r="IB19" s="103">
        <v>310</v>
      </c>
      <c r="IC19" s="413">
        <v>0</v>
      </c>
      <c r="ID19" s="102">
        <v>208</v>
      </c>
      <c r="IE19" s="102">
        <v>236</v>
      </c>
      <c r="IF19" s="102">
        <v>157</v>
      </c>
      <c r="IG19" s="102">
        <v>151</v>
      </c>
      <c r="IH19" s="102">
        <v>99</v>
      </c>
      <c r="II19" s="103">
        <v>851</v>
      </c>
      <c r="IJ19" s="104">
        <v>1161</v>
      </c>
      <c r="IK19" s="101">
        <v>229</v>
      </c>
      <c r="IL19" s="102">
        <v>264</v>
      </c>
      <c r="IM19" s="103">
        <v>493</v>
      </c>
      <c r="IN19" s="413">
        <v>0</v>
      </c>
      <c r="IO19" s="102">
        <v>350</v>
      </c>
      <c r="IP19" s="102">
        <v>414</v>
      </c>
      <c r="IQ19" s="102">
        <v>266</v>
      </c>
      <c r="IR19" s="102">
        <v>223</v>
      </c>
      <c r="IS19" s="102">
        <v>120</v>
      </c>
      <c r="IT19" s="103">
        <v>1373</v>
      </c>
      <c r="IU19" s="104">
        <v>1866</v>
      </c>
      <c r="IV19" s="101">
        <v>179</v>
      </c>
      <c r="IW19" s="102">
        <v>246</v>
      </c>
      <c r="IX19" s="103">
        <v>425</v>
      </c>
      <c r="IY19" s="413">
        <v>0</v>
      </c>
      <c r="IZ19" s="102">
        <v>398</v>
      </c>
      <c r="JA19" s="102">
        <v>400</v>
      </c>
      <c r="JB19" s="102">
        <v>300</v>
      </c>
      <c r="JC19" s="102">
        <v>249</v>
      </c>
      <c r="JD19" s="102">
        <v>145</v>
      </c>
      <c r="JE19" s="103">
        <v>1492</v>
      </c>
      <c r="JF19" s="104">
        <v>1917</v>
      </c>
      <c r="JG19" s="101">
        <v>92</v>
      </c>
      <c r="JH19" s="102">
        <v>183</v>
      </c>
      <c r="JI19" s="103">
        <v>275</v>
      </c>
      <c r="JJ19" s="413">
        <v>0</v>
      </c>
      <c r="JK19" s="102">
        <v>315</v>
      </c>
      <c r="JL19" s="102">
        <v>426</v>
      </c>
      <c r="JM19" s="102">
        <v>338</v>
      </c>
      <c r="JN19" s="102">
        <v>390</v>
      </c>
      <c r="JO19" s="102">
        <v>203</v>
      </c>
      <c r="JP19" s="103">
        <v>1672</v>
      </c>
      <c r="JQ19" s="104">
        <v>1947</v>
      </c>
      <c r="JR19" s="101">
        <v>18</v>
      </c>
      <c r="JS19" s="102">
        <v>33</v>
      </c>
      <c r="JT19" s="103">
        <v>51</v>
      </c>
      <c r="JU19" s="413">
        <v>0</v>
      </c>
      <c r="JV19" s="102">
        <v>20</v>
      </c>
      <c r="JW19" s="102">
        <v>39</v>
      </c>
      <c r="JX19" s="102">
        <v>35</v>
      </c>
      <c r="JY19" s="102">
        <v>22</v>
      </c>
      <c r="JZ19" s="102">
        <v>28</v>
      </c>
      <c r="KA19" s="103">
        <v>144</v>
      </c>
      <c r="KB19" s="104">
        <v>195</v>
      </c>
      <c r="KC19" s="101">
        <v>740</v>
      </c>
      <c r="KD19" s="102">
        <v>1028</v>
      </c>
      <c r="KE19" s="103">
        <v>1768</v>
      </c>
      <c r="KF19" s="413">
        <v>0</v>
      </c>
      <c r="KG19" s="102">
        <v>1410</v>
      </c>
      <c r="KH19" s="102">
        <v>1701</v>
      </c>
      <c r="KI19" s="102">
        <v>1220</v>
      </c>
      <c r="KJ19" s="102">
        <v>1137</v>
      </c>
      <c r="KK19" s="102">
        <v>667</v>
      </c>
      <c r="KL19" s="103">
        <v>6135</v>
      </c>
      <c r="KM19" s="104">
        <v>7903</v>
      </c>
    </row>
    <row r="20" spans="2:299" s="70" customFormat="1" ht="21" customHeight="1" x14ac:dyDescent="0.2">
      <c r="B20" s="106" t="s">
        <v>17</v>
      </c>
      <c r="C20" s="96">
        <v>379</v>
      </c>
      <c r="D20" s="97">
        <v>392</v>
      </c>
      <c r="E20" s="98">
        <v>771</v>
      </c>
      <c r="F20" s="413">
        <v>0</v>
      </c>
      <c r="G20" s="97">
        <v>548</v>
      </c>
      <c r="H20" s="97">
        <v>859</v>
      </c>
      <c r="I20" s="97">
        <v>594</v>
      </c>
      <c r="J20" s="97">
        <v>441</v>
      </c>
      <c r="K20" s="97">
        <v>236</v>
      </c>
      <c r="L20" s="99">
        <v>2678</v>
      </c>
      <c r="M20" s="100">
        <v>3449</v>
      </c>
      <c r="N20" s="101">
        <v>14</v>
      </c>
      <c r="O20" s="102">
        <v>16</v>
      </c>
      <c r="P20" s="103">
        <v>30</v>
      </c>
      <c r="Q20" s="413">
        <v>0</v>
      </c>
      <c r="R20" s="102">
        <v>25</v>
      </c>
      <c r="S20" s="102">
        <v>49</v>
      </c>
      <c r="T20" s="102">
        <v>37</v>
      </c>
      <c r="U20" s="102">
        <v>25</v>
      </c>
      <c r="V20" s="102">
        <v>14</v>
      </c>
      <c r="W20" s="103">
        <v>150</v>
      </c>
      <c r="X20" s="104">
        <v>180</v>
      </c>
      <c r="Y20" s="101">
        <v>27</v>
      </c>
      <c r="Z20" s="102">
        <v>48</v>
      </c>
      <c r="AA20" s="103">
        <v>75</v>
      </c>
      <c r="AB20" s="413">
        <v>0</v>
      </c>
      <c r="AC20" s="102">
        <v>46</v>
      </c>
      <c r="AD20" s="102">
        <v>91</v>
      </c>
      <c r="AE20" s="102">
        <v>57</v>
      </c>
      <c r="AF20" s="102">
        <v>42</v>
      </c>
      <c r="AG20" s="102">
        <v>35</v>
      </c>
      <c r="AH20" s="103">
        <v>271</v>
      </c>
      <c r="AI20" s="104">
        <v>346</v>
      </c>
      <c r="AJ20" s="101">
        <v>64</v>
      </c>
      <c r="AK20" s="102">
        <v>81</v>
      </c>
      <c r="AL20" s="103">
        <v>145</v>
      </c>
      <c r="AM20" s="413">
        <v>0</v>
      </c>
      <c r="AN20" s="102">
        <v>87</v>
      </c>
      <c r="AO20" s="102">
        <v>152</v>
      </c>
      <c r="AP20" s="102">
        <v>104</v>
      </c>
      <c r="AQ20" s="102">
        <v>63</v>
      </c>
      <c r="AR20" s="102">
        <v>56</v>
      </c>
      <c r="AS20" s="103">
        <v>462</v>
      </c>
      <c r="AT20" s="104">
        <v>607</v>
      </c>
      <c r="AU20" s="101">
        <v>105</v>
      </c>
      <c r="AV20" s="102">
        <v>92</v>
      </c>
      <c r="AW20" s="103">
        <v>197</v>
      </c>
      <c r="AX20" s="413">
        <v>0</v>
      </c>
      <c r="AY20" s="102">
        <v>158</v>
      </c>
      <c r="AZ20" s="102">
        <v>260</v>
      </c>
      <c r="BA20" s="102">
        <v>151</v>
      </c>
      <c r="BB20" s="102">
        <v>118</v>
      </c>
      <c r="BC20" s="102">
        <v>51</v>
      </c>
      <c r="BD20" s="103">
        <v>738</v>
      </c>
      <c r="BE20" s="104">
        <v>935</v>
      </c>
      <c r="BF20" s="101">
        <v>114</v>
      </c>
      <c r="BG20" s="102">
        <v>98</v>
      </c>
      <c r="BH20" s="103">
        <v>212</v>
      </c>
      <c r="BI20" s="413">
        <v>0</v>
      </c>
      <c r="BJ20" s="102">
        <v>146</v>
      </c>
      <c r="BK20" s="102">
        <v>169</v>
      </c>
      <c r="BL20" s="102">
        <v>147</v>
      </c>
      <c r="BM20" s="102">
        <v>109</v>
      </c>
      <c r="BN20" s="102">
        <v>38</v>
      </c>
      <c r="BO20" s="103">
        <v>609</v>
      </c>
      <c r="BP20" s="104">
        <v>821</v>
      </c>
      <c r="BQ20" s="101">
        <v>55</v>
      </c>
      <c r="BR20" s="102">
        <v>57</v>
      </c>
      <c r="BS20" s="103">
        <v>112</v>
      </c>
      <c r="BT20" s="413">
        <v>0</v>
      </c>
      <c r="BU20" s="102">
        <v>86</v>
      </c>
      <c r="BV20" s="102">
        <v>138</v>
      </c>
      <c r="BW20" s="102">
        <v>98</v>
      </c>
      <c r="BX20" s="102">
        <v>84</v>
      </c>
      <c r="BY20" s="102">
        <v>42</v>
      </c>
      <c r="BZ20" s="103">
        <v>448</v>
      </c>
      <c r="CA20" s="104">
        <v>560</v>
      </c>
      <c r="CB20" s="101">
        <v>11</v>
      </c>
      <c r="CC20" s="102">
        <v>16</v>
      </c>
      <c r="CD20" s="103">
        <v>27</v>
      </c>
      <c r="CE20" s="413">
        <v>0</v>
      </c>
      <c r="CF20" s="102">
        <v>22</v>
      </c>
      <c r="CG20" s="102">
        <v>34</v>
      </c>
      <c r="CH20" s="102">
        <v>37</v>
      </c>
      <c r="CI20" s="102">
        <v>17</v>
      </c>
      <c r="CJ20" s="102">
        <v>14</v>
      </c>
      <c r="CK20" s="103">
        <v>124</v>
      </c>
      <c r="CL20" s="104">
        <v>151</v>
      </c>
      <c r="CM20" s="101">
        <v>390</v>
      </c>
      <c r="CN20" s="102">
        <v>408</v>
      </c>
      <c r="CO20" s="103">
        <v>798</v>
      </c>
      <c r="CP20" s="413">
        <v>0</v>
      </c>
      <c r="CQ20" s="102">
        <v>570</v>
      </c>
      <c r="CR20" s="102">
        <v>893</v>
      </c>
      <c r="CS20" s="102">
        <v>631</v>
      </c>
      <c r="CT20" s="102">
        <v>458</v>
      </c>
      <c r="CU20" s="102">
        <v>250</v>
      </c>
      <c r="CV20" s="103">
        <v>2802</v>
      </c>
      <c r="CW20" s="104">
        <v>3600</v>
      </c>
      <c r="CX20" s="105">
        <v>674</v>
      </c>
      <c r="CY20" s="97">
        <v>965</v>
      </c>
      <c r="CZ20" s="98">
        <v>1639</v>
      </c>
      <c r="DA20" s="413">
        <v>0</v>
      </c>
      <c r="DB20" s="97">
        <v>946</v>
      </c>
      <c r="DC20" s="97">
        <v>1416</v>
      </c>
      <c r="DD20" s="97">
        <v>1000</v>
      </c>
      <c r="DE20" s="97">
        <v>967</v>
      </c>
      <c r="DF20" s="97">
        <v>592</v>
      </c>
      <c r="DG20" s="99">
        <v>4921</v>
      </c>
      <c r="DH20" s="100">
        <v>6560</v>
      </c>
      <c r="DI20" s="101">
        <v>19</v>
      </c>
      <c r="DJ20" s="102">
        <v>31</v>
      </c>
      <c r="DK20" s="103">
        <v>50</v>
      </c>
      <c r="DL20" s="413">
        <v>0</v>
      </c>
      <c r="DM20" s="102">
        <v>14</v>
      </c>
      <c r="DN20" s="102">
        <v>31</v>
      </c>
      <c r="DO20" s="102">
        <v>31</v>
      </c>
      <c r="DP20" s="102">
        <v>24</v>
      </c>
      <c r="DQ20" s="102">
        <v>20</v>
      </c>
      <c r="DR20" s="103">
        <v>120</v>
      </c>
      <c r="DS20" s="104">
        <v>170</v>
      </c>
      <c r="DT20" s="101">
        <v>39</v>
      </c>
      <c r="DU20" s="102">
        <v>63</v>
      </c>
      <c r="DV20" s="103">
        <v>102</v>
      </c>
      <c r="DW20" s="413">
        <v>0</v>
      </c>
      <c r="DX20" s="102">
        <v>64</v>
      </c>
      <c r="DY20" s="102">
        <v>73</v>
      </c>
      <c r="DZ20" s="102">
        <v>53</v>
      </c>
      <c r="EA20" s="102">
        <v>59</v>
      </c>
      <c r="EB20" s="102">
        <v>28</v>
      </c>
      <c r="EC20" s="103">
        <v>277</v>
      </c>
      <c r="ED20" s="104">
        <v>379</v>
      </c>
      <c r="EE20" s="101">
        <v>124</v>
      </c>
      <c r="EF20" s="102">
        <v>165</v>
      </c>
      <c r="EG20" s="103">
        <v>289</v>
      </c>
      <c r="EH20" s="413">
        <v>0</v>
      </c>
      <c r="EI20" s="102">
        <v>131</v>
      </c>
      <c r="EJ20" s="102">
        <v>167</v>
      </c>
      <c r="EK20" s="102">
        <v>111</v>
      </c>
      <c r="EL20" s="102">
        <v>91</v>
      </c>
      <c r="EM20" s="102">
        <v>56</v>
      </c>
      <c r="EN20" s="103">
        <v>556</v>
      </c>
      <c r="EO20" s="104">
        <v>845</v>
      </c>
      <c r="EP20" s="101">
        <v>210</v>
      </c>
      <c r="EQ20" s="102">
        <v>294</v>
      </c>
      <c r="ER20" s="103">
        <v>504</v>
      </c>
      <c r="ES20" s="413">
        <v>0</v>
      </c>
      <c r="ET20" s="102">
        <v>249</v>
      </c>
      <c r="EU20" s="102">
        <v>358</v>
      </c>
      <c r="EV20" s="102">
        <v>227</v>
      </c>
      <c r="EW20" s="102">
        <v>207</v>
      </c>
      <c r="EX20" s="102">
        <v>132</v>
      </c>
      <c r="EY20" s="103">
        <v>1173</v>
      </c>
      <c r="EZ20" s="104">
        <v>1677</v>
      </c>
      <c r="FA20" s="101">
        <v>189</v>
      </c>
      <c r="FB20" s="102">
        <v>261</v>
      </c>
      <c r="FC20" s="103">
        <v>450</v>
      </c>
      <c r="FD20" s="413">
        <v>0</v>
      </c>
      <c r="FE20" s="102">
        <v>261</v>
      </c>
      <c r="FF20" s="102">
        <v>408</v>
      </c>
      <c r="FG20" s="102">
        <v>266</v>
      </c>
      <c r="FH20" s="102">
        <v>228</v>
      </c>
      <c r="FI20" s="102">
        <v>162</v>
      </c>
      <c r="FJ20" s="103">
        <v>1325</v>
      </c>
      <c r="FK20" s="104">
        <v>1775</v>
      </c>
      <c r="FL20" s="101">
        <v>93</v>
      </c>
      <c r="FM20" s="102">
        <v>151</v>
      </c>
      <c r="FN20" s="103">
        <v>244</v>
      </c>
      <c r="FO20" s="413">
        <v>0</v>
      </c>
      <c r="FP20" s="102">
        <v>227</v>
      </c>
      <c r="FQ20" s="102">
        <v>379</v>
      </c>
      <c r="FR20" s="102">
        <v>312</v>
      </c>
      <c r="FS20" s="102">
        <v>358</v>
      </c>
      <c r="FT20" s="102">
        <v>194</v>
      </c>
      <c r="FU20" s="103">
        <v>1470</v>
      </c>
      <c r="FV20" s="104">
        <v>1714</v>
      </c>
      <c r="FW20" s="101">
        <v>5</v>
      </c>
      <c r="FX20" s="102">
        <v>21</v>
      </c>
      <c r="FY20" s="103">
        <v>26</v>
      </c>
      <c r="FZ20" s="413">
        <v>0</v>
      </c>
      <c r="GA20" s="102">
        <v>8</v>
      </c>
      <c r="GB20" s="102">
        <v>27</v>
      </c>
      <c r="GC20" s="102">
        <v>17</v>
      </c>
      <c r="GD20" s="102">
        <v>23</v>
      </c>
      <c r="GE20" s="102">
        <v>21</v>
      </c>
      <c r="GF20" s="103">
        <v>96</v>
      </c>
      <c r="GG20" s="104">
        <v>122</v>
      </c>
      <c r="GH20" s="101">
        <v>679</v>
      </c>
      <c r="GI20" s="102">
        <v>986</v>
      </c>
      <c r="GJ20" s="103">
        <v>1665</v>
      </c>
      <c r="GK20" s="413">
        <v>0</v>
      </c>
      <c r="GL20" s="102">
        <v>954</v>
      </c>
      <c r="GM20" s="102">
        <v>1443</v>
      </c>
      <c r="GN20" s="102">
        <v>1017</v>
      </c>
      <c r="GO20" s="102">
        <v>990</v>
      </c>
      <c r="GP20" s="102">
        <v>613</v>
      </c>
      <c r="GQ20" s="103">
        <v>5017</v>
      </c>
      <c r="GR20" s="104">
        <v>6682</v>
      </c>
      <c r="GS20" s="105">
        <v>1053</v>
      </c>
      <c r="GT20" s="97">
        <v>1357</v>
      </c>
      <c r="GU20" s="98">
        <v>2410</v>
      </c>
      <c r="GV20" s="413">
        <v>0</v>
      </c>
      <c r="GW20" s="97">
        <v>1494</v>
      </c>
      <c r="GX20" s="97">
        <v>2275</v>
      </c>
      <c r="GY20" s="97">
        <v>1594</v>
      </c>
      <c r="GZ20" s="97">
        <v>1408</v>
      </c>
      <c r="HA20" s="97">
        <v>828</v>
      </c>
      <c r="HB20" s="99">
        <v>7599</v>
      </c>
      <c r="HC20" s="100">
        <v>10009</v>
      </c>
      <c r="HD20" s="101">
        <v>33</v>
      </c>
      <c r="HE20" s="102">
        <v>47</v>
      </c>
      <c r="HF20" s="103">
        <v>80</v>
      </c>
      <c r="HG20" s="416">
        <v>0</v>
      </c>
      <c r="HH20" s="102">
        <v>39</v>
      </c>
      <c r="HI20" s="102">
        <v>80</v>
      </c>
      <c r="HJ20" s="102">
        <v>68</v>
      </c>
      <c r="HK20" s="102">
        <v>49</v>
      </c>
      <c r="HL20" s="102">
        <v>34</v>
      </c>
      <c r="HM20" s="103">
        <v>270</v>
      </c>
      <c r="HN20" s="104">
        <v>350</v>
      </c>
      <c r="HO20" s="101">
        <v>66</v>
      </c>
      <c r="HP20" s="102">
        <v>111</v>
      </c>
      <c r="HQ20" s="103">
        <v>177</v>
      </c>
      <c r="HR20" s="413">
        <v>0</v>
      </c>
      <c r="HS20" s="102">
        <v>110</v>
      </c>
      <c r="HT20" s="102">
        <v>164</v>
      </c>
      <c r="HU20" s="102">
        <v>110</v>
      </c>
      <c r="HV20" s="102">
        <v>101</v>
      </c>
      <c r="HW20" s="102">
        <v>63</v>
      </c>
      <c r="HX20" s="103">
        <v>548</v>
      </c>
      <c r="HY20" s="104">
        <v>725</v>
      </c>
      <c r="HZ20" s="101">
        <v>188</v>
      </c>
      <c r="IA20" s="102">
        <v>246</v>
      </c>
      <c r="IB20" s="103">
        <v>434</v>
      </c>
      <c r="IC20" s="413">
        <v>0</v>
      </c>
      <c r="ID20" s="102">
        <v>218</v>
      </c>
      <c r="IE20" s="102">
        <v>319</v>
      </c>
      <c r="IF20" s="102">
        <v>215</v>
      </c>
      <c r="IG20" s="102">
        <v>154</v>
      </c>
      <c r="IH20" s="102">
        <v>112</v>
      </c>
      <c r="II20" s="103">
        <v>1018</v>
      </c>
      <c r="IJ20" s="104">
        <v>1452</v>
      </c>
      <c r="IK20" s="101">
        <v>315</v>
      </c>
      <c r="IL20" s="102">
        <v>386</v>
      </c>
      <c r="IM20" s="103">
        <v>701</v>
      </c>
      <c r="IN20" s="413">
        <v>0</v>
      </c>
      <c r="IO20" s="102">
        <v>407</v>
      </c>
      <c r="IP20" s="102">
        <v>618</v>
      </c>
      <c r="IQ20" s="102">
        <v>378</v>
      </c>
      <c r="IR20" s="102">
        <v>325</v>
      </c>
      <c r="IS20" s="102">
        <v>183</v>
      </c>
      <c r="IT20" s="103">
        <v>1911</v>
      </c>
      <c r="IU20" s="104">
        <v>2612</v>
      </c>
      <c r="IV20" s="101">
        <v>303</v>
      </c>
      <c r="IW20" s="102">
        <v>359</v>
      </c>
      <c r="IX20" s="103">
        <v>662</v>
      </c>
      <c r="IY20" s="413">
        <v>0</v>
      </c>
      <c r="IZ20" s="102">
        <v>407</v>
      </c>
      <c r="JA20" s="102">
        <v>577</v>
      </c>
      <c r="JB20" s="102">
        <v>413</v>
      </c>
      <c r="JC20" s="102">
        <v>337</v>
      </c>
      <c r="JD20" s="102">
        <v>200</v>
      </c>
      <c r="JE20" s="103">
        <v>1934</v>
      </c>
      <c r="JF20" s="104">
        <v>2596</v>
      </c>
      <c r="JG20" s="101">
        <v>148</v>
      </c>
      <c r="JH20" s="102">
        <v>208</v>
      </c>
      <c r="JI20" s="103">
        <v>356</v>
      </c>
      <c r="JJ20" s="413">
        <v>0</v>
      </c>
      <c r="JK20" s="102">
        <v>313</v>
      </c>
      <c r="JL20" s="102">
        <v>517</v>
      </c>
      <c r="JM20" s="102">
        <v>410</v>
      </c>
      <c r="JN20" s="102">
        <v>442</v>
      </c>
      <c r="JO20" s="102">
        <v>236</v>
      </c>
      <c r="JP20" s="103">
        <v>1918</v>
      </c>
      <c r="JQ20" s="104">
        <v>2274</v>
      </c>
      <c r="JR20" s="101">
        <v>16</v>
      </c>
      <c r="JS20" s="102">
        <v>37</v>
      </c>
      <c r="JT20" s="103">
        <v>53</v>
      </c>
      <c r="JU20" s="413">
        <v>0</v>
      </c>
      <c r="JV20" s="102">
        <v>30</v>
      </c>
      <c r="JW20" s="102">
        <v>61</v>
      </c>
      <c r="JX20" s="102">
        <v>54</v>
      </c>
      <c r="JY20" s="102">
        <v>40</v>
      </c>
      <c r="JZ20" s="102">
        <v>35</v>
      </c>
      <c r="KA20" s="103">
        <v>220</v>
      </c>
      <c r="KB20" s="104">
        <v>273</v>
      </c>
      <c r="KC20" s="101">
        <v>1069</v>
      </c>
      <c r="KD20" s="102">
        <v>1394</v>
      </c>
      <c r="KE20" s="103">
        <v>2463</v>
      </c>
      <c r="KF20" s="413">
        <v>0</v>
      </c>
      <c r="KG20" s="102">
        <v>1524</v>
      </c>
      <c r="KH20" s="102">
        <v>2336</v>
      </c>
      <c r="KI20" s="102">
        <v>1648</v>
      </c>
      <c r="KJ20" s="102">
        <v>1448</v>
      </c>
      <c r="KK20" s="102">
        <v>863</v>
      </c>
      <c r="KL20" s="103">
        <v>7819</v>
      </c>
      <c r="KM20" s="104">
        <v>10282</v>
      </c>
    </row>
    <row r="21" spans="2:299" s="70" customFormat="1" ht="21" customHeight="1" x14ac:dyDescent="0.2">
      <c r="B21" s="106" t="s">
        <v>18</v>
      </c>
      <c r="C21" s="96">
        <v>457</v>
      </c>
      <c r="D21" s="97">
        <v>474</v>
      </c>
      <c r="E21" s="98">
        <v>931</v>
      </c>
      <c r="F21" s="413">
        <v>0</v>
      </c>
      <c r="G21" s="97">
        <v>979</v>
      </c>
      <c r="H21" s="97">
        <v>821</v>
      </c>
      <c r="I21" s="97">
        <v>542</v>
      </c>
      <c r="J21" s="97">
        <v>429</v>
      </c>
      <c r="K21" s="97">
        <v>279</v>
      </c>
      <c r="L21" s="99">
        <v>3050</v>
      </c>
      <c r="M21" s="100">
        <v>3981</v>
      </c>
      <c r="N21" s="101">
        <v>20</v>
      </c>
      <c r="O21" s="102">
        <v>26</v>
      </c>
      <c r="P21" s="103">
        <v>46</v>
      </c>
      <c r="Q21" s="413">
        <v>0</v>
      </c>
      <c r="R21" s="102">
        <v>42</v>
      </c>
      <c r="S21" s="102">
        <v>39</v>
      </c>
      <c r="T21" s="102">
        <v>31</v>
      </c>
      <c r="U21" s="102">
        <v>22</v>
      </c>
      <c r="V21" s="102">
        <v>23</v>
      </c>
      <c r="W21" s="103">
        <v>157</v>
      </c>
      <c r="X21" s="104">
        <v>203</v>
      </c>
      <c r="Y21" s="101">
        <v>37</v>
      </c>
      <c r="Z21" s="102">
        <v>41</v>
      </c>
      <c r="AA21" s="103">
        <v>78</v>
      </c>
      <c r="AB21" s="413">
        <v>0</v>
      </c>
      <c r="AC21" s="102">
        <v>98</v>
      </c>
      <c r="AD21" s="102">
        <v>72</v>
      </c>
      <c r="AE21" s="102">
        <v>55</v>
      </c>
      <c r="AF21" s="102">
        <v>47</v>
      </c>
      <c r="AG21" s="102">
        <v>32</v>
      </c>
      <c r="AH21" s="103">
        <v>304</v>
      </c>
      <c r="AI21" s="104">
        <v>382</v>
      </c>
      <c r="AJ21" s="101">
        <v>78</v>
      </c>
      <c r="AK21" s="102">
        <v>85</v>
      </c>
      <c r="AL21" s="103">
        <v>163</v>
      </c>
      <c r="AM21" s="413">
        <v>0</v>
      </c>
      <c r="AN21" s="102">
        <v>167</v>
      </c>
      <c r="AO21" s="102">
        <v>138</v>
      </c>
      <c r="AP21" s="102">
        <v>79</v>
      </c>
      <c r="AQ21" s="102">
        <v>72</v>
      </c>
      <c r="AR21" s="102">
        <v>49</v>
      </c>
      <c r="AS21" s="103">
        <v>505</v>
      </c>
      <c r="AT21" s="104">
        <v>668</v>
      </c>
      <c r="AU21" s="101">
        <v>135</v>
      </c>
      <c r="AV21" s="102">
        <v>122</v>
      </c>
      <c r="AW21" s="103">
        <v>257</v>
      </c>
      <c r="AX21" s="413">
        <v>0</v>
      </c>
      <c r="AY21" s="102">
        <v>276</v>
      </c>
      <c r="AZ21" s="102">
        <v>213</v>
      </c>
      <c r="BA21" s="102">
        <v>117</v>
      </c>
      <c r="BB21" s="102">
        <v>97</v>
      </c>
      <c r="BC21" s="102">
        <v>90</v>
      </c>
      <c r="BD21" s="103">
        <v>793</v>
      </c>
      <c r="BE21" s="104">
        <v>1050</v>
      </c>
      <c r="BF21" s="101">
        <v>126</v>
      </c>
      <c r="BG21" s="102">
        <v>129</v>
      </c>
      <c r="BH21" s="103">
        <v>255</v>
      </c>
      <c r="BI21" s="413">
        <v>0</v>
      </c>
      <c r="BJ21" s="102">
        <v>259</v>
      </c>
      <c r="BK21" s="102">
        <v>214</v>
      </c>
      <c r="BL21" s="102">
        <v>152</v>
      </c>
      <c r="BM21" s="102">
        <v>121</v>
      </c>
      <c r="BN21" s="102">
        <v>55</v>
      </c>
      <c r="BO21" s="103">
        <v>801</v>
      </c>
      <c r="BP21" s="104">
        <v>1056</v>
      </c>
      <c r="BQ21" s="101">
        <v>61</v>
      </c>
      <c r="BR21" s="102">
        <v>71</v>
      </c>
      <c r="BS21" s="103">
        <v>132</v>
      </c>
      <c r="BT21" s="413">
        <v>0</v>
      </c>
      <c r="BU21" s="102">
        <v>137</v>
      </c>
      <c r="BV21" s="102">
        <v>145</v>
      </c>
      <c r="BW21" s="102">
        <v>108</v>
      </c>
      <c r="BX21" s="102">
        <v>70</v>
      </c>
      <c r="BY21" s="102">
        <v>30</v>
      </c>
      <c r="BZ21" s="103">
        <v>490</v>
      </c>
      <c r="CA21" s="104">
        <v>622</v>
      </c>
      <c r="CB21" s="101">
        <v>10</v>
      </c>
      <c r="CC21" s="102">
        <v>26</v>
      </c>
      <c r="CD21" s="103">
        <v>36</v>
      </c>
      <c r="CE21" s="413">
        <v>0</v>
      </c>
      <c r="CF21" s="102">
        <v>36</v>
      </c>
      <c r="CG21" s="102">
        <v>42</v>
      </c>
      <c r="CH21" s="102">
        <v>25</v>
      </c>
      <c r="CI21" s="102">
        <v>32</v>
      </c>
      <c r="CJ21" s="102">
        <v>17</v>
      </c>
      <c r="CK21" s="103">
        <v>152</v>
      </c>
      <c r="CL21" s="104">
        <v>188</v>
      </c>
      <c r="CM21" s="101">
        <v>467</v>
      </c>
      <c r="CN21" s="102">
        <v>500</v>
      </c>
      <c r="CO21" s="103">
        <v>967</v>
      </c>
      <c r="CP21" s="413">
        <v>0</v>
      </c>
      <c r="CQ21" s="102">
        <v>1015</v>
      </c>
      <c r="CR21" s="102">
        <v>863</v>
      </c>
      <c r="CS21" s="102">
        <v>567</v>
      </c>
      <c r="CT21" s="102">
        <v>461</v>
      </c>
      <c r="CU21" s="102">
        <v>296</v>
      </c>
      <c r="CV21" s="103">
        <v>3202</v>
      </c>
      <c r="CW21" s="104">
        <v>4169</v>
      </c>
      <c r="CX21" s="105">
        <v>812</v>
      </c>
      <c r="CY21" s="97">
        <v>1229</v>
      </c>
      <c r="CZ21" s="98">
        <v>2041</v>
      </c>
      <c r="DA21" s="413">
        <v>0</v>
      </c>
      <c r="DB21" s="97">
        <v>1564</v>
      </c>
      <c r="DC21" s="97">
        <v>1341</v>
      </c>
      <c r="DD21" s="97">
        <v>1018</v>
      </c>
      <c r="DE21" s="97">
        <v>991</v>
      </c>
      <c r="DF21" s="97">
        <v>659</v>
      </c>
      <c r="DG21" s="99">
        <v>5573</v>
      </c>
      <c r="DH21" s="100">
        <v>7614</v>
      </c>
      <c r="DI21" s="101">
        <v>13</v>
      </c>
      <c r="DJ21" s="102">
        <v>32</v>
      </c>
      <c r="DK21" s="103">
        <v>45</v>
      </c>
      <c r="DL21" s="413">
        <v>0</v>
      </c>
      <c r="DM21" s="102">
        <v>32</v>
      </c>
      <c r="DN21" s="102">
        <v>24</v>
      </c>
      <c r="DO21" s="102">
        <v>20</v>
      </c>
      <c r="DP21" s="102">
        <v>25</v>
      </c>
      <c r="DQ21" s="102">
        <v>17</v>
      </c>
      <c r="DR21" s="103">
        <v>118</v>
      </c>
      <c r="DS21" s="104">
        <v>163</v>
      </c>
      <c r="DT21" s="101">
        <v>58</v>
      </c>
      <c r="DU21" s="102">
        <v>77</v>
      </c>
      <c r="DV21" s="103">
        <v>135</v>
      </c>
      <c r="DW21" s="413">
        <v>0</v>
      </c>
      <c r="DX21" s="102">
        <v>88</v>
      </c>
      <c r="DY21" s="102">
        <v>83</v>
      </c>
      <c r="DZ21" s="102">
        <v>31</v>
      </c>
      <c r="EA21" s="102">
        <v>36</v>
      </c>
      <c r="EB21" s="102">
        <v>42</v>
      </c>
      <c r="EC21" s="103">
        <v>280</v>
      </c>
      <c r="ED21" s="104">
        <v>415</v>
      </c>
      <c r="EE21" s="101">
        <v>151</v>
      </c>
      <c r="EF21" s="102">
        <v>220</v>
      </c>
      <c r="EG21" s="103">
        <v>371</v>
      </c>
      <c r="EH21" s="413">
        <v>0</v>
      </c>
      <c r="EI21" s="102">
        <v>210</v>
      </c>
      <c r="EJ21" s="102">
        <v>161</v>
      </c>
      <c r="EK21" s="102">
        <v>102</v>
      </c>
      <c r="EL21" s="102">
        <v>97</v>
      </c>
      <c r="EM21" s="102">
        <v>77</v>
      </c>
      <c r="EN21" s="103">
        <v>647</v>
      </c>
      <c r="EO21" s="104">
        <v>1018</v>
      </c>
      <c r="EP21" s="101">
        <v>275</v>
      </c>
      <c r="EQ21" s="102">
        <v>374</v>
      </c>
      <c r="ER21" s="103">
        <v>649</v>
      </c>
      <c r="ES21" s="413">
        <v>0</v>
      </c>
      <c r="ET21" s="102">
        <v>449</v>
      </c>
      <c r="EU21" s="102">
        <v>309</v>
      </c>
      <c r="EV21" s="102">
        <v>231</v>
      </c>
      <c r="EW21" s="102">
        <v>172</v>
      </c>
      <c r="EX21" s="102">
        <v>136</v>
      </c>
      <c r="EY21" s="103">
        <v>1297</v>
      </c>
      <c r="EZ21" s="104">
        <v>1946</v>
      </c>
      <c r="FA21" s="101">
        <v>214</v>
      </c>
      <c r="FB21" s="102">
        <v>326</v>
      </c>
      <c r="FC21" s="103">
        <v>540</v>
      </c>
      <c r="FD21" s="413">
        <v>0</v>
      </c>
      <c r="FE21" s="102">
        <v>415</v>
      </c>
      <c r="FF21" s="102">
        <v>399</v>
      </c>
      <c r="FG21" s="102">
        <v>302</v>
      </c>
      <c r="FH21" s="102">
        <v>265</v>
      </c>
      <c r="FI21" s="102">
        <v>169</v>
      </c>
      <c r="FJ21" s="103">
        <v>1550</v>
      </c>
      <c r="FK21" s="104">
        <v>2090</v>
      </c>
      <c r="FL21" s="101">
        <v>101</v>
      </c>
      <c r="FM21" s="102">
        <v>200</v>
      </c>
      <c r="FN21" s="103">
        <v>301</v>
      </c>
      <c r="FO21" s="413">
        <v>0</v>
      </c>
      <c r="FP21" s="102">
        <v>370</v>
      </c>
      <c r="FQ21" s="102">
        <v>365</v>
      </c>
      <c r="FR21" s="102">
        <v>332</v>
      </c>
      <c r="FS21" s="102">
        <v>396</v>
      </c>
      <c r="FT21" s="102">
        <v>218</v>
      </c>
      <c r="FU21" s="103">
        <v>1681</v>
      </c>
      <c r="FV21" s="104">
        <v>1982</v>
      </c>
      <c r="FW21" s="101">
        <v>13</v>
      </c>
      <c r="FX21" s="102">
        <v>16</v>
      </c>
      <c r="FY21" s="103">
        <v>29</v>
      </c>
      <c r="FZ21" s="413">
        <v>0</v>
      </c>
      <c r="GA21" s="102">
        <v>21</v>
      </c>
      <c r="GB21" s="102">
        <v>32</v>
      </c>
      <c r="GC21" s="102">
        <v>17</v>
      </c>
      <c r="GD21" s="102">
        <v>18</v>
      </c>
      <c r="GE21" s="102">
        <v>20</v>
      </c>
      <c r="GF21" s="103">
        <v>108</v>
      </c>
      <c r="GG21" s="104">
        <v>137</v>
      </c>
      <c r="GH21" s="101">
        <v>825</v>
      </c>
      <c r="GI21" s="102">
        <v>1245</v>
      </c>
      <c r="GJ21" s="103">
        <v>2070</v>
      </c>
      <c r="GK21" s="413">
        <v>0</v>
      </c>
      <c r="GL21" s="102">
        <v>1585</v>
      </c>
      <c r="GM21" s="102">
        <v>1373</v>
      </c>
      <c r="GN21" s="102">
        <v>1035</v>
      </c>
      <c r="GO21" s="102">
        <v>1009</v>
      </c>
      <c r="GP21" s="102">
        <v>679</v>
      </c>
      <c r="GQ21" s="103">
        <v>5681</v>
      </c>
      <c r="GR21" s="104">
        <v>7751</v>
      </c>
      <c r="GS21" s="105">
        <v>1269</v>
      </c>
      <c r="GT21" s="97">
        <v>1703</v>
      </c>
      <c r="GU21" s="98">
        <v>2972</v>
      </c>
      <c r="GV21" s="413">
        <v>0</v>
      </c>
      <c r="GW21" s="97">
        <v>2543</v>
      </c>
      <c r="GX21" s="97">
        <v>2162</v>
      </c>
      <c r="GY21" s="97">
        <v>1560</v>
      </c>
      <c r="GZ21" s="97">
        <v>1420</v>
      </c>
      <c r="HA21" s="97">
        <v>938</v>
      </c>
      <c r="HB21" s="99">
        <v>8623</v>
      </c>
      <c r="HC21" s="100">
        <v>11595</v>
      </c>
      <c r="HD21" s="101">
        <v>33</v>
      </c>
      <c r="HE21" s="102">
        <v>58</v>
      </c>
      <c r="HF21" s="103">
        <v>91</v>
      </c>
      <c r="HG21" s="416">
        <v>0</v>
      </c>
      <c r="HH21" s="102">
        <v>74</v>
      </c>
      <c r="HI21" s="102">
        <v>63</v>
      </c>
      <c r="HJ21" s="102">
        <v>51</v>
      </c>
      <c r="HK21" s="102">
        <v>47</v>
      </c>
      <c r="HL21" s="102">
        <v>40</v>
      </c>
      <c r="HM21" s="103">
        <v>275</v>
      </c>
      <c r="HN21" s="104">
        <v>366</v>
      </c>
      <c r="HO21" s="101">
        <v>95</v>
      </c>
      <c r="HP21" s="102">
        <v>118</v>
      </c>
      <c r="HQ21" s="103">
        <v>213</v>
      </c>
      <c r="HR21" s="413">
        <v>0</v>
      </c>
      <c r="HS21" s="102">
        <v>186</v>
      </c>
      <c r="HT21" s="102">
        <v>155</v>
      </c>
      <c r="HU21" s="102">
        <v>86</v>
      </c>
      <c r="HV21" s="102">
        <v>83</v>
      </c>
      <c r="HW21" s="102">
        <v>74</v>
      </c>
      <c r="HX21" s="103">
        <v>584</v>
      </c>
      <c r="HY21" s="104">
        <v>797</v>
      </c>
      <c r="HZ21" s="101">
        <v>229</v>
      </c>
      <c r="IA21" s="102">
        <v>305</v>
      </c>
      <c r="IB21" s="103">
        <v>534</v>
      </c>
      <c r="IC21" s="413">
        <v>0</v>
      </c>
      <c r="ID21" s="102">
        <v>377</v>
      </c>
      <c r="IE21" s="102">
        <v>299</v>
      </c>
      <c r="IF21" s="102">
        <v>181</v>
      </c>
      <c r="IG21" s="102">
        <v>169</v>
      </c>
      <c r="IH21" s="102">
        <v>126</v>
      </c>
      <c r="II21" s="103">
        <v>1152</v>
      </c>
      <c r="IJ21" s="104">
        <v>1686</v>
      </c>
      <c r="IK21" s="101">
        <v>410</v>
      </c>
      <c r="IL21" s="102">
        <v>496</v>
      </c>
      <c r="IM21" s="103">
        <v>906</v>
      </c>
      <c r="IN21" s="413">
        <v>0</v>
      </c>
      <c r="IO21" s="102">
        <v>725</v>
      </c>
      <c r="IP21" s="102">
        <v>522</v>
      </c>
      <c r="IQ21" s="102">
        <v>348</v>
      </c>
      <c r="IR21" s="102">
        <v>269</v>
      </c>
      <c r="IS21" s="102">
        <v>226</v>
      </c>
      <c r="IT21" s="103">
        <v>2090</v>
      </c>
      <c r="IU21" s="104">
        <v>2996</v>
      </c>
      <c r="IV21" s="101">
        <v>340</v>
      </c>
      <c r="IW21" s="102">
        <v>455</v>
      </c>
      <c r="IX21" s="103">
        <v>795</v>
      </c>
      <c r="IY21" s="413">
        <v>0</v>
      </c>
      <c r="IZ21" s="102">
        <v>674</v>
      </c>
      <c r="JA21" s="102">
        <v>613</v>
      </c>
      <c r="JB21" s="102">
        <v>454</v>
      </c>
      <c r="JC21" s="102">
        <v>386</v>
      </c>
      <c r="JD21" s="102">
        <v>224</v>
      </c>
      <c r="JE21" s="103">
        <v>2351</v>
      </c>
      <c r="JF21" s="104">
        <v>3146</v>
      </c>
      <c r="JG21" s="101">
        <v>162</v>
      </c>
      <c r="JH21" s="102">
        <v>271</v>
      </c>
      <c r="JI21" s="103">
        <v>433</v>
      </c>
      <c r="JJ21" s="413">
        <v>0</v>
      </c>
      <c r="JK21" s="102">
        <v>507</v>
      </c>
      <c r="JL21" s="102">
        <v>510</v>
      </c>
      <c r="JM21" s="102">
        <v>440</v>
      </c>
      <c r="JN21" s="102">
        <v>466</v>
      </c>
      <c r="JO21" s="102">
        <v>248</v>
      </c>
      <c r="JP21" s="103">
        <v>2171</v>
      </c>
      <c r="JQ21" s="104">
        <v>2604</v>
      </c>
      <c r="JR21" s="101">
        <v>23</v>
      </c>
      <c r="JS21" s="102">
        <v>42</v>
      </c>
      <c r="JT21" s="103">
        <v>65</v>
      </c>
      <c r="JU21" s="413">
        <v>0</v>
      </c>
      <c r="JV21" s="102">
        <v>57</v>
      </c>
      <c r="JW21" s="102">
        <v>74</v>
      </c>
      <c r="JX21" s="102">
        <v>42</v>
      </c>
      <c r="JY21" s="102">
        <v>50</v>
      </c>
      <c r="JZ21" s="102">
        <v>37</v>
      </c>
      <c r="KA21" s="103">
        <v>260</v>
      </c>
      <c r="KB21" s="104">
        <v>325</v>
      </c>
      <c r="KC21" s="101">
        <v>1292</v>
      </c>
      <c r="KD21" s="102">
        <v>1745</v>
      </c>
      <c r="KE21" s="103">
        <v>3037</v>
      </c>
      <c r="KF21" s="413">
        <v>0</v>
      </c>
      <c r="KG21" s="102">
        <v>2600</v>
      </c>
      <c r="KH21" s="102">
        <v>2236</v>
      </c>
      <c r="KI21" s="102">
        <v>1602</v>
      </c>
      <c r="KJ21" s="102">
        <v>1470</v>
      </c>
      <c r="KK21" s="102">
        <v>975</v>
      </c>
      <c r="KL21" s="103">
        <v>8883</v>
      </c>
      <c r="KM21" s="104">
        <v>11920</v>
      </c>
    </row>
    <row r="22" spans="2:299" s="70" customFormat="1" ht="21" customHeight="1" x14ac:dyDescent="0.2">
      <c r="B22" s="106" t="s">
        <v>19</v>
      </c>
      <c r="C22" s="96">
        <v>238</v>
      </c>
      <c r="D22" s="97">
        <v>211</v>
      </c>
      <c r="E22" s="98">
        <v>449</v>
      </c>
      <c r="F22" s="413">
        <v>0</v>
      </c>
      <c r="G22" s="97">
        <v>433</v>
      </c>
      <c r="H22" s="97">
        <v>327</v>
      </c>
      <c r="I22" s="97">
        <v>240</v>
      </c>
      <c r="J22" s="97">
        <v>153</v>
      </c>
      <c r="K22" s="97">
        <v>103</v>
      </c>
      <c r="L22" s="99">
        <v>1256</v>
      </c>
      <c r="M22" s="100">
        <v>1705</v>
      </c>
      <c r="N22" s="107">
        <v>4</v>
      </c>
      <c r="O22" s="102">
        <v>12</v>
      </c>
      <c r="P22" s="103">
        <v>16</v>
      </c>
      <c r="Q22" s="413">
        <v>0</v>
      </c>
      <c r="R22" s="102">
        <v>14</v>
      </c>
      <c r="S22" s="102">
        <v>13</v>
      </c>
      <c r="T22" s="102">
        <v>9</v>
      </c>
      <c r="U22" s="102">
        <v>7</v>
      </c>
      <c r="V22" s="102">
        <v>3</v>
      </c>
      <c r="W22" s="103">
        <v>46</v>
      </c>
      <c r="X22" s="104">
        <v>62</v>
      </c>
      <c r="Y22" s="101">
        <v>16</v>
      </c>
      <c r="Z22" s="102">
        <v>15</v>
      </c>
      <c r="AA22" s="103">
        <v>31</v>
      </c>
      <c r="AB22" s="413">
        <v>0</v>
      </c>
      <c r="AC22" s="102">
        <v>42</v>
      </c>
      <c r="AD22" s="102">
        <v>32</v>
      </c>
      <c r="AE22" s="102">
        <v>32</v>
      </c>
      <c r="AF22" s="102">
        <v>15</v>
      </c>
      <c r="AG22" s="102">
        <v>17</v>
      </c>
      <c r="AH22" s="103">
        <v>138</v>
      </c>
      <c r="AI22" s="104">
        <v>169</v>
      </c>
      <c r="AJ22" s="107">
        <v>38</v>
      </c>
      <c r="AK22" s="102">
        <v>38</v>
      </c>
      <c r="AL22" s="103">
        <v>76</v>
      </c>
      <c r="AM22" s="413">
        <v>0</v>
      </c>
      <c r="AN22" s="102">
        <v>75</v>
      </c>
      <c r="AO22" s="102">
        <v>61</v>
      </c>
      <c r="AP22" s="102">
        <v>36</v>
      </c>
      <c r="AQ22" s="102">
        <v>32</v>
      </c>
      <c r="AR22" s="102">
        <v>16</v>
      </c>
      <c r="AS22" s="103">
        <v>220</v>
      </c>
      <c r="AT22" s="104">
        <v>296</v>
      </c>
      <c r="AU22" s="101">
        <v>66</v>
      </c>
      <c r="AV22" s="102">
        <v>51</v>
      </c>
      <c r="AW22" s="103">
        <v>117</v>
      </c>
      <c r="AX22" s="413">
        <v>0</v>
      </c>
      <c r="AY22" s="102">
        <v>106</v>
      </c>
      <c r="AZ22" s="102">
        <v>79</v>
      </c>
      <c r="BA22" s="102">
        <v>58</v>
      </c>
      <c r="BB22" s="102">
        <v>38</v>
      </c>
      <c r="BC22" s="102">
        <v>22</v>
      </c>
      <c r="BD22" s="103">
        <v>303</v>
      </c>
      <c r="BE22" s="104">
        <v>420</v>
      </c>
      <c r="BF22" s="107">
        <v>69</v>
      </c>
      <c r="BG22" s="102">
        <v>46</v>
      </c>
      <c r="BH22" s="103">
        <v>115</v>
      </c>
      <c r="BI22" s="413">
        <v>0</v>
      </c>
      <c r="BJ22" s="102">
        <v>114</v>
      </c>
      <c r="BK22" s="102">
        <v>80</v>
      </c>
      <c r="BL22" s="102">
        <v>61</v>
      </c>
      <c r="BM22" s="102">
        <v>43</v>
      </c>
      <c r="BN22" s="102">
        <v>36</v>
      </c>
      <c r="BO22" s="103">
        <v>334</v>
      </c>
      <c r="BP22" s="104">
        <v>449</v>
      </c>
      <c r="BQ22" s="101">
        <v>45</v>
      </c>
      <c r="BR22" s="102">
        <v>49</v>
      </c>
      <c r="BS22" s="103">
        <v>94</v>
      </c>
      <c r="BT22" s="413">
        <v>0</v>
      </c>
      <c r="BU22" s="102">
        <v>82</v>
      </c>
      <c r="BV22" s="102">
        <v>62</v>
      </c>
      <c r="BW22" s="102">
        <v>44</v>
      </c>
      <c r="BX22" s="102">
        <v>18</v>
      </c>
      <c r="BY22" s="102">
        <v>9</v>
      </c>
      <c r="BZ22" s="103">
        <v>215</v>
      </c>
      <c r="CA22" s="104">
        <v>309</v>
      </c>
      <c r="CB22" s="101">
        <v>7</v>
      </c>
      <c r="CC22" s="102">
        <v>9</v>
      </c>
      <c r="CD22" s="103">
        <v>16</v>
      </c>
      <c r="CE22" s="413">
        <v>0</v>
      </c>
      <c r="CF22" s="102">
        <v>19</v>
      </c>
      <c r="CG22" s="102">
        <v>10</v>
      </c>
      <c r="CH22" s="102">
        <v>10</v>
      </c>
      <c r="CI22" s="102">
        <v>7</v>
      </c>
      <c r="CJ22" s="102">
        <v>6</v>
      </c>
      <c r="CK22" s="103">
        <v>52</v>
      </c>
      <c r="CL22" s="104">
        <v>68</v>
      </c>
      <c r="CM22" s="101">
        <v>245</v>
      </c>
      <c r="CN22" s="102">
        <v>220</v>
      </c>
      <c r="CO22" s="103">
        <v>465</v>
      </c>
      <c r="CP22" s="413">
        <v>0</v>
      </c>
      <c r="CQ22" s="102">
        <v>452</v>
      </c>
      <c r="CR22" s="102">
        <v>337</v>
      </c>
      <c r="CS22" s="102">
        <v>250</v>
      </c>
      <c r="CT22" s="102">
        <v>160</v>
      </c>
      <c r="CU22" s="102">
        <v>109</v>
      </c>
      <c r="CV22" s="103">
        <v>1308</v>
      </c>
      <c r="CW22" s="104">
        <v>1773</v>
      </c>
      <c r="CX22" s="105">
        <v>427</v>
      </c>
      <c r="CY22" s="97">
        <v>451</v>
      </c>
      <c r="CZ22" s="98">
        <v>878</v>
      </c>
      <c r="DA22" s="413">
        <v>0</v>
      </c>
      <c r="DB22" s="97">
        <v>742</v>
      </c>
      <c r="DC22" s="97">
        <v>487</v>
      </c>
      <c r="DD22" s="97">
        <v>439</v>
      </c>
      <c r="DE22" s="97">
        <v>342</v>
      </c>
      <c r="DF22" s="97">
        <v>254</v>
      </c>
      <c r="DG22" s="99">
        <v>2264</v>
      </c>
      <c r="DH22" s="100">
        <v>3142</v>
      </c>
      <c r="DI22" s="107">
        <v>10</v>
      </c>
      <c r="DJ22" s="102">
        <v>2</v>
      </c>
      <c r="DK22" s="103">
        <v>12</v>
      </c>
      <c r="DL22" s="413">
        <v>0</v>
      </c>
      <c r="DM22" s="102">
        <v>10</v>
      </c>
      <c r="DN22" s="102">
        <v>15</v>
      </c>
      <c r="DO22" s="102">
        <v>8</v>
      </c>
      <c r="DP22" s="102">
        <v>3</v>
      </c>
      <c r="DQ22" s="102">
        <v>5</v>
      </c>
      <c r="DR22" s="103">
        <v>41</v>
      </c>
      <c r="DS22" s="104">
        <v>53</v>
      </c>
      <c r="DT22" s="101">
        <v>30</v>
      </c>
      <c r="DU22" s="102">
        <v>33</v>
      </c>
      <c r="DV22" s="103">
        <v>63</v>
      </c>
      <c r="DW22" s="413">
        <v>0</v>
      </c>
      <c r="DX22" s="102">
        <v>41</v>
      </c>
      <c r="DY22" s="102">
        <v>25</v>
      </c>
      <c r="DZ22" s="102">
        <v>18</v>
      </c>
      <c r="EA22" s="102">
        <v>7</v>
      </c>
      <c r="EB22" s="102">
        <v>19</v>
      </c>
      <c r="EC22" s="103">
        <v>110</v>
      </c>
      <c r="ED22" s="104">
        <v>173</v>
      </c>
      <c r="EE22" s="107">
        <v>79</v>
      </c>
      <c r="EF22" s="102">
        <v>76</v>
      </c>
      <c r="EG22" s="103">
        <v>155</v>
      </c>
      <c r="EH22" s="413">
        <v>0</v>
      </c>
      <c r="EI22" s="102">
        <v>98</v>
      </c>
      <c r="EJ22" s="102">
        <v>49</v>
      </c>
      <c r="EK22" s="102">
        <v>34</v>
      </c>
      <c r="EL22" s="102">
        <v>39</v>
      </c>
      <c r="EM22" s="102">
        <v>18</v>
      </c>
      <c r="EN22" s="103">
        <v>238</v>
      </c>
      <c r="EO22" s="104">
        <v>393</v>
      </c>
      <c r="EP22" s="101">
        <v>133</v>
      </c>
      <c r="EQ22" s="102">
        <v>130</v>
      </c>
      <c r="ER22" s="103">
        <v>263</v>
      </c>
      <c r="ES22" s="413">
        <v>0</v>
      </c>
      <c r="ET22" s="102">
        <v>190</v>
      </c>
      <c r="EU22" s="102">
        <v>112</v>
      </c>
      <c r="EV22" s="102">
        <v>83</v>
      </c>
      <c r="EW22" s="102">
        <v>69</v>
      </c>
      <c r="EX22" s="102">
        <v>56</v>
      </c>
      <c r="EY22" s="103">
        <v>510</v>
      </c>
      <c r="EZ22" s="104">
        <v>773</v>
      </c>
      <c r="FA22" s="107">
        <v>117</v>
      </c>
      <c r="FB22" s="102">
        <v>126</v>
      </c>
      <c r="FC22" s="103">
        <v>243</v>
      </c>
      <c r="FD22" s="413">
        <v>0</v>
      </c>
      <c r="FE22" s="102">
        <v>205</v>
      </c>
      <c r="FF22" s="102">
        <v>139</v>
      </c>
      <c r="FG22" s="102">
        <v>124</v>
      </c>
      <c r="FH22" s="102">
        <v>89</v>
      </c>
      <c r="FI22" s="102">
        <v>70</v>
      </c>
      <c r="FJ22" s="103">
        <v>627</v>
      </c>
      <c r="FK22" s="104">
        <v>870</v>
      </c>
      <c r="FL22" s="101">
        <v>58</v>
      </c>
      <c r="FM22" s="102">
        <v>84</v>
      </c>
      <c r="FN22" s="103">
        <v>142</v>
      </c>
      <c r="FO22" s="413">
        <v>0</v>
      </c>
      <c r="FP22" s="102">
        <v>198</v>
      </c>
      <c r="FQ22" s="102">
        <v>147</v>
      </c>
      <c r="FR22" s="102">
        <v>172</v>
      </c>
      <c r="FS22" s="102">
        <v>135</v>
      </c>
      <c r="FT22" s="102">
        <v>86</v>
      </c>
      <c r="FU22" s="103">
        <v>738</v>
      </c>
      <c r="FV22" s="104">
        <v>880</v>
      </c>
      <c r="FW22" s="101">
        <v>4</v>
      </c>
      <c r="FX22" s="102">
        <v>9</v>
      </c>
      <c r="FY22" s="103">
        <v>13</v>
      </c>
      <c r="FZ22" s="413">
        <v>0</v>
      </c>
      <c r="GA22" s="102">
        <v>5</v>
      </c>
      <c r="GB22" s="102">
        <v>12</v>
      </c>
      <c r="GC22" s="102">
        <v>5</v>
      </c>
      <c r="GD22" s="102">
        <v>5</v>
      </c>
      <c r="GE22" s="102">
        <v>4</v>
      </c>
      <c r="GF22" s="103">
        <v>31</v>
      </c>
      <c r="GG22" s="104">
        <v>44</v>
      </c>
      <c r="GH22" s="101">
        <v>431</v>
      </c>
      <c r="GI22" s="102">
        <v>460</v>
      </c>
      <c r="GJ22" s="103">
        <v>891</v>
      </c>
      <c r="GK22" s="413">
        <v>0</v>
      </c>
      <c r="GL22" s="102">
        <v>747</v>
      </c>
      <c r="GM22" s="102">
        <v>499</v>
      </c>
      <c r="GN22" s="102">
        <v>444</v>
      </c>
      <c r="GO22" s="102">
        <v>347</v>
      </c>
      <c r="GP22" s="102">
        <v>258</v>
      </c>
      <c r="GQ22" s="103">
        <v>2295</v>
      </c>
      <c r="GR22" s="104">
        <v>3186</v>
      </c>
      <c r="GS22" s="105">
        <v>665</v>
      </c>
      <c r="GT22" s="97">
        <v>662</v>
      </c>
      <c r="GU22" s="98">
        <v>1327</v>
      </c>
      <c r="GV22" s="413">
        <v>0</v>
      </c>
      <c r="GW22" s="97">
        <v>1175</v>
      </c>
      <c r="GX22" s="97">
        <v>814</v>
      </c>
      <c r="GY22" s="97">
        <v>679</v>
      </c>
      <c r="GZ22" s="97">
        <v>495</v>
      </c>
      <c r="HA22" s="97">
        <v>357</v>
      </c>
      <c r="HB22" s="99">
        <v>3520</v>
      </c>
      <c r="HC22" s="100">
        <v>4847</v>
      </c>
      <c r="HD22" s="107">
        <v>14</v>
      </c>
      <c r="HE22" s="102">
        <v>14</v>
      </c>
      <c r="HF22" s="103">
        <v>28</v>
      </c>
      <c r="HG22" s="416">
        <v>0</v>
      </c>
      <c r="HH22" s="102">
        <v>24</v>
      </c>
      <c r="HI22" s="102">
        <v>28</v>
      </c>
      <c r="HJ22" s="102">
        <v>17</v>
      </c>
      <c r="HK22" s="102">
        <v>10</v>
      </c>
      <c r="HL22" s="102">
        <v>8</v>
      </c>
      <c r="HM22" s="103">
        <v>87</v>
      </c>
      <c r="HN22" s="104">
        <v>115</v>
      </c>
      <c r="HO22" s="101">
        <v>46</v>
      </c>
      <c r="HP22" s="102">
        <v>48</v>
      </c>
      <c r="HQ22" s="103">
        <v>94</v>
      </c>
      <c r="HR22" s="413">
        <v>0</v>
      </c>
      <c r="HS22" s="102">
        <v>83</v>
      </c>
      <c r="HT22" s="102">
        <v>57</v>
      </c>
      <c r="HU22" s="102">
        <v>50</v>
      </c>
      <c r="HV22" s="102">
        <v>22</v>
      </c>
      <c r="HW22" s="102">
        <v>36</v>
      </c>
      <c r="HX22" s="103">
        <v>248</v>
      </c>
      <c r="HY22" s="104">
        <v>342</v>
      </c>
      <c r="HZ22" s="107">
        <v>117</v>
      </c>
      <c r="IA22" s="102">
        <v>114</v>
      </c>
      <c r="IB22" s="103">
        <v>231</v>
      </c>
      <c r="IC22" s="413">
        <v>0</v>
      </c>
      <c r="ID22" s="102">
        <v>173</v>
      </c>
      <c r="IE22" s="102">
        <v>110</v>
      </c>
      <c r="IF22" s="102">
        <v>70</v>
      </c>
      <c r="IG22" s="102">
        <v>71</v>
      </c>
      <c r="IH22" s="102">
        <v>34</v>
      </c>
      <c r="II22" s="103">
        <v>458</v>
      </c>
      <c r="IJ22" s="104">
        <v>689</v>
      </c>
      <c r="IK22" s="101">
        <v>199</v>
      </c>
      <c r="IL22" s="102">
        <v>181</v>
      </c>
      <c r="IM22" s="103">
        <v>380</v>
      </c>
      <c r="IN22" s="413">
        <v>0</v>
      </c>
      <c r="IO22" s="102">
        <v>296</v>
      </c>
      <c r="IP22" s="102">
        <v>191</v>
      </c>
      <c r="IQ22" s="102">
        <v>141</v>
      </c>
      <c r="IR22" s="102">
        <v>107</v>
      </c>
      <c r="IS22" s="102">
        <v>78</v>
      </c>
      <c r="IT22" s="103">
        <v>813</v>
      </c>
      <c r="IU22" s="104">
        <v>1193</v>
      </c>
      <c r="IV22" s="107">
        <v>186</v>
      </c>
      <c r="IW22" s="102">
        <v>172</v>
      </c>
      <c r="IX22" s="103">
        <v>358</v>
      </c>
      <c r="IY22" s="413">
        <v>0</v>
      </c>
      <c r="IZ22" s="102">
        <v>319</v>
      </c>
      <c r="JA22" s="102">
        <v>219</v>
      </c>
      <c r="JB22" s="102">
        <v>185</v>
      </c>
      <c r="JC22" s="102">
        <v>132</v>
      </c>
      <c r="JD22" s="102">
        <v>106</v>
      </c>
      <c r="JE22" s="103">
        <v>961</v>
      </c>
      <c r="JF22" s="104">
        <v>1319</v>
      </c>
      <c r="JG22" s="101">
        <v>103</v>
      </c>
      <c r="JH22" s="102">
        <v>133</v>
      </c>
      <c r="JI22" s="103">
        <v>236</v>
      </c>
      <c r="JJ22" s="413">
        <v>0</v>
      </c>
      <c r="JK22" s="102">
        <v>280</v>
      </c>
      <c r="JL22" s="102">
        <v>209</v>
      </c>
      <c r="JM22" s="102">
        <v>216</v>
      </c>
      <c r="JN22" s="102">
        <v>153</v>
      </c>
      <c r="JO22" s="102">
        <v>95</v>
      </c>
      <c r="JP22" s="103">
        <v>953</v>
      </c>
      <c r="JQ22" s="104">
        <v>1189</v>
      </c>
      <c r="JR22" s="101">
        <v>11</v>
      </c>
      <c r="JS22" s="102">
        <v>18</v>
      </c>
      <c r="JT22" s="103">
        <v>29</v>
      </c>
      <c r="JU22" s="413">
        <v>0</v>
      </c>
      <c r="JV22" s="102">
        <v>24</v>
      </c>
      <c r="JW22" s="102">
        <v>22</v>
      </c>
      <c r="JX22" s="102">
        <v>15</v>
      </c>
      <c r="JY22" s="102">
        <v>12</v>
      </c>
      <c r="JZ22" s="102">
        <v>10</v>
      </c>
      <c r="KA22" s="103">
        <v>83</v>
      </c>
      <c r="KB22" s="104">
        <v>112</v>
      </c>
      <c r="KC22" s="101">
        <v>676</v>
      </c>
      <c r="KD22" s="102">
        <v>680</v>
      </c>
      <c r="KE22" s="103">
        <v>1356</v>
      </c>
      <c r="KF22" s="413">
        <v>0</v>
      </c>
      <c r="KG22" s="102">
        <v>1199</v>
      </c>
      <c r="KH22" s="102">
        <v>836</v>
      </c>
      <c r="KI22" s="102">
        <v>694</v>
      </c>
      <c r="KJ22" s="102">
        <v>507</v>
      </c>
      <c r="KK22" s="102">
        <v>367</v>
      </c>
      <c r="KL22" s="103">
        <v>3603</v>
      </c>
      <c r="KM22" s="104">
        <v>4959</v>
      </c>
    </row>
    <row r="23" spans="2:299" s="70" customFormat="1" ht="21" customHeight="1" x14ac:dyDescent="0.2">
      <c r="B23" s="106" t="s">
        <v>20</v>
      </c>
      <c r="C23" s="96">
        <v>291</v>
      </c>
      <c r="D23" s="97">
        <v>303</v>
      </c>
      <c r="E23" s="98">
        <v>594</v>
      </c>
      <c r="F23" s="413">
        <v>0</v>
      </c>
      <c r="G23" s="97">
        <v>657</v>
      </c>
      <c r="H23" s="97">
        <v>397</v>
      </c>
      <c r="I23" s="97">
        <v>305</v>
      </c>
      <c r="J23" s="97">
        <v>228</v>
      </c>
      <c r="K23" s="97">
        <v>120</v>
      </c>
      <c r="L23" s="99">
        <v>1707</v>
      </c>
      <c r="M23" s="100">
        <v>2301</v>
      </c>
      <c r="N23" s="101">
        <v>6</v>
      </c>
      <c r="O23" s="102">
        <v>6</v>
      </c>
      <c r="P23" s="103">
        <v>12</v>
      </c>
      <c r="Q23" s="413">
        <v>0</v>
      </c>
      <c r="R23" s="102">
        <v>18</v>
      </c>
      <c r="S23" s="102">
        <v>20</v>
      </c>
      <c r="T23" s="102">
        <v>16</v>
      </c>
      <c r="U23" s="102">
        <v>9</v>
      </c>
      <c r="V23" s="102">
        <v>13</v>
      </c>
      <c r="W23" s="103">
        <v>76</v>
      </c>
      <c r="X23" s="104">
        <v>88</v>
      </c>
      <c r="Y23" s="101">
        <v>28</v>
      </c>
      <c r="Z23" s="102">
        <v>20</v>
      </c>
      <c r="AA23" s="103">
        <v>48</v>
      </c>
      <c r="AB23" s="413">
        <v>0</v>
      </c>
      <c r="AC23" s="102">
        <v>57</v>
      </c>
      <c r="AD23" s="102">
        <v>31</v>
      </c>
      <c r="AE23" s="102">
        <v>29</v>
      </c>
      <c r="AF23" s="102">
        <v>32</v>
      </c>
      <c r="AG23" s="102">
        <v>14</v>
      </c>
      <c r="AH23" s="103">
        <v>163</v>
      </c>
      <c r="AI23" s="104">
        <v>211</v>
      </c>
      <c r="AJ23" s="101">
        <v>53</v>
      </c>
      <c r="AK23" s="102">
        <v>48</v>
      </c>
      <c r="AL23" s="103">
        <v>101</v>
      </c>
      <c r="AM23" s="413">
        <v>0</v>
      </c>
      <c r="AN23" s="102">
        <v>105</v>
      </c>
      <c r="AO23" s="102">
        <v>70</v>
      </c>
      <c r="AP23" s="102">
        <v>53</v>
      </c>
      <c r="AQ23" s="102">
        <v>43</v>
      </c>
      <c r="AR23" s="102">
        <v>20</v>
      </c>
      <c r="AS23" s="103">
        <v>291</v>
      </c>
      <c r="AT23" s="104">
        <v>392</v>
      </c>
      <c r="AU23" s="101">
        <v>88</v>
      </c>
      <c r="AV23" s="102">
        <v>94</v>
      </c>
      <c r="AW23" s="103">
        <v>182</v>
      </c>
      <c r="AX23" s="413">
        <v>0</v>
      </c>
      <c r="AY23" s="102">
        <v>193</v>
      </c>
      <c r="AZ23" s="102">
        <v>94</v>
      </c>
      <c r="BA23" s="102">
        <v>76</v>
      </c>
      <c r="BB23" s="102">
        <v>67</v>
      </c>
      <c r="BC23" s="102">
        <v>29</v>
      </c>
      <c r="BD23" s="103">
        <v>459</v>
      </c>
      <c r="BE23" s="104">
        <v>641</v>
      </c>
      <c r="BF23" s="101">
        <v>73</v>
      </c>
      <c r="BG23" s="102">
        <v>90</v>
      </c>
      <c r="BH23" s="103">
        <v>163</v>
      </c>
      <c r="BI23" s="413">
        <v>0</v>
      </c>
      <c r="BJ23" s="102">
        <v>181</v>
      </c>
      <c r="BK23" s="102">
        <v>108</v>
      </c>
      <c r="BL23" s="102">
        <v>84</v>
      </c>
      <c r="BM23" s="102">
        <v>49</v>
      </c>
      <c r="BN23" s="102">
        <v>25</v>
      </c>
      <c r="BO23" s="103">
        <v>447</v>
      </c>
      <c r="BP23" s="104">
        <v>610</v>
      </c>
      <c r="BQ23" s="101">
        <v>43</v>
      </c>
      <c r="BR23" s="102">
        <v>45</v>
      </c>
      <c r="BS23" s="103">
        <v>88</v>
      </c>
      <c r="BT23" s="413">
        <v>0</v>
      </c>
      <c r="BU23" s="102">
        <v>103</v>
      </c>
      <c r="BV23" s="102">
        <v>74</v>
      </c>
      <c r="BW23" s="102">
        <v>47</v>
      </c>
      <c r="BX23" s="102">
        <v>28</v>
      </c>
      <c r="BY23" s="102">
        <v>19</v>
      </c>
      <c r="BZ23" s="103">
        <v>271</v>
      </c>
      <c r="CA23" s="104">
        <v>359</v>
      </c>
      <c r="CB23" s="101">
        <v>9</v>
      </c>
      <c r="CC23" s="102">
        <v>9</v>
      </c>
      <c r="CD23" s="103">
        <v>18</v>
      </c>
      <c r="CE23" s="413">
        <v>0</v>
      </c>
      <c r="CF23" s="102">
        <v>20</v>
      </c>
      <c r="CG23" s="102">
        <v>20</v>
      </c>
      <c r="CH23" s="102">
        <v>15</v>
      </c>
      <c r="CI23" s="102">
        <v>10</v>
      </c>
      <c r="CJ23" s="102">
        <v>7</v>
      </c>
      <c r="CK23" s="103">
        <v>72</v>
      </c>
      <c r="CL23" s="104">
        <v>90</v>
      </c>
      <c r="CM23" s="101">
        <v>300</v>
      </c>
      <c r="CN23" s="102">
        <v>312</v>
      </c>
      <c r="CO23" s="103">
        <v>612</v>
      </c>
      <c r="CP23" s="413">
        <v>0</v>
      </c>
      <c r="CQ23" s="102">
        <v>677</v>
      </c>
      <c r="CR23" s="102">
        <v>417</v>
      </c>
      <c r="CS23" s="102">
        <v>320</v>
      </c>
      <c r="CT23" s="102">
        <v>238</v>
      </c>
      <c r="CU23" s="102">
        <v>127</v>
      </c>
      <c r="CV23" s="103">
        <v>1779</v>
      </c>
      <c r="CW23" s="104">
        <v>2391</v>
      </c>
      <c r="CX23" s="105">
        <v>571</v>
      </c>
      <c r="CY23" s="97">
        <v>667</v>
      </c>
      <c r="CZ23" s="98">
        <v>1238</v>
      </c>
      <c r="DA23" s="413">
        <v>0</v>
      </c>
      <c r="DB23" s="97">
        <v>963</v>
      </c>
      <c r="DC23" s="97">
        <v>594</v>
      </c>
      <c r="DD23" s="97">
        <v>497</v>
      </c>
      <c r="DE23" s="97">
        <v>510</v>
      </c>
      <c r="DF23" s="97">
        <v>292</v>
      </c>
      <c r="DG23" s="99">
        <v>2856</v>
      </c>
      <c r="DH23" s="100">
        <v>4094</v>
      </c>
      <c r="DI23" s="101">
        <v>10</v>
      </c>
      <c r="DJ23" s="102">
        <v>12</v>
      </c>
      <c r="DK23" s="103">
        <v>22</v>
      </c>
      <c r="DL23" s="413">
        <v>0</v>
      </c>
      <c r="DM23" s="102">
        <v>24</v>
      </c>
      <c r="DN23" s="102">
        <v>24</v>
      </c>
      <c r="DO23" s="102">
        <v>9</v>
      </c>
      <c r="DP23" s="102">
        <v>9</v>
      </c>
      <c r="DQ23" s="102">
        <v>5</v>
      </c>
      <c r="DR23" s="103">
        <v>71</v>
      </c>
      <c r="DS23" s="104">
        <v>93</v>
      </c>
      <c r="DT23" s="101">
        <v>29</v>
      </c>
      <c r="DU23" s="102">
        <v>42</v>
      </c>
      <c r="DV23" s="103">
        <v>71</v>
      </c>
      <c r="DW23" s="413">
        <v>0</v>
      </c>
      <c r="DX23" s="102">
        <v>37</v>
      </c>
      <c r="DY23" s="102">
        <v>26</v>
      </c>
      <c r="DZ23" s="102">
        <v>18</v>
      </c>
      <c r="EA23" s="102">
        <v>25</v>
      </c>
      <c r="EB23" s="102">
        <v>19</v>
      </c>
      <c r="EC23" s="103">
        <v>125</v>
      </c>
      <c r="ED23" s="104">
        <v>196</v>
      </c>
      <c r="EE23" s="101">
        <v>90</v>
      </c>
      <c r="EF23" s="102">
        <v>103</v>
      </c>
      <c r="EG23" s="103">
        <v>193</v>
      </c>
      <c r="EH23" s="413">
        <v>0</v>
      </c>
      <c r="EI23" s="102">
        <v>147</v>
      </c>
      <c r="EJ23" s="102">
        <v>73</v>
      </c>
      <c r="EK23" s="102">
        <v>65</v>
      </c>
      <c r="EL23" s="102">
        <v>49</v>
      </c>
      <c r="EM23" s="102">
        <v>30</v>
      </c>
      <c r="EN23" s="103">
        <v>364</v>
      </c>
      <c r="EO23" s="104">
        <v>557</v>
      </c>
      <c r="EP23" s="101">
        <v>205</v>
      </c>
      <c r="EQ23" s="102">
        <v>197</v>
      </c>
      <c r="ER23" s="103">
        <v>402</v>
      </c>
      <c r="ES23" s="413">
        <v>0</v>
      </c>
      <c r="ET23" s="102">
        <v>249</v>
      </c>
      <c r="EU23" s="102">
        <v>144</v>
      </c>
      <c r="EV23" s="102">
        <v>100</v>
      </c>
      <c r="EW23" s="102">
        <v>99</v>
      </c>
      <c r="EX23" s="102">
        <v>58</v>
      </c>
      <c r="EY23" s="103">
        <v>650</v>
      </c>
      <c r="EZ23" s="104">
        <v>1052</v>
      </c>
      <c r="FA23" s="101">
        <v>161</v>
      </c>
      <c r="FB23" s="102">
        <v>182</v>
      </c>
      <c r="FC23" s="103">
        <v>343</v>
      </c>
      <c r="FD23" s="413">
        <v>0</v>
      </c>
      <c r="FE23" s="102">
        <v>293</v>
      </c>
      <c r="FF23" s="102">
        <v>165</v>
      </c>
      <c r="FG23" s="102">
        <v>130</v>
      </c>
      <c r="FH23" s="102">
        <v>126</v>
      </c>
      <c r="FI23" s="102">
        <v>71</v>
      </c>
      <c r="FJ23" s="103">
        <v>785</v>
      </c>
      <c r="FK23" s="104">
        <v>1128</v>
      </c>
      <c r="FL23" s="101">
        <v>76</v>
      </c>
      <c r="FM23" s="102">
        <v>131</v>
      </c>
      <c r="FN23" s="103">
        <v>207</v>
      </c>
      <c r="FO23" s="413">
        <v>0</v>
      </c>
      <c r="FP23" s="102">
        <v>213</v>
      </c>
      <c r="FQ23" s="102">
        <v>162</v>
      </c>
      <c r="FR23" s="102">
        <v>175</v>
      </c>
      <c r="FS23" s="102">
        <v>202</v>
      </c>
      <c r="FT23" s="102">
        <v>109</v>
      </c>
      <c r="FU23" s="103">
        <v>861</v>
      </c>
      <c r="FV23" s="104">
        <v>1068</v>
      </c>
      <c r="FW23" s="101">
        <v>4</v>
      </c>
      <c r="FX23" s="102">
        <v>13</v>
      </c>
      <c r="FY23" s="103">
        <v>17</v>
      </c>
      <c r="FZ23" s="413">
        <v>0</v>
      </c>
      <c r="GA23" s="102">
        <v>15</v>
      </c>
      <c r="GB23" s="102">
        <v>9</v>
      </c>
      <c r="GC23" s="102">
        <v>5</v>
      </c>
      <c r="GD23" s="102">
        <v>8</v>
      </c>
      <c r="GE23" s="102">
        <v>9</v>
      </c>
      <c r="GF23" s="103">
        <v>46</v>
      </c>
      <c r="GG23" s="104">
        <v>63</v>
      </c>
      <c r="GH23" s="101">
        <v>575</v>
      </c>
      <c r="GI23" s="102">
        <v>680</v>
      </c>
      <c r="GJ23" s="103">
        <v>1255</v>
      </c>
      <c r="GK23" s="413">
        <v>0</v>
      </c>
      <c r="GL23" s="102">
        <v>978</v>
      </c>
      <c r="GM23" s="102">
        <v>603</v>
      </c>
      <c r="GN23" s="102">
        <v>502</v>
      </c>
      <c r="GO23" s="102">
        <v>518</v>
      </c>
      <c r="GP23" s="102">
        <v>301</v>
      </c>
      <c r="GQ23" s="103">
        <v>2902</v>
      </c>
      <c r="GR23" s="104">
        <v>4157</v>
      </c>
      <c r="GS23" s="105">
        <v>862</v>
      </c>
      <c r="GT23" s="97">
        <v>970</v>
      </c>
      <c r="GU23" s="98">
        <v>1832</v>
      </c>
      <c r="GV23" s="413">
        <v>0</v>
      </c>
      <c r="GW23" s="97">
        <v>1620</v>
      </c>
      <c r="GX23" s="97">
        <v>991</v>
      </c>
      <c r="GY23" s="97">
        <v>802</v>
      </c>
      <c r="GZ23" s="97">
        <v>738</v>
      </c>
      <c r="HA23" s="97">
        <v>412</v>
      </c>
      <c r="HB23" s="99">
        <v>4563</v>
      </c>
      <c r="HC23" s="100">
        <v>6395</v>
      </c>
      <c r="HD23" s="101">
        <v>16</v>
      </c>
      <c r="HE23" s="102">
        <v>18</v>
      </c>
      <c r="HF23" s="103">
        <v>34</v>
      </c>
      <c r="HG23" s="416">
        <v>0</v>
      </c>
      <c r="HH23" s="102">
        <v>42</v>
      </c>
      <c r="HI23" s="102">
        <v>44</v>
      </c>
      <c r="HJ23" s="102">
        <v>25</v>
      </c>
      <c r="HK23" s="102">
        <v>18</v>
      </c>
      <c r="HL23" s="102">
        <v>18</v>
      </c>
      <c r="HM23" s="103">
        <v>147</v>
      </c>
      <c r="HN23" s="104">
        <v>181</v>
      </c>
      <c r="HO23" s="101">
        <v>57</v>
      </c>
      <c r="HP23" s="102">
        <v>62</v>
      </c>
      <c r="HQ23" s="103">
        <v>119</v>
      </c>
      <c r="HR23" s="413">
        <v>0</v>
      </c>
      <c r="HS23" s="102">
        <v>94</v>
      </c>
      <c r="HT23" s="102">
        <v>57</v>
      </c>
      <c r="HU23" s="102">
        <v>47</v>
      </c>
      <c r="HV23" s="102">
        <v>57</v>
      </c>
      <c r="HW23" s="102">
        <v>33</v>
      </c>
      <c r="HX23" s="103">
        <v>288</v>
      </c>
      <c r="HY23" s="104">
        <v>407</v>
      </c>
      <c r="HZ23" s="101">
        <v>143</v>
      </c>
      <c r="IA23" s="102">
        <v>151</v>
      </c>
      <c r="IB23" s="103">
        <v>294</v>
      </c>
      <c r="IC23" s="413">
        <v>0</v>
      </c>
      <c r="ID23" s="102">
        <v>252</v>
      </c>
      <c r="IE23" s="102">
        <v>143</v>
      </c>
      <c r="IF23" s="102">
        <v>118</v>
      </c>
      <c r="IG23" s="102">
        <v>92</v>
      </c>
      <c r="IH23" s="102">
        <v>50</v>
      </c>
      <c r="II23" s="103">
        <v>655</v>
      </c>
      <c r="IJ23" s="104">
        <v>949</v>
      </c>
      <c r="IK23" s="101">
        <v>293</v>
      </c>
      <c r="IL23" s="102">
        <v>291</v>
      </c>
      <c r="IM23" s="103">
        <v>584</v>
      </c>
      <c r="IN23" s="413">
        <v>0</v>
      </c>
      <c r="IO23" s="102">
        <v>442</v>
      </c>
      <c r="IP23" s="102">
        <v>238</v>
      </c>
      <c r="IQ23" s="102">
        <v>176</v>
      </c>
      <c r="IR23" s="102">
        <v>166</v>
      </c>
      <c r="IS23" s="102">
        <v>87</v>
      </c>
      <c r="IT23" s="103">
        <v>1109</v>
      </c>
      <c r="IU23" s="104">
        <v>1693</v>
      </c>
      <c r="IV23" s="101">
        <v>234</v>
      </c>
      <c r="IW23" s="102">
        <v>272</v>
      </c>
      <c r="IX23" s="103">
        <v>506</v>
      </c>
      <c r="IY23" s="413">
        <v>0</v>
      </c>
      <c r="IZ23" s="102">
        <v>474</v>
      </c>
      <c r="JA23" s="102">
        <v>273</v>
      </c>
      <c r="JB23" s="102">
        <v>214</v>
      </c>
      <c r="JC23" s="102">
        <v>175</v>
      </c>
      <c r="JD23" s="102">
        <v>96</v>
      </c>
      <c r="JE23" s="103">
        <v>1232</v>
      </c>
      <c r="JF23" s="104">
        <v>1738</v>
      </c>
      <c r="JG23" s="101">
        <v>119</v>
      </c>
      <c r="JH23" s="102">
        <v>176</v>
      </c>
      <c r="JI23" s="103">
        <v>295</v>
      </c>
      <c r="JJ23" s="413">
        <v>0</v>
      </c>
      <c r="JK23" s="102">
        <v>316</v>
      </c>
      <c r="JL23" s="102">
        <v>236</v>
      </c>
      <c r="JM23" s="102">
        <v>222</v>
      </c>
      <c r="JN23" s="102">
        <v>230</v>
      </c>
      <c r="JO23" s="102">
        <v>128</v>
      </c>
      <c r="JP23" s="103">
        <v>1132</v>
      </c>
      <c r="JQ23" s="104">
        <v>1427</v>
      </c>
      <c r="JR23" s="101">
        <v>13</v>
      </c>
      <c r="JS23" s="102">
        <v>22</v>
      </c>
      <c r="JT23" s="103">
        <v>35</v>
      </c>
      <c r="JU23" s="413">
        <v>0</v>
      </c>
      <c r="JV23" s="102">
        <v>35</v>
      </c>
      <c r="JW23" s="102">
        <v>29</v>
      </c>
      <c r="JX23" s="102">
        <v>20</v>
      </c>
      <c r="JY23" s="102">
        <v>18</v>
      </c>
      <c r="JZ23" s="102">
        <v>16</v>
      </c>
      <c r="KA23" s="103">
        <v>118</v>
      </c>
      <c r="KB23" s="104">
        <v>153</v>
      </c>
      <c r="KC23" s="101">
        <v>875</v>
      </c>
      <c r="KD23" s="102">
        <v>992</v>
      </c>
      <c r="KE23" s="103">
        <v>1867</v>
      </c>
      <c r="KF23" s="413">
        <v>0</v>
      </c>
      <c r="KG23" s="102">
        <v>1655</v>
      </c>
      <c r="KH23" s="102">
        <v>1020</v>
      </c>
      <c r="KI23" s="102">
        <v>822</v>
      </c>
      <c r="KJ23" s="102">
        <v>756</v>
      </c>
      <c r="KK23" s="102">
        <v>428</v>
      </c>
      <c r="KL23" s="103">
        <v>4681</v>
      </c>
      <c r="KM23" s="104">
        <v>6548</v>
      </c>
    </row>
    <row r="24" spans="2:299" s="70" customFormat="1" ht="21" customHeight="1" x14ac:dyDescent="0.2">
      <c r="B24" s="106" t="s">
        <v>21</v>
      </c>
      <c r="C24" s="96">
        <v>334</v>
      </c>
      <c r="D24" s="97">
        <v>238</v>
      </c>
      <c r="E24" s="98">
        <v>572</v>
      </c>
      <c r="F24" s="413">
        <v>0</v>
      </c>
      <c r="G24" s="97">
        <v>464</v>
      </c>
      <c r="H24" s="97">
        <v>450</v>
      </c>
      <c r="I24" s="97">
        <v>278</v>
      </c>
      <c r="J24" s="97">
        <v>242</v>
      </c>
      <c r="K24" s="97">
        <v>136</v>
      </c>
      <c r="L24" s="99">
        <v>1570</v>
      </c>
      <c r="M24" s="100">
        <v>2142</v>
      </c>
      <c r="N24" s="101">
        <v>13</v>
      </c>
      <c r="O24" s="102">
        <v>11</v>
      </c>
      <c r="P24" s="103">
        <v>24</v>
      </c>
      <c r="Q24" s="413">
        <v>0</v>
      </c>
      <c r="R24" s="102">
        <v>14</v>
      </c>
      <c r="S24" s="102">
        <v>23</v>
      </c>
      <c r="T24" s="102">
        <v>19</v>
      </c>
      <c r="U24" s="102">
        <v>5</v>
      </c>
      <c r="V24" s="102">
        <v>13</v>
      </c>
      <c r="W24" s="103">
        <v>74</v>
      </c>
      <c r="X24" s="104">
        <v>98</v>
      </c>
      <c r="Y24" s="101">
        <v>25</v>
      </c>
      <c r="Z24" s="102">
        <v>22</v>
      </c>
      <c r="AA24" s="103">
        <v>47</v>
      </c>
      <c r="AB24" s="413">
        <v>0</v>
      </c>
      <c r="AC24" s="102">
        <v>35</v>
      </c>
      <c r="AD24" s="102">
        <v>47</v>
      </c>
      <c r="AE24" s="102">
        <v>23</v>
      </c>
      <c r="AF24" s="102">
        <v>28</v>
      </c>
      <c r="AG24" s="102">
        <v>25</v>
      </c>
      <c r="AH24" s="103">
        <v>158</v>
      </c>
      <c r="AI24" s="104">
        <v>205</v>
      </c>
      <c r="AJ24" s="101">
        <v>58</v>
      </c>
      <c r="AK24" s="102">
        <v>50</v>
      </c>
      <c r="AL24" s="103">
        <v>108</v>
      </c>
      <c r="AM24" s="413">
        <v>0</v>
      </c>
      <c r="AN24" s="102">
        <v>85</v>
      </c>
      <c r="AO24" s="102">
        <v>77</v>
      </c>
      <c r="AP24" s="102">
        <v>51</v>
      </c>
      <c r="AQ24" s="102">
        <v>46</v>
      </c>
      <c r="AR24" s="102">
        <v>27</v>
      </c>
      <c r="AS24" s="103">
        <v>286</v>
      </c>
      <c r="AT24" s="104">
        <v>394</v>
      </c>
      <c r="AU24" s="101">
        <v>96</v>
      </c>
      <c r="AV24" s="102">
        <v>63</v>
      </c>
      <c r="AW24" s="103">
        <v>159</v>
      </c>
      <c r="AX24" s="413">
        <v>0</v>
      </c>
      <c r="AY24" s="102">
        <v>124</v>
      </c>
      <c r="AZ24" s="102">
        <v>135</v>
      </c>
      <c r="BA24" s="102">
        <v>73</v>
      </c>
      <c r="BB24" s="102">
        <v>68</v>
      </c>
      <c r="BC24" s="102">
        <v>30</v>
      </c>
      <c r="BD24" s="103">
        <v>430</v>
      </c>
      <c r="BE24" s="104">
        <v>589</v>
      </c>
      <c r="BF24" s="101">
        <v>93</v>
      </c>
      <c r="BG24" s="102">
        <v>60</v>
      </c>
      <c r="BH24" s="103">
        <v>153</v>
      </c>
      <c r="BI24" s="413">
        <v>0</v>
      </c>
      <c r="BJ24" s="102">
        <v>130</v>
      </c>
      <c r="BK24" s="102">
        <v>115</v>
      </c>
      <c r="BL24" s="102">
        <v>65</v>
      </c>
      <c r="BM24" s="102">
        <v>55</v>
      </c>
      <c r="BN24" s="102">
        <v>24</v>
      </c>
      <c r="BO24" s="103">
        <v>389</v>
      </c>
      <c r="BP24" s="104">
        <v>542</v>
      </c>
      <c r="BQ24" s="101">
        <v>49</v>
      </c>
      <c r="BR24" s="102">
        <v>32</v>
      </c>
      <c r="BS24" s="103">
        <v>81</v>
      </c>
      <c r="BT24" s="413">
        <v>0</v>
      </c>
      <c r="BU24" s="102">
        <v>76</v>
      </c>
      <c r="BV24" s="102">
        <v>53</v>
      </c>
      <c r="BW24" s="102">
        <v>47</v>
      </c>
      <c r="BX24" s="102">
        <v>40</v>
      </c>
      <c r="BY24" s="102">
        <v>17</v>
      </c>
      <c r="BZ24" s="103">
        <v>233</v>
      </c>
      <c r="CA24" s="104">
        <v>314</v>
      </c>
      <c r="CB24" s="101">
        <v>10</v>
      </c>
      <c r="CC24" s="102">
        <v>11</v>
      </c>
      <c r="CD24" s="103">
        <v>21</v>
      </c>
      <c r="CE24" s="413">
        <v>0</v>
      </c>
      <c r="CF24" s="102">
        <v>8</v>
      </c>
      <c r="CG24" s="102">
        <v>20</v>
      </c>
      <c r="CH24" s="102">
        <v>11</v>
      </c>
      <c r="CI24" s="102">
        <v>11</v>
      </c>
      <c r="CJ24" s="102">
        <v>11</v>
      </c>
      <c r="CK24" s="103">
        <v>61</v>
      </c>
      <c r="CL24" s="104">
        <v>82</v>
      </c>
      <c r="CM24" s="101">
        <v>344</v>
      </c>
      <c r="CN24" s="102">
        <v>249</v>
      </c>
      <c r="CO24" s="103">
        <v>593</v>
      </c>
      <c r="CP24" s="413">
        <v>0</v>
      </c>
      <c r="CQ24" s="102">
        <v>472</v>
      </c>
      <c r="CR24" s="102">
        <v>470</v>
      </c>
      <c r="CS24" s="102">
        <v>289</v>
      </c>
      <c r="CT24" s="102">
        <v>253</v>
      </c>
      <c r="CU24" s="102">
        <v>147</v>
      </c>
      <c r="CV24" s="103">
        <v>1631</v>
      </c>
      <c r="CW24" s="104">
        <v>2224</v>
      </c>
      <c r="CX24" s="105">
        <v>646</v>
      </c>
      <c r="CY24" s="97">
        <v>623</v>
      </c>
      <c r="CZ24" s="98">
        <v>1269</v>
      </c>
      <c r="DA24" s="413">
        <v>0</v>
      </c>
      <c r="DB24" s="97">
        <v>839</v>
      </c>
      <c r="DC24" s="97">
        <v>760</v>
      </c>
      <c r="DD24" s="97">
        <v>596</v>
      </c>
      <c r="DE24" s="97">
        <v>451</v>
      </c>
      <c r="DF24" s="97">
        <v>339</v>
      </c>
      <c r="DG24" s="99">
        <v>2985</v>
      </c>
      <c r="DH24" s="100">
        <v>4254</v>
      </c>
      <c r="DI24" s="101">
        <v>15</v>
      </c>
      <c r="DJ24" s="102">
        <v>22</v>
      </c>
      <c r="DK24" s="103">
        <v>37</v>
      </c>
      <c r="DL24" s="413">
        <v>0</v>
      </c>
      <c r="DM24" s="102">
        <v>14</v>
      </c>
      <c r="DN24" s="102">
        <v>20</v>
      </c>
      <c r="DO24" s="102">
        <v>13</v>
      </c>
      <c r="DP24" s="102">
        <v>6</v>
      </c>
      <c r="DQ24" s="102">
        <v>15</v>
      </c>
      <c r="DR24" s="103">
        <v>68</v>
      </c>
      <c r="DS24" s="104">
        <v>105</v>
      </c>
      <c r="DT24" s="101">
        <v>29</v>
      </c>
      <c r="DU24" s="102">
        <v>31</v>
      </c>
      <c r="DV24" s="103">
        <v>60</v>
      </c>
      <c r="DW24" s="413">
        <v>0</v>
      </c>
      <c r="DX24" s="102">
        <v>40</v>
      </c>
      <c r="DY24" s="102">
        <v>32</v>
      </c>
      <c r="DZ24" s="102">
        <v>28</v>
      </c>
      <c r="EA24" s="102">
        <v>16</v>
      </c>
      <c r="EB24" s="102">
        <v>25</v>
      </c>
      <c r="EC24" s="103">
        <v>141</v>
      </c>
      <c r="ED24" s="104">
        <v>201</v>
      </c>
      <c r="EE24" s="101">
        <v>94</v>
      </c>
      <c r="EF24" s="102">
        <v>125</v>
      </c>
      <c r="EG24" s="103">
        <v>219</v>
      </c>
      <c r="EH24" s="413">
        <v>0</v>
      </c>
      <c r="EI24" s="102">
        <v>102</v>
      </c>
      <c r="EJ24" s="102">
        <v>86</v>
      </c>
      <c r="EK24" s="102">
        <v>52</v>
      </c>
      <c r="EL24" s="102">
        <v>50</v>
      </c>
      <c r="EM24" s="102">
        <v>40</v>
      </c>
      <c r="EN24" s="103">
        <v>330</v>
      </c>
      <c r="EO24" s="104">
        <v>549</v>
      </c>
      <c r="EP24" s="101">
        <v>223</v>
      </c>
      <c r="EQ24" s="102">
        <v>170</v>
      </c>
      <c r="ER24" s="103">
        <v>393</v>
      </c>
      <c r="ES24" s="413">
        <v>0</v>
      </c>
      <c r="ET24" s="102">
        <v>238</v>
      </c>
      <c r="EU24" s="102">
        <v>174</v>
      </c>
      <c r="EV24" s="102">
        <v>127</v>
      </c>
      <c r="EW24" s="102">
        <v>94</v>
      </c>
      <c r="EX24" s="102">
        <v>76</v>
      </c>
      <c r="EY24" s="103">
        <v>709</v>
      </c>
      <c r="EZ24" s="104">
        <v>1102</v>
      </c>
      <c r="FA24" s="101">
        <v>178</v>
      </c>
      <c r="FB24" s="102">
        <v>190</v>
      </c>
      <c r="FC24" s="103">
        <v>368</v>
      </c>
      <c r="FD24" s="413">
        <v>0</v>
      </c>
      <c r="FE24" s="102">
        <v>236</v>
      </c>
      <c r="FF24" s="102">
        <v>217</v>
      </c>
      <c r="FG24" s="102">
        <v>159</v>
      </c>
      <c r="FH24" s="102">
        <v>116</v>
      </c>
      <c r="FI24" s="102">
        <v>87</v>
      </c>
      <c r="FJ24" s="103">
        <v>815</v>
      </c>
      <c r="FK24" s="104">
        <v>1183</v>
      </c>
      <c r="FL24" s="101">
        <v>107</v>
      </c>
      <c r="FM24" s="102">
        <v>85</v>
      </c>
      <c r="FN24" s="103">
        <v>192</v>
      </c>
      <c r="FO24" s="413">
        <v>0</v>
      </c>
      <c r="FP24" s="102">
        <v>209</v>
      </c>
      <c r="FQ24" s="102">
        <v>231</v>
      </c>
      <c r="FR24" s="102">
        <v>217</v>
      </c>
      <c r="FS24" s="102">
        <v>169</v>
      </c>
      <c r="FT24" s="102">
        <v>96</v>
      </c>
      <c r="FU24" s="103">
        <v>922</v>
      </c>
      <c r="FV24" s="104">
        <v>1114</v>
      </c>
      <c r="FW24" s="101">
        <v>8</v>
      </c>
      <c r="FX24" s="102">
        <v>11</v>
      </c>
      <c r="FY24" s="103">
        <v>19</v>
      </c>
      <c r="FZ24" s="413">
        <v>0</v>
      </c>
      <c r="GA24" s="102">
        <v>7</v>
      </c>
      <c r="GB24" s="102">
        <v>18</v>
      </c>
      <c r="GC24" s="102">
        <v>16</v>
      </c>
      <c r="GD24" s="102">
        <v>7</v>
      </c>
      <c r="GE24" s="102">
        <v>14</v>
      </c>
      <c r="GF24" s="103">
        <v>62</v>
      </c>
      <c r="GG24" s="104">
        <v>81</v>
      </c>
      <c r="GH24" s="101">
        <v>654</v>
      </c>
      <c r="GI24" s="102">
        <v>634</v>
      </c>
      <c r="GJ24" s="103">
        <v>1288</v>
      </c>
      <c r="GK24" s="413">
        <v>0</v>
      </c>
      <c r="GL24" s="102">
        <v>846</v>
      </c>
      <c r="GM24" s="102">
        <v>778</v>
      </c>
      <c r="GN24" s="102">
        <v>612</v>
      </c>
      <c r="GO24" s="102">
        <v>458</v>
      </c>
      <c r="GP24" s="102">
        <v>353</v>
      </c>
      <c r="GQ24" s="103">
        <v>3047</v>
      </c>
      <c r="GR24" s="104">
        <v>4335</v>
      </c>
      <c r="GS24" s="105">
        <v>980</v>
      </c>
      <c r="GT24" s="97">
        <v>861</v>
      </c>
      <c r="GU24" s="98">
        <v>1841</v>
      </c>
      <c r="GV24" s="413">
        <v>0</v>
      </c>
      <c r="GW24" s="97">
        <v>1303</v>
      </c>
      <c r="GX24" s="97">
        <v>1210</v>
      </c>
      <c r="GY24" s="97">
        <v>874</v>
      </c>
      <c r="GZ24" s="97">
        <v>693</v>
      </c>
      <c r="HA24" s="97">
        <v>475</v>
      </c>
      <c r="HB24" s="99">
        <v>4555</v>
      </c>
      <c r="HC24" s="100">
        <v>6396</v>
      </c>
      <c r="HD24" s="101">
        <v>28</v>
      </c>
      <c r="HE24" s="102">
        <v>33</v>
      </c>
      <c r="HF24" s="103">
        <v>61</v>
      </c>
      <c r="HG24" s="416">
        <v>0</v>
      </c>
      <c r="HH24" s="102">
        <v>28</v>
      </c>
      <c r="HI24" s="102">
        <v>43</v>
      </c>
      <c r="HJ24" s="102">
        <v>32</v>
      </c>
      <c r="HK24" s="102">
        <v>11</v>
      </c>
      <c r="HL24" s="102">
        <v>28</v>
      </c>
      <c r="HM24" s="103">
        <v>142</v>
      </c>
      <c r="HN24" s="104">
        <v>203</v>
      </c>
      <c r="HO24" s="101">
        <v>54</v>
      </c>
      <c r="HP24" s="102">
        <v>53</v>
      </c>
      <c r="HQ24" s="103">
        <v>107</v>
      </c>
      <c r="HR24" s="413">
        <v>0</v>
      </c>
      <c r="HS24" s="102">
        <v>75</v>
      </c>
      <c r="HT24" s="102">
        <v>79</v>
      </c>
      <c r="HU24" s="102">
        <v>51</v>
      </c>
      <c r="HV24" s="102">
        <v>44</v>
      </c>
      <c r="HW24" s="102">
        <v>50</v>
      </c>
      <c r="HX24" s="103">
        <v>299</v>
      </c>
      <c r="HY24" s="104">
        <v>406</v>
      </c>
      <c r="HZ24" s="101">
        <v>152</v>
      </c>
      <c r="IA24" s="102">
        <v>175</v>
      </c>
      <c r="IB24" s="103">
        <v>327</v>
      </c>
      <c r="IC24" s="413">
        <v>0</v>
      </c>
      <c r="ID24" s="102">
        <v>187</v>
      </c>
      <c r="IE24" s="102">
        <v>163</v>
      </c>
      <c r="IF24" s="102">
        <v>103</v>
      </c>
      <c r="IG24" s="102">
        <v>96</v>
      </c>
      <c r="IH24" s="102">
        <v>67</v>
      </c>
      <c r="II24" s="103">
        <v>616</v>
      </c>
      <c r="IJ24" s="104">
        <v>943</v>
      </c>
      <c r="IK24" s="101">
        <v>319</v>
      </c>
      <c r="IL24" s="102">
        <v>233</v>
      </c>
      <c r="IM24" s="103">
        <v>552</v>
      </c>
      <c r="IN24" s="413">
        <v>0</v>
      </c>
      <c r="IO24" s="102">
        <v>362</v>
      </c>
      <c r="IP24" s="102">
        <v>309</v>
      </c>
      <c r="IQ24" s="102">
        <v>200</v>
      </c>
      <c r="IR24" s="102">
        <v>162</v>
      </c>
      <c r="IS24" s="102">
        <v>106</v>
      </c>
      <c r="IT24" s="103">
        <v>1139</v>
      </c>
      <c r="IU24" s="104">
        <v>1691</v>
      </c>
      <c r="IV24" s="101">
        <v>271</v>
      </c>
      <c r="IW24" s="102">
        <v>250</v>
      </c>
      <c r="IX24" s="103">
        <v>521</v>
      </c>
      <c r="IY24" s="413">
        <v>0</v>
      </c>
      <c r="IZ24" s="102">
        <v>366</v>
      </c>
      <c r="JA24" s="102">
        <v>332</v>
      </c>
      <c r="JB24" s="102">
        <v>224</v>
      </c>
      <c r="JC24" s="102">
        <v>171</v>
      </c>
      <c r="JD24" s="102">
        <v>111</v>
      </c>
      <c r="JE24" s="103">
        <v>1204</v>
      </c>
      <c r="JF24" s="104">
        <v>1725</v>
      </c>
      <c r="JG24" s="101">
        <v>156</v>
      </c>
      <c r="JH24" s="102">
        <v>117</v>
      </c>
      <c r="JI24" s="103">
        <v>273</v>
      </c>
      <c r="JJ24" s="413">
        <v>0</v>
      </c>
      <c r="JK24" s="102">
        <v>285</v>
      </c>
      <c r="JL24" s="102">
        <v>284</v>
      </c>
      <c r="JM24" s="102">
        <v>264</v>
      </c>
      <c r="JN24" s="102">
        <v>209</v>
      </c>
      <c r="JO24" s="102">
        <v>113</v>
      </c>
      <c r="JP24" s="103">
        <v>1155</v>
      </c>
      <c r="JQ24" s="104">
        <v>1428</v>
      </c>
      <c r="JR24" s="101">
        <v>18</v>
      </c>
      <c r="JS24" s="102">
        <v>22</v>
      </c>
      <c r="JT24" s="103">
        <v>40</v>
      </c>
      <c r="JU24" s="413">
        <v>0</v>
      </c>
      <c r="JV24" s="102">
        <v>15</v>
      </c>
      <c r="JW24" s="102">
        <v>38</v>
      </c>
      <c r="JX24" s="102">
        <v>27</v>
      </c>
      <c r="JY24" s="102">
        <v>18</v>
      </c>
      <c r="JZ24" s="102">
        <v>25</v>
      </c>
      <c r="KA24" s="103">
        <v>123</v>
      </c>
      <c r="KB24" s="104">
        <v>163</v>
      </c>
      <c r="KC24" s="101">
        <v>998</v>
      </c>
      <c r="KD24" s="102">
        <v>883</v>
      </c>
      <c r="KE24" s="103">
        <v>1881</v>
      </c>
      <c r="KF24" s="413">
        <v>0</v>
      </c>
      <c r="KG24" s="102">
        <v>1318</v>
      </c>
      <c r="KH24" s="102">
        <v>1248</v>
      </c>
      <c r="KI24" s="102">
        <v>901</v>
      </c>
      <c r="KJ24" s="102">
        <v>711</v>
      </c>
      <c r="KK24" s="102">
        <v>500</v>
      </c>
      <c r="KL24" s="103">
        <v>4678</v>
      </c>
      <c r="KM24" s="104">
        <v>6559</v>
      </c>
    </row>
    <row r="25" spans="2:299" s="70" customFormat="1" ht="21" customHeight="1" x14ac:dyDescent="0.2">
      <c r="B25" s="106" t="s">
        <v>22</v>
      </c>
      <c r="C25" s="96">
        <v>106</v>
      </c>
      <c r="D25" s="97">
        <v>78</v>
      </c>
      <c r="E25" s="98">
        <v>184</v>
      </c>
      <c r="F25" s="413">
        <v>0</v>
      </c>
      <c r="G25" s="97">
        <v>194</v>
      </c>
      <c r="H25" s="97">
        <v>153</v>
      </c>
      <c r="I25" s="97">
        <v>122</v>
      </c>
      <c r="J25" s="97">
        <v>93</v>
      </c>
      <c r="K25" s="97">
        <v>46</v>
      </c>
      <c r="L25" s="99">
        <v>608</v>
      </c>
      <c r="M25" s="100">
        <v>792</v>
      </c>
      <c r="N25" s="101">
        <v>0</v>
      </c>
      <c r="O25" s="102">
        <v>2</v>
      </c>
      <c r="P25" s="103">
        <v>2</v>
      </c>
      <c r="Q25" s="413">
        <v>0</v>
      </c>
      <c r="R25" s="102">
        <v>5</v>
      </c>
      <c r="S25" s="102">
        <v>8</v>
      </c>
      <c r="T25" s="102">
        <v>3</v>
      </c>
      <c r="U25" s="102">
        <v>2</v>
      </c>
      <c r="V25" s="102">
        <v>2</v>
      </c>
      <c r="W25" s="103">
        <v>20</v>
      </c>
      <c r="X25" s="104">
        <v>22</v>
      </c>
      <c r="Y25" s="101">
        <v>3</v>
      </c>
      <c r="Z25" s="102">
        <v>7</v>
      </c>
      <c r="AA25" s="103">
        <v>10</v>
      </c>
      <c r="AB25" s="413">
        <v>0</v>
      </c>
      <c r="AC25" s="102">
        <v>9</v>
      </c>
      <c r="AD25" s="102">
        <v>9</v>
      </c>
      <c r="AE25" s="102">
        <v>11</v>
      </c>
      <c r="AF25" s="102">
        <v>7</v>
      </c>
      <c r="AG25" s="102">
        <v>9</v>
      </c>
      <c r="AH25" s="103">
        <v>45</v>
      </c>
      <c r="AI25" s="104">
        <v>55</v>
      </c>
      <c r="AJ25" s="101">
        <v>17</v>
      </c>
      <c r="AK25" s="102">
        <v>15</v>
      </c>
      <c r="AL25" s="103">
        <v>32</v>
      </c>
      <c r="AM25" s="413">
        <v>0</v>
      </c>
      <c r="AN25" s="102">
        <v>31</v>
      </c>
      <c r="AO25" s="102">
        <v>21</v>
      </c>
      <c r="AP25" s="102">
        <v>19</v>
      </c>
      <c r="AQ25" s="102">
        <v>13</v>
      </c>
      <c r="AR25" s="102">
        <v>9</v>
      </c>
      <c r="AS25" s="103">
        <v>93</v>
      </c>
      <c r="AT25" s="104">
        <v>125</v>
      </c>
      <c r="AU25" s="101">
        <v>31</v>
      </c>
      <c r="AV25" s="102">
        <v>19</v>
      </c>
      <c r="AW25" s="103">
        <v>50</v>
      </c>
      <c r="AX25" s="413">
        <v>0</v>
      </c>
      <c r="AY25" s="102">
        <v>50</v>
      </c>
      <c r="AZ25" s="102">
        <v>42</v>
      </c>
      <c r="BA25" s="102">
        <v>27</v>
      </c>
      <c r="BB25" s="102">
        <v>20</v>
      </c>
      <c r="BC25" s="102">
        <v>8</v>
      </c>
      <c r="BD25" s="103">
        <v>147</v>
      </c>
      <c r="BE25" s="104">
        <v>197</v>
      </c>
      <c r="BF25" s="101">
        <v>37</v>
      </c>
      <c r="BG25" s="102">
        <v>25</v>
      </c>
      <c r="BH25" s="103">
        <v>62</v>
      </c>
      <c r="BI25" s="413">
        <v>0</v>
      </c>
      <c r="BJ25" s="102">
        <v>49</v>
      </c>
      <c r="BK25" s="102">
        <v>41</v>
      </c>
      <c r="BL25" s="102">
        <v>24</v>
      </c>
      <c r="BM25" s="102">
        <v>23</v>
      </c>
      <c r="BN25" s="102">
        <v>13</v>
      </c>
      <c r="BO25" s="103">
        <v>150</v>
      </c>
      <c r="BP25" s="104">
        <v>212</v>
      </c>
      <c r="BQ25" s="101">
        <v>18</v>
      </c>
      <c r="BR25" s="102">
        <v>10</v>
      </c>
      <c r="BS25" s="103">
        <v>28</v>
      </c>
      <c r="BT25" s="413">
        <v>0</v>
      </c>
      <c r="BU25" s="102">
        <v>50</v>
      </c>
      <c r="BV25" s="102">
        <v>32</v>
      </c>
      <c r="BW25" s="102">
        <v>38</v>
      </c>
      <c r="BX25" s="102">
        <v>28</v>
      </c>
      <c r="BY25" s="102">
        <v>5</v>
      </c>
      <c r="BZ25" s="103">
        <v>153</v>
      </c>
      <c r="CA25" s="104">
        <v>181</v>
      </c>
      <c r="CB25" s="101">
        <v>6</v>
      </c>
      <c r="CC25" s="102">
        <v>5</v>
      </c>
      <c r="CD25" s="103">
        <v>11</v>
      </c>
      <c r="CE25" s="413">
        <v>0</v>
      </c>
      <c r="CF25" s="102">
        <v>6</v>
      </c>
      <c r="CG25" s="102">
        <v>3</v>
      </c>
      <c r="CH25" s="102">
        <v>2</v>
      </c>
      <c r="CI25" s="102">
        <v>2</v>
      </c>
      <c r="CJ25" s="102">
        <v>3</v>
      </c>
      <c r="CK25" s="103">
        <v>16</v>
      </c>
      <c r="CL25" s="104">
        <v>27</v>
      </c>
      <c r="CM25" s="101">
        <v>112</v>
      </c>
      <c r="CN25" s="102">
        <v>83</v>
      </c>
      <c r="CO25" s="103">
        <v>195</v>
      </c>
      <c r="CP25" s="413">
        <v>0</v>
      </c>
      <c r="CQ25" s="102">
        <v>200</v>
      </c>
      <c r="CR25" s="102">
        <v>156</v>
      </c>
      <c r="CS25" s="102">
        <v>124</v>
      </c>
      <c r="CT25" s="102">
        <v>95</v>
      </c>
      <c r="CU25" s="102">
        <v>49</v>
      </c>
      <c r="CV25" s="103">
        <v>624</v>
      </c>
      <c r="CW25" s="104">
        <v>819</v>
      </c>
      <c r="CX25" s="105">
        <v>156</v>
      </c>
      <c r="CY25" s="97">
        <v>285</v>
      </c>
      <c r="CZ25" s="98">
        <v>441</v>
      </c>
      <c r="DA25" s="413">
        <v>0</v>
      </c>
      <c r="DB25" s="97">
        <v>353</v>
      </c>
      <c r="DC25" s="97">
        <v>312</v>
      </c>
      <c r="DD25" s="97">
        <v>209</v>
      </c>
      <c r="DE25" s="97">
        <v>236</v>
      </c>
      <c r="DF25" s="97">
        <v>116</v>
      </c>
      <c r="DG25" s="99">
        <v>1226</v>
      </c>
      <c r="DH25" s="100">
        <v>1667</v>
      </c>
      <c r="DI25" s="101">
        <v>6</v>
      </c>
      <c r="DJ25" s="102">
        <v>5</v>
      </c>
      <c r="DK25" s="103">
        <v>11</v>
      </c>
      <c r="DL25" s="413">
        <v>0</v>
      </c>
      <c r="DM25" s="102">
        <v>5</v>
      </c>
      <c r="DN25" s="102">
        <v>4</v>
      </c>
      <c r="DO25" s="102">
        <v>6</v>
      </c>
      <c r="DP25" s="102">
        <v>2</v>
      </c>
      <c r="DQ25" s="102">
        <v>4</v>
      </c>
      <c r="DR25" s="103">
        <v>21</v>
      </c>
      <c r="DS25" s="104">
        <v>32</v>
      </c>
      <c r="DT25" s="101">
        <v>10</v>
      </c>
      <c r="DU25" s="102">
        <v>10</v>
      </c>
      <c r="DV25" s="103">
        <v>20</v>
      </c>
      <c r="DW25" s="413">
        <v>0</v>
      </c>
      <c r="DX25" s="102">
        <v>13</v>
      </c>
      <c r="DY25" s="102">
        <v>11</v>
      </c>
      <c r="DZ25" s="102">
        <v>8</v>
      </c>
      <c r="EA25" s="102">
        <v>5</v>
      </c>
      <c r="EB25" s="102">
        <v>2</v>
      </c>
      <c r="EC25" s="103">
        <v>39</v>
      </c>
      <c r="ED25" s="104">
        <v>59</v>
      </c>
      <c r="EE25" s="101">
        <v>26</v>
      </c>
      <c r="EF25" s="102">
        <v>46</v>
      </c>
      <c r="EG25" s="103">
        <v>72</v>
      </c>
      <c r="EH25" s="413">
        <v>0</v>
      </c>
      <c r="EI25" s="102">
        <v>39</v>
      </c>
      <c r="EJ25" s="102">
        <v>34</v>
      </c>
      <c r="EK25" s="102">
        <v>16</v>
      </c>
      <c r="EL25" s="102">
        <v>10</v>
      </c>
      <c r="EM25" s="102">
        <v>17</v>
      </c>
      <c r="EN25" s="103">
        <v>116</v>
      </c>
      <c r="EO25" s="104">
        <v>188</v>
      </c>
      <c r="EP25" s="101">
        <v>51</v>
      </c>
      <c r="EQ25" s="102">
        <v>75</v>
      </c>
      <c r="ER25" s="103">
        <v>126</v>
      </c>
      <c r="ES25" s="413">
        <v>0</v>
      </c>
      <c r="ET25" s="102">
        <v>81</v>
      </c>
      <c r="EU25" s="102">
        <v>62</v>
      </c>
      <c r="EV25" s="102">
        <v>39</v>
      </c>
      <c r="EW25" s="102">
        <v>41</v>
      </c>
      <c r="EX25" s="102">
        <v>19</v>
      </c>
      <c r="EY25" s="103">
        <v>242</v>
      </c>
      <c r="EZ25" s="104">
        <v>368</v>
      </c>
      <c r="FA25" s="101">
        <v>49</v>
      </c>
      <c r="FB25" s="102">
        <v>81</v>
      </c>
      <c r="FC25" s="103">
        <v>130</v>
      </c>
      <c r="FD25" s="413">
        <v>0</v>
      </c>
      <c r="FE25" s="102">
        <v>111</v>
      </c>
      <c r="FF25" s="102">
        <v>90</v>
      </c>
      <c r="FG25" s="102">
        <v>53</v>
      </c>
      <c r="FH25" s="102">
        <v>60</v>
      </c>
      <c r="FI25" s="102">
        <v>33</v>
      </c>
      <c r="FJ25" s="103">
        <v>347</v>
      </c>
      <c r="FK25" s="104">
        <v>477</v>
      </c>
      <c r="FL25" s="101">
        <v>14</v>
      </c>
      <c r="FM25" s="102">
        <v>68</v>
      </c>
      <c r="FN25" s="103">
        <v>82</v>
      </c>
      <c r="FO25" s="413">
        <v>0</v>
      </c>
      <c r="FP25" s="102">
        <v>104</v>
      </c>
      <c r="FQ25" s="102">
        <v>111</v>
      </c>
      <c r="FR25" s="102">
        <v>87</v>
      </c>
      <c r="FS25" s="102">
        <v>118</v>
      </c>
      <c r="FT25" s="102">
        <v>41</v>
      </c>
      <c r="FU25" s="103">
        <v>461</v>
      </c>
      <c r="FV25" s="104">
        <v>543</v>
      </c>
      <c r="FW25" s="101">
        <v>0</v>
      </c>
      <c r="FX25" s="102">
        <v>3</v>
      </c>
      <c r="FY25" s="103">
        <v>3</v>
      </c>
      <c r="FZ25" s="413">
        <v>0</v>
      </c>
      <c r="GA25" s="102">
        <v>4</v>
      </c>
      <c r="GB25" s="102">
        <v>5</v>
      </c>
      <c r="GC25" s="102">
        <v>2</v>
      </c>
      <c r="GD25" s="102">
        <v>1</v>
      </c>
      <c r="GE25" s="102">
        <v>3</v>
      </c>
      <c r="GF25" s="103">
        <v>15</v>
      </c>
      <c r="GG25" s="104">
        <v>18</v>
      </c>
      <c r="GH25" s="101">
        <v>156</v>
      </c>
      <c r="GI25" s="102">
        <v>288</v>
      </c>
      <c r="GJ25" s="103">
        <v>444</v>
      </c>
      <c r="GK25" s="413">
        <v>0</v>
      </c>
      <c r="GL25" s="102">
        <v>357</v>
      </c>
      <c r="GM25" s="102">
        <v>317</v>
      </c>
      <c r="GN25" s="102">
        <v>211</v>
      </c>
      <c r="GO25" s="102">
        <v>237</v>
      </c>
      <c r="GP25" s="102">
        <v>119</v>
      </c>
      <c r="GQ25" s="103">
        <v>1241</v>
      </c>
      <c r="GR25" s="104">
        <v>1685</v>
      </c>
      <c r="GS25" s="105">
        <v>262</v>
      </c>
      <c r="GT25" s="97">
        <v>363</v>
      </c>
      <c r="GU25" s="98">
        <v>625</v>
      </c>
      <c r="GV25" s="413">
        <v>0</v>
      </c>
      <c r="GW25" s="97">
        <v>547</v>
      </c>
      <c r="GX25" s="97">
        <v>465</v>
      </c>
      <c r="GY25" s="97">
        <v>331</v>
      </c>
      <c r="GZ25" s="97">
        <v>329</v>
      </c>
      <c r="HA25" s="97">
        <v>162</v>
      </c>
      <c r="HB25" s="99">
        <v>1834</v>
      </c>
      <c r="HC25" s="100">
        <v>2459</v>
      </c>
      <c r="HD25" s="101">
        <v>6</v>
      </c>
      <c r="HE25" s="102">
        <v>7</v>
      </c>
      <c r="HF25" s="103">
        <v>13</v>
      </c>
      <c r="HG25" s="416">
        <v>0</v>
      </c>
      <c r="HH25" s="102">
        <v>10</v>
      </c>
      <c r="HI25" s="102">
        <v>12</v>
      </c>
      <c r="HJ25" s="102">
        <v>9</v>
      </c>
      <c r="HK25" s="102">
        <v>4</v>
      </c>
      <c r="HL25" s="102">
        <v>6</v>
      </c>
      <c r="HM25" s="103">
        <v>41</v>
      </c>
      <c r="HN25" s="104">
        <v>54</v>
      </c>
      <c r="HO25" s="101">
        <v>13</v>
      </c>
      <c r="HP25" s="102">
        <v>17</v>
      </c>
      <c r="HQ25" s="103">
        <v>30</v>
      </c>
      <c r="HR25" s="413">
        <v>0</v>
      </c>
      <c r="HS25" s="102">
        <v>22</v>
      </c>
      <c r="HT25" s="102">
        <v>20</v>
      </c>
      <c r="HU25" s="102">
        <v>19</v>
      </c>
      <c r="HV25" s="102">
        <v>12</v>
      </c>
      <c r="HW25" s="102">
        <v>11</v>
      </c>
      <c r="HX25" s="103">
        <v>84</v>
      </c>
      <c r="HY25" s="104">
        <v>114</v>
      </c>
      <c r="HZ25" s="101">
        <v>43</v>
      </c>
      <c r="IA25" s="102">
        <v>61</v>
      </c>
      <c r="IB25" s="103">
        <v>104</v>
      </c>
      <c r="IC25" s="413">
        <v>0</v>
      </c>
      <c r="ID25" s="102">
        <v>70</v>
      </c>
      <c r="IE25" s="102">
        <v>55</v>
      </c>
      <c r="IF25" s="102">
        <v>35</v>
      </c>
      <c r="IG25" s="102">
        <v>23</v>
      </c>
      <c r="IH25" s="102">
        <v>26</v>
      </c>
      <c r="II25" s="103">
        <v>209</v>
      </c>
      <c r="IJ25" s="104">
        <v>313</v>
      </c>
      <c r="IK25" s="101">
        <v>82</v>
      </c>
      <c r="IL25" s="102">
        <v>94</v>
      </c>
      <c r="IM25" s="103">
        <v>176</v>
      </c>
      <c r="IN25" s="413">
        <v>0</v>
      </c>
      <c r="IO25" s="102">
        <v>131</v>
      </c>
      <c r="IP25" s="102">
        <v>104</v>
      </c>
      <c r="IQ25" s="102">
        <v>66</v>
      </c>
      <c r="IR25" s="102">
        <v>61</v>
      </c>
      <c r="IS25" s="102">
        <v>27</v>
      </c>
      <c r="IT25" s="103">
        <v>389</v>
      </c>
      <c r="IU25" s="104">
        <v>565</v>
      </c>
      <c r="IV25" s="101">
        <v>86</v>
      </c>
      <c r="IW25" s="102">
        <v>106</v>
      </c>
      <c r="IX25" s="103">
        <v>192</v>
      </c>
      <c r="IY25" s="413">
        <v>0</v>
      </c>
      <c r="IZ25" s="102">
        <v>160</v>
      </c>
      <c r="JA25" s="102">
        <v>131</v>
      </c>
      <c r="JB25" s="102">
        <v>77</v>
      </c>
      <c r="JC25" s="102">
        <v>83</v>
      </c>
      <c r="JD25" s="102">
        <v>46</v>
      </c>
      <c r="JE25" s="103">
        <v>497</v>
      </c>
      <c r="JF25" s="104">
        <v>689</v>
      </c>
      <c r="JG25" s="101">
        <v>32</v>
      </c>
      <c r="JH25" s="102">
        <v>78</v>
      </c>
      <c r="JI25" s="103">
        <v>110</v>
      </c>
      <c r="JJ25" s="413">
        <v>0</v>
      </c>
      <c r="JK25" s="102">
        <v>154</v>
      </c>
      <c r="JL25" s="102">
        <v>143</v>
      </c>
      <c r="JM25" s="102">
        <v>125</v>
      </c>
      <c r="JN25" s="102">
        <v>146</v>
      </c>
      <c r="JO25" s="102">
        <v>46</v>
      </c>
      <c r="JP25" s="103">
        <v>614</v>
      </c>
      <c r="JQ25" s="104">
        <v>724</v>
      </c>
      <c r="JR25" s="101">
        <v>6</v>
      </c>
      <c r="JS25" s="102">
        <v>8</v>
      </c>
      <c r="JT25" s="103">
        <v>14</v>
      </c>
      <c r="JU25" s="413">
        <v>0</v>
      </c>
      <c r="JV25" s="102">
        <v>10</v>
      </c>
      <c r="JW25" s="102">
        <v>8</v>
      </c>
      <c r="JX25" s="102">
        <v>4</v>
      </c>
      <c r="JY25" s="102">
        <v>3</v>
      </c>
      <c r="JZ25" s="102">
        <v>6</v>
      </c>
      <c r="KA25" s="103">
        <v>31</v>
      </c>
      <c r="KB25" s="104">
        <v>45</v>
      </c>
      <c r="KC25" s="101">
        <v>268</v>
      </c>
      <c r="KD25" s="102">
        <v>371</v>
      </c>
      <c r="KE25" s="103">
        <v>639</v>
      </c>
      <c r="KF25" s="413">
        <v>0</v>
      </c>
      <c r="KG25" s="102">
        <v>557</v>
      </c>
      <c r="KH25" s="102">
        <v>473</v>
      </c>
      <c r="KI25" s="102">
        <v>335</v>
      </c>
      <c r="KJ25" s="102">
        <v>332</v>
      </c>
      <c r="KK25" s="102">
        <v>168</v>
      </c>
      <c r="KL25" s="103">
        <v>1865</v>
      </c>
      <c r="KM25" s="104">
        <v>2504</v>
      </c>
    </row>
    <row r="26" spans="2:299" s="70" customFormat="1" ht="21" customHeight="1" x14ac:dyDescent="0.2">
      <c r="B26" s="106" t="s">
        <v>23</v>
      </c>
      <c r="C26" s="96">
        <v>220</v>
      </c>
      <c r="D26" s="97">
        <v>220</v>
      </c>
      <c r="E26" s="98">
        <v>440</v>
      </c>
      <c r="F26" s="413">
        <v>0</v>
      </c>
      <c r="G26" s="97">
        <v>332</v>
      </c>
      <c r="H26" s="97">
        <v>295</v>
      </c>
      <c r="I26" s="97">
        <v>185</v>
      </c>
      <c r="J26" s="97">
        <v>153</v>
      </c>
      <c r="K26" s="97">
        <v>99</v>
      </c>
      <c r="L26" s="99">
        <v>1064</v>
      </c>
      <c r="M26" s="100">
        <v>1504</v>
      </c>
      <c r="N26" s="101">
        <v>10</v>
      </c>
      <c r="O26" s="102">
        <v>9</v>
      </c>
      <c r="P26" s="103">
        <v>19</v>
      </c>
      <c r="Q26" s="413">
        <v>0</v>
      </c>
      <c r="R26" s="102">
        <v>7</v>
      </c>
      <c r="S26" s="102">
        <v>15</v>
      </c>
      <c r="T26" s="102">
        <v>6</v>
      </c>
      <c r="U26" s="102">
        <v>11</v>
      </c>
      <c r="V26" s="102">
        <v>3</v>
      </c>
      <c r="W26" s="103">
        <v>42</v>
      </c>
      <c r="X26" s="104">
        <v>61</v>
      </c>
      <c r="Y26" s="101">
        <v>14</v>
      </c>
      <c r="Z26" s="102">
        <v>20</v>
      </c>
      <c r="AA26" s="103">
        <v>34</v>
      </c>
      <c r="AB26" s="413">
        <v>0</v>
      </c>
      <c r="AC26" s="102">
        <v>21</v>
      </c>
      <c r="AD26" s="102">
        <v>24</v>
      </c>
      <c r="AE26" s="102">
        <v>23</v>
      </c>
      <c r="AF26" s="102">
        <v>11</v>
      </c>
      <c r="AG26" s="102">
        <v>7</v>
      </c>
      <c r="AH26" s="103">
        <v>86</v>
      </c>
      <c r="AI26" s="104">
        <v>120</v>
      </c>
      <c r="AJ26" s="101">
        <v>45</v>
      </c>
      <c r="AK26" s="102">
        <v>37</v>
      </c>
      <c r="AL26" s="103">
        <v>82</v>
      </c>
      <c r="AM26" s="413">
        <v>0</v>
      </c>
      <c r="AN26" s="102">
        <v>48</v>
      </c>
      <c r="AO26" s="102">
        <v>46</v>
      </c>
      <c r="AP26" s="102">
        <v>34</v>
      </c>
      <c r="AQ26" s="102">
        <v>18</v>
      </c>
      <c r="AR26" s="102">
        <v>19</v>
      </c>
      <c r="AS26" s="103">
        <v>165</v>
      </c>
      <c r="AT26" s="104">
        <v>247</v>
      </c>
      <c r="AU26" s="101">
        <v>64</v>
      </c>
      <c r="AV26" s="102">
        <v>68</v>
      </c>
      <c r="AW26" s="103">
        <v>132</v>
      </c>
      <c r="AX26" s="413">
        <v>0</v>
      </c>
      <c r="AY26" s="102">
        <v>106</v>
      </c>
      <c r="AZ26" s="102">
        <v>97</v>
      </c>
      <c r="BA26" s="102">
        <v>40</v>
      </c>
      <c r="BB26" s="102">
        <v>34</v>
      </c>
      <c r="BC26" s="102">
        <v>24</v>
      </c>
      <c r="BD26" s="103">
        <v>301</v>
      </c>
      <c r="BE26" s="104">
        <v>433</v>
      </c>
      <c r="BF26" s="101">
        <v>63</v>
      </c>
      <c r="BG26" s="102">
        <v>65</v>
      </c>
      <c r="BH26" s="103">
        <v>128</v>
      </c>
      <c r="BI26" s="413">
        <v>0</v>
      </c>
      <c r="BJ26" s="102">
        <v>106</v>
      </c>
      <c r="BK26" s="102">
        <v>78</v>
      </c>
      <c r="BL26" s="102">
        <v>52</v>
      </c>
      <c r="BM26" s="102">
        <v>46</v>
      </c>
      <c r="BN26" s="102">
        <v>24</v>
      </c>
      <c r="BO26" s="103">
        <v>306</v>
      </c>
      <c r="BP26" s="104">
        <v>434</v>
      </c>
      <c r="BQ26" s="101">
        <v>24</v>
      </c>
      <c r="BR26" s="102">
        <v>21</v>
      </c>
      <c r="BS26" s="103">
        <v>45</v>
      </c>
      <c r="BT26" s="413">
        <v>0</v>
      </c>
      <c r="BU26" s="102">
        <v>44</v>
      </c>
      <c r="BV26" s="102">
        <v>35</v>
      </c>
      <c r="BW26" s="102">
        <v>30</v>
      </c>
      <c r="BX26" s="102">
        <v>33</v>
      </c>
      <c r="BY26" s="102">
        <v>22</v>
      </c>
      <c r="BZ26" s="103">
        <v>164</v>
      </c>
      <c r="CA26" s="104">
        <v>209</v>
      </c>
      <c r="CB26" s="101">
        <v>5</v>
      </c>
      <c r="CC26" s="102">
        <v>13</v>
      </c>
      <c r="CD26" s="103">
        <v>18</v>
      </c>
      <c r="CE26" s="413">
        <v>0</v>
      </c>
      <c r="CF26" s="102">
        <v>6</v>
      </c>
      <c r="CG26" s="102">
        <v>11</v>
      </c>
      <c r="CH26" s="102">
        <v>9</v>
      </c>
      <c r="CI26" s="102">
        <v>7</v>
      </c>
      <c r="CJ26" s="102">
        <v>3</v>
      </c>
      <c r="CK26" s="103">
        <v>36</v>
      </c>
      <c r="CL26" s="104">
        <v>54</v>
      </c>
      <c r="CM26" s="101">
        <v>225</v>
      </c>
      <c r="CN26" s="102">
        <v>233</v>
      </c>
      <c r="CO26" s="103">
        <v>458</v>
      </c>
      <c r="CP26" s="413">
        <v>0</v>
      </c>
      <c r="CQ26" s="102">
        <v>338</v>
      </c>
      <c r="CR26" s="102">
        <v>306</v>
      </c>
      <c r="CS26" s="102">
        <v>194</v>
      </c>
      <c r="CT26" s="102">
        <v>160</v>
      </c>
      <c r="CU26" s="102">
        <v>102</v>
      </c>
      <c r="CV26" s="103">
        <v>1100</v>
      </c>
      <c r="CW26" s="104">
        <v>1558</v>
      </c>
      <c r="CX26" s="105">
        <v>383</v>
      </c>
      <c r="CY26" s="97">
        <v>497</v>
      </c>
      <c r="CZ26" s="98">
        <v>880</v>
      </c>
      <c r="DA26" s="413">
        <v>0</v>
      </c>
      <c r="DB26" s="97">
        <v>552</v>
      </c>
      <c r="DC26" s="97">
        <v>461</v>
      </c>
      <c r="DD26" s="97">
        <v>334</v>
      </c>
      <c r="DE26" s="97">
        <v>372</v>
      </c>
      <c r="DF26" s="97">
        <v>224</v>
      </c>
      <c r="DG26" s="99">
        <v>1943</v>
      </c>
      <c r="DH26" s="100">
        <v>2823</v>
      </c>
      <c r="DI26" s="101">
        <v>10</v>
      </c>
      <c r="DJ26" s="102">
        <v>14</v>
      </c>
      <c r="DK26" s="103">
        <v>24</v>
      </c>
      <c r="DL26" s="413">
        <v>0</v>
      </c>
      <c r="DM26" s="102">
        <v>9</v>
      </c>
      <c r="DN26" s="102">
        <v>10</v>
      </c>
      <c r="DO26" s="102">
        <v>4</v>
      </c>
      <c r="DP26" s="102">
        <v>3</v>
      </c>
      <c r="DQ26" s="102">
        <v>2</v>
      </c>
      <c r="DR26" s="103">
        <v>28</v>
      </c>
      <c r="DS26" s="104">
        <v>52</v>
      </c>
      <c r="DT26" s="101">
        <v>30</v>
      </c>
      <c r="DU26" s="102">
        <v>33</v>
      </c>
      <c r="DV26" s="103">
        <v>63</v>
      </c>
      <c r="DW26" s="413">
        <v>0</v>
      </c>
      <c r="DX26" s="102">
        <v>16</v>
      </c>
      <c r="DY26" s="102">
        <v>29</v>
      </c>
      <c r="DZ26" s="102">
        <v>19</v>
      </c>
      <c r="EA26" s="102">
        <v>19</v>
      </c>
      <c r="EB26" s="102">
        <v>10</v>
      </c>
      <c r="EC26" s="103">
        <v>93</v>
      </c>
      <c r="ED26" s="104">
        <v>156</v>
      </c>
      <c r="EE26" s="101">
        <v>64</v>
      </c>
      <c r="EF26" s="102">
        <v>83</v>
      </c>
      <c r="EG26" s="103">
        <v>147</v>
      </c>
      <c r="EH26" s="413">
        <v>0</v>
      </c>
      <c r="EI26" s="102">
        <v>70</v>
      </c>
      <c r="EJ26" s="102">
        <v>67</v>
      </c>
      <c r="EK26" s="102">
        <v>39</v>
      </c>
      <c r="EL26" s="102">
        <v>38</v>
      </c>
      <c r="EM26" s="102">
        <v>37</v>
      </c>
      <c r="EN26" s="103">
        <v>251</v>
      </c>
      <c r="EO26" s="104">
        <v>398</v>
      </c>
      <c r="EP26" s="101">
        <v>158</v>
      </c>
      <c r="EQ26" s="102">
        <v>162</v>
      </c>
      <c r="ER26" s="103">
        <v>320</v>
      </c>
      <c r="ES26" s="413">
        <v>0</v>
      </c>
      <c r="ET26" s="102">
        <v>165</v>
      </c>
      <c r="EU26" s="102">
        <v>117</v>
      </c>
      <c r="EV26" s="102">
        <v>71</v>
      </c>
      <c r="EW26" s="102">
        <v>86</v>
      </c>
      <c r="EX26" s="102">
        <v>53</v>
      </c>
      <c r="EY26" s="103">
        <v>492</v>
      </c>
      <c r="EZ26" s="104">
        <v>812</v>
      </c>
      <c r="FA26" s="101">
        <v>83</v>
      </c>
      <c r="FB26" s="102">
        <v>141</v>
      </c>
      <c r="FC26" s="103">
        <v>224</v>
      </c>
      <c r="FD26" s="413">
        <v>0</v>
      </c>
      <c r="FE26" s="102">
        <v>170</v>
      </c>
      <c r="FF26" s="102">
        <v>107</v>
      </c>
      <c r="FG26" s="102">
        <v>101</v>
      </c>
      <c r="FH26" s="102">
        <v>94</v>
      </c>
      <c r="FI26" s="102">
        <v>60</v>
      </c>
      <c r="FJ26" s="103">
        <v>532</v>
      </c>
      <c r="FK26" s="104">
        <v>756</v>
      </c>
      <c r="FL26" s="101">
        <v>38</v>
      </c>
      <c r="FM26" s="102">
        <v>64</v>
      </c>
      <c r="FN26" s="103">
        <v>102</v>
      </c>
      <c r="FO26" s="413">
        <v>0</v>
      </c>
      <c r="FP26" s="102">
        <v>122</v>
      </c>
      <c r="FQ26" s="102">
        <v>131</v>
      </c>
      <c r="FR26" s="102">
        <v>100</v>
      </c>
      <c r="FS26" s="102">
        <v>132</v>
      </c>
      <c r="FT26" s="102">
        <v>62</v>
      </c>
      <c r="FU26" s="103">
        <v>547</v>
      </c>
      <c r="FV26" s="104">
        <v>649</v>
      </c>
      <c r="FW26" s="101">
        <v>4</v>
      </c>
      <c r="FX26" s="102">
        <v>9</v>
      </c>
      <c r="FY26" s="103">
        <v>13</v>
      </c>
      <c r="FZ26" s="413">
        <v>0</v>
      </c>
      <c r="GA26" s="102">
        <v>8</v>
      </c>
      <c r="GB26" s="102">
        <v>12</v>
      </c>
      <c r="GC26" s="102">
        <v>4</v>
      </c>
      <c r="GD26" s="102">
        <v>3</v>
      </c>
      <c r="GE26" s="102">
        <v>5</v>
      </c>
      <c r="GF26" s="103">
        <v>32</v>
      </c>
      <c r="GG26" s="104">
        <v>45</v>
      </c>
      <c r="GH26" s="101">
        <v>387</v>
      </c>
      <c r="GI26" s="102">
        <v>506</v>
      </c>
      <c r="GJ26" s="103">
        <v>893</v>
      </c>
      <c r="GK26" s="413">
        <v>0</v>
      </c>
      <c r="GL26" s="102">
        <v>560</v>
      </c>
      <c r="GM26" s="102">
        <v>473</v>
      </c>
      <c r="GN26" s="102">
        <v>338</v>
      </c>
      <c r="GO26" s="102">
        <v>375</v>
      </c>
      <c r="GP26" s="102">
        <v>229</v>
      </c>
      <c r="GQ26" s="103">
        <v>1975</v>
      </c>
      <c r="GR26" s="104">
        <v>2868</v>
      </c>
      <c r="GS26" s="105">
        <v>603</v>
      </c>
      <c r="GT26" s="97">
        <v>717</v>
      </c>
      <c r="GU26" s="98">
        <v>1320</v>
      </c>
      <c r="GV26" s="413">
        <v>0</v>
      </c>
      <c r="GW26" s="97">
        <v>884</v>
      </c>
      <c r="GX26" s="97">
        <v>756</v>
      </c>
      <c r="GY26" s="97">
        <v>519</v>
      </c>
      <c r="GZ26" s="97">
        <v>525</v>
      </c>
      <c r="HA26" s="97">
        <v>323</v>
      </c>
      <c r="HB26" s="99">
        <v>3007</v>
      </c>
      <c r="HC26" s="100">
        <v>4327</v>
      </c>
      <c r="HD26" s="101">
        <v>20</v>
      </c>
      <c r="HE26" s="102">
        <v>23</v>
      </c>
      <c r="HF26" s="103">
        <v>43</v>
      </c>
      <c r="HG26" s="416">
        <v>0</v>
      </c>
      <c r="HH26" s="102">
        <v>16</v>
      </c>
      <c r="HI26" s="102">
        <v>25</v>
      </c>
      <c r="HJ26" s="102">
        <v>10</v>
      </c>
      <c r="HK26" s="102">
        <v>14</v>
      </c>
      <c r="HL26" s="102">
        <v>5</v>
      </c>
      <c r="HM26" s="103">
        <v>70</v>
      </c>
      <c r="HN26" s="104">
        <v>113</v>
      </c>
      <c r="HO26" s="101">
        <v>44</v>
      </c>
      <c r="HP26" s="102">
        <v>53</v>
      </c>
      <c r="HQ26" s="103">
        <v>97</v>
      </c>
      <c r="HR26" s="413">
        <v>0</v>
      </c>
      <c r="HS26" s="102">
        <v>37</v>
      </c>
      <c r="HT26" s="102">
        <v>53</v>
      </c>
      <c r="HU26" s="102">
        <v>42</v>
      </c>
      <c r="HV26" s="102">
        <v>30</v>
      </c>
      <c r="HW26" s="102">
        <v>17</v>
      </c>
      <c r="HX26" s="103">
        <v>179</v>
      </c>
      <c r="HY26" s="104">
        <v>276</v>
      </c>
      <c r="HZ26" s="101">
        <v>109</v>
      </c>
      <c r="IA26" s="102">
        <v>120</v>
      </c>
      <c r="IB26" s="103">
        <v>229</v>
      </c>
      <c r="IC26" s="413">
        <v>0</v>
      </c>
      <c r="ID26" s="102">
        <v>118</v>
      </c>
      <c r="IE26" s="102">
        <v>113</v>
      </c>
      <c r="IF26" s="102">
        <v>73</v>
      </c>
      <c r="IG26" s="102">
        <v>56</v>
      </c>
      <c r="IH26" s="102">
        <v>56</v>
      </c>
      <c r="II26" s="103">
        <v>416</v>
      </c>
      <c r="IJ26" s="104">
        <v>645</v>
      </c>
      <c r="IK26" s="101">
        <v>222</v>
      </c>
      <c r="IL26" s="102">
        <v>230</v>
      </c>
      <c r="IM26" s="103">
        <v>452</v>
      </c>
      <c r="IN26" s="413">
        <v>0</v>
      </c>
      <c r="IO26" s="102">
        <v>271</v>
      </c>
      <c r="IP26" s="102">
        <v>214</v>
      </c>
      <c r="IQ26" s="102">
        <v>111</v>
      </c>
      <c r="IR26" s="102">
        <v>120</v>
      </c>
      <c r="IS26" s="102">
        <v>77</v>
      </c>
      <c r="IT26" s="103">
        <v>793</v>
      </c>
      <c r="IU26" s="104">
        <v>1245</v>
      </c>
      <c r="IV26" s="101">
        <v>146</v>
      </c>
      <c r="IW26" s="102">
        <v>206</v>
      </c>
      <c r="IX26" s="103">
        <v>352</v>
      </c>
      <c r="IY26" s="413">
        <v>0</v>
      </c>
      <c r="IZ26" s="102">
        <v>276</v>
      </c>
      <c r="JA26" s="102">
        <v>185</v>
      </c>
      <c r="JB26" s="102">
        <v>153</v>
      </c>
      <c r="JC26" s="102">
        <v>140</v>
      </c>
      <c r="JD26" s="102">
        <v>84</v>
      </c>
      <c r="JE26" s="103">
        <v>838</v>
      </c>
      <c r="JF26" s="104">
        <v>1190</v>
      </c>
      <c r="JG26" s="101">
        <v>62</v>
      </c>
      <c r="JH26" s="102">
        <v>85</v>
      </c>
      <c r="JI26" s="103">
        <v>147</v>
      </c>
      <c r="JJ26" s="413">
        <v>0</v>
      </c>
      <c r="JK26" s="102">
        <v>166</v>
      </c>
      <c r="JL26" s="102">
        <v>166</v>
      </c>
      <c r="JM26" s="102">
        <v>130</v>
      </c>
      <c r="JN26" s="102">
        <v>165</v>
      </c>
      <c r="JO26" s="102">
        <v>84</v>
      </c>
      <c r="JP26" s="103">
        <v>711</v>
      </c>
      <c r="JQ26" s="104">
        <v>858</v>
      </c>
      <c r="JR26" s="101">
        <v>9</v>
      </c>
      <c r="JS26" s="102">
        <v>22</v>
      </c>
      <c r="JT26" s="103">
        <v>31</v>
      </c>
      <c r="JU26" s="413">
        <v>0</v>
      </c>
      <c r="JV26" s="102">
        <v>14</v>
      </c>
      <c r="JW26" s="102">
        <v>23</v>
      </c>
      <c r="JX26" s="102">
        <v>13</v>
      </c>
      <c r="JY26" s="102">
        <v>10</v>
      </c>
      <c r="JZ26" s="102">
        <v>8</v>
      </c>
      <c r="KA26" s="103">
        <v>68</v>
      </c>
      <c r="KB26" s="104">
        <v>99</v>
      </c>
      <c r="KC26" s="101">
        <v>612</v>
      </c>
      <c r="KD26" s="102">
        <v>739</v>
      </c>
      <c r="KE26" s="103">
        <v>1351</v>
      </c>
      <c r="KF26" s="413">
        <v>0</v>
      </c>
      <c r="KG26" s="102">
        <v>898</v>
      </c>
      <c r="KH26" s="102">
        <v>779</v>
      </c>
      <c r="KI26" s="102">
        <v>532</v>
      </c>
      <c r="KJ26" s="102">
        <v>535</v>
      </c>
      <c r="KK26" s="102">
        <v>331</v>
      </c>
      <c r="KL26" s="103">
        <v>3075</v>
      </c>
      <c r="KM26" s="104">
        <v>4426</v>
      </c>
    </row>
    <row r="27" spans="2:299" s="70" customFormat="1" ht="21" customHeight="1" x14ac:dyDescent="0.2">
      <c r="B27" s="106" t="s">
        <v>24</v>
      </c>
      <c r="C27" s="96">
        <v>116</v>
      </c>
      <c r="D27" s="97">
        <v>84</v>
      </c>
      <c r="E27" s="98">
        <v>200</v>
      </c>
      <c r="F27" s="413">
        <v>0</v>
      </c>
      <c r="G27" s="97">
        <v>156</v>
      </c>
      <c r="H27" s="97">
        <v>100</v>
      </c>
      <c r="I27" s="97">
        <v>78</v>
      </c>
      <c r="J27" s="97">
        <v>56</v>
      </c>
      <c r="K27" s="97">
        <v>41</v>
      </c>
      <c r="L27" s="99">
        <v>431</v>
      </c>
      <c r="M27" s="100">
        <v>631</v>
      </c>
      <c r="N27" s="101">
        <v>2</v>
      </c>
      <c r="O27" s="102">
        <v>1</v>
      </c>
      <c r="P27" s="103">
        <v>3</v>
      </c>
      <c r="Q27" s="413">
        <v>0</v>
      </c>
      <c r="R27" s="102">
        <v>7</v>
      </c>
      <c r="S27" s="102">
        <v>1</v>
      </c>
      <c r="T27" s="102">
        <v>1</v>
      </c>
      <c r="U27" s="102">
        <v>0</v>
      </c>
      <c r="V27" s="102">
        <v>2</v>
      </c>
      <c r="W27" s="103">
        <v>11</v>
      </c>
      <c r="X27" s="104">
        <v>14</v>
      </c>
      <c r="Y27" s="101">
        <v>7</v>
      </c>
      <c r="Z27" s="102">
        <v>2</v>
      </c>
      <c r="AA27" s="103">
        <v>9</v>
      </c>
      <c r="AB27" s="413">
        <v>0</v>
      </c>
      <c r="AC27" s="102">
        <v>16</v>
      </c>
      <c r="AD27" s="102">
        <v>6</v>
      </c>
      <c r="AE27" s="102">
        <v>3</v>
      </c>
      <c r="AF27" s="102">
        <v>5</v>
      </c>
      <c r="AG27" s="102">
        <v>7</v>
      </c>
      <c r="AH27" s="103">
        <v>37</v>
      </c>
      <c r="AI27" s="104">
        <v>46</v>
      </c>
      <c r="AJ27" s="101">
        <v>9</v>
      </c>
      <c r="AK27" s="102">
        <v>21</v>
      </c>
      <c r="AL27" s="103">
        <v>30</v>
      </c>
      <c r="AM27" s="413">
        <v>0</v>
      </c>
      <c r="AN27" s="102">
        <v>21</v>
      </c>
      <c r="AO27" s="102">
        <v>14</v>
      </c>
      <c r="AP27" s="102">
        <v>11</v>
      </c>
      <c r="AQ27" s="102">
        <v>8</v>
      </c>
      <c r="AR27" s="102">
        <v>1</v>
      </c>
      <c r="AS27" s="103">
        <v>55</v>
      </c>
      <c r="AT27" s="104">
        <v>85</v>
      </c>
      <c r="AU27" s="101">
        <v>24</v>
      </c>
      <c r="AV27" s="102">
        <v>17</v>
      </c>
      <c r="AW27" s="103">
        <v>41</v>
      </c>
      <c r="AX27" s="413">
        <v>0</v>
      </c>
      <c r="AY27" s="102">
        <v>37</v>
      </c>
      <c r="AZ27" s="102">
        <v>25</v>
      </c>
      <c r="BA27" s="102">
        <v>18</v>
      </c>
      <c r="BB27" s="102">
        <v>9</v>
      </c>
      <c r="BC27" s="102">
        <v>9</v>
      </c>
      <c r="BD27" s="103">
        <v>98</v>
      </c>
      <c r="BE27" s="104">
        <v>139</v>
      </c>
      <c r="BF27" s="101">
        <v>44</v>
      </c>
      <c r="BG27" s="102">
        <v>23</v>
      </c>
      <c r="BH27" s="103">
        <v>67</v>
      </c>
      <c r="BI27" s="413">
        <v>0</v>
      </c>
      <c r="BJ27" s="102">
        <v>39</v>
      </c>
      <c r="BK27" s="102">
        <v>24</v>
      </c>
      <c r="BL27" s="102">
        <v>21</v>
      </c>
      <c r="BM27" s="102">
        <v>7</v>
      </c>
      <c r="BN27" s="102">
        <v>10</v>
      </c>
      <c r="BO27" s="103">
        <v>101</v>
      </c>
      <c r="BP27" s="104">
        <v>168</v>
      </c>
      <c r="BQ27" s="101">
        <v>30</v>
      </c>
      <c r="BR27" s="102">
        <v>20</v>
      </c>
      <c r="BS27" s="103">
        <v>50</v>
      </c>
      <c r="BT27" s="413">
        <v>0</v>
      </c>
      <c r="BU27" s="102">
        <v>36</v>
      </c>
      <c r="BV27" s="102">
        <v>30</v>
      </c>
      <c r="BW27" s="102">
        <v>24</v>
      </c>
      <c r="BX27" s="102">
        <v>27</v>
      </c>
      <c r="BY27" s="102">
        <v>12</v>
      </c>
      <c r="BZ27" s="103">
        <v>129</v>
      </c>
      <c r="CA27" s="104">
        <v>179</v>
      </c>
      <c r="CB27" s="101">
        <v>2</v>
      </c>
      <c r="CC27" s="102">
        <v>2</v>
      </c>
      <c r="CD27" s="103">
        <v>4</v>
      </c>
      <c r="CE27" s="413">
        <v>0</v>
      </c>
      <c r="CF27" s="102">
        <v>4</v>
      </c>
      <c r="CG27" s="102">
        <v>3</v>
      </c>
      <c r="CH27" s="102">
        <v>4</v>
      </c>
      <c r="CI27" s="102">
        <v>2</v>
      </c>
      <c r="CJ27" s="102">
        <v>0</v>
      </c>
      <c r="CK27" s="103">
        <v>13</v>
      </c>
      <c r="CL27" s="104">
        <v>17</v>
      </c>
      <c r="CM27" s="101">
        <v>118</v>
      </c>
      <c r="CN27" s="102">
        <v>86</v>
      </c>
      <c r="CO27" s="103">
        <v>204</v>
      </c>
      <c r="CP27" s="413">
        <v>0</v>
      </c>
      <c r="CQ27" s="102">
        <v>160</v>
      </c>
      <c r="CR27" s="102">
        <v>103</v>
      </c>
      <c r="CS27" s="102">
        <v>82</v>
      </c>
      <c r="CT27" s="102">
        <v>58</v>
      </c>
      <c r="CU27" s="102">
        <v>41</v>
      </c>
      <c r="CV27" s="103">
        <v>444</v>
      </c>
      <c r="CW27" s="104">
        <v>648</v>
      </c>
      <c r="CX27" s="105">
        <v>246</v>
      </c>
      <c r="CY27" s="97">
        <v>181</v>
      </c>
      <c r="CZ27" s="98">
        <v>427</v>
      </c>
      <c r="DA27" s="413">
        <v>0</v>
      </c>
      <c r="DB27" s="97">
        <v>286</v>
      </c>
      <c r="DC27" s="97">
        <v>191</v>
      </c>
      <c r="DD27" s="97">
        <v>148</v>
      </c>
      <c r="DE27" s="97">
        <v>206</v>
      </c>
      <c r="DF27" s="97">
        <v>115</v>
      </c>
      <c r="DG27" s="99">
        <v>946</v>
      </c>
      <c r="DH27" s="100">
        <v>1373</v>
      </c>
      <c r="DI27" s="101">
        <v>5</v>
      </c>
      <c r="DJ27" s="102">
        <v>7</v>
      </c>
      <c r="DK27" s="103">
        <v>12</v>
      </c>
      <c r="DL27" s="413">
        <v>0</v>
      </c>
      <c r="DM27" s="102">
        <v>3</v>
      </c>
      <c r="DN27" s="102">
        <v>2</v>
      </c>
      <c r="DO27" s="102">
        <v>3</v>
      </c>
      <c r="DP27" s="102">
        <v>1</v>
      </c>
      <c r="DQ27" s="102">
        <v>3</v>
      </c>
      <c r="DR27" s="103">
        <v>12</v>
      </c>
      <c r="DS27" s="104">
        <v>24</v>
      </c>
      <c r="DT27" s="101">
        <v>8</v>
      </c>
      <c r="DU27" s="102">
        <v>9</v>
      </c>
      <c r="DV27" s="103">
        <v>17</v>
      </c>
      <c r="DW27" s="413">
        <v>0</v>
      </c>
      <c r="DX27" s="102">
        <v>6</v>
      </c>
      <c r="DY27" s="102">
        <v>6</v>
      </c>
      <c r="DZ27" s="102">
        <v>1</v>
      </c>
      <c r="EA27" s="102">
        <v>7</v>
      </c>
      <c r="EB27" s="102">
        <v>2</v>
      </c>
      <c r="EC27" s="103">
        <v>22</v>
      </c>
      <c r="ED27" s="104">
        <v>39</v>
      </c>
      <c r="EE27" s="101">
        <v>39</v>
      </c>
      <c r="EF27" s="102">
        <v>18</v>
      </c>
      <c r="EG27" s="103">
        <v>57</v>
      </c>
      <c r="EH27" s="413">
        <v>0</v>
      </c>
      <c r="EI27" s="102">
        <v>35</v>
      </c>
      <c r="EJ27" s="102">
        <v>24</v>
      </c>
      <c r="EK27" s="102">
        <v>9</v>
      </c>
      <c r="EL27" s="102">
        <v>15</v>
      </c>
      <c r="EM27" s="102">
        <v>6</v>
      </c>
      <c r="EN27" s="103">
        <v>89</v>
      </c>
      <c r="EO27" s="104">
        <v>146</v>
      </c>
      <c r="EP27" s="101">
        <v>63</v>
      </c>
      <c r="EQ27" s="102">
        <v>38</v>
      </c>
      <c r="ER27" s="103">
        <v>101</v>
      </c>
      <c r="ES27" s="413">
        <v>0</v>
      </c>
      <c r="ET27" s="102">
        <v>62</v>
      </c>
      <c r="EU27" s="102">
        <v>29</v>
      </c>
      <c r="EV27" s="102">
        <v>32</v>
      </c>
      <c r="EW27" s="102">
        <v>23</v>
      </c>
      <c r="EX27" s="102">
        <v>22</v>
      </c>
      <c r="EY27" s="103">
        <v>168</v>
      </c>
      <c r="EZ27" s="104">
        <v>269</v>
      </c>
      <c r="FA27" s="101">
        <v>77</v>
      </c>
      <c r="FB27" s="102">
        <v>57</v>
      </c>
      <c r="FC27" s="103">
        <v>134</v>
      </c>
      <c r="FD27" s="413">
        <v>0</v>
      </c>
      <c r="FE27" s="102">
        <v>92</v>
      </c>
      <c r="FF27" s="102">
        <v>58</v>
      </c>
      <c r="FG27" s="102">
        <v>30</v>
      </c>
      <c r="FH27" s="102">
        <v>43</v>
      </c>
      <c r="FI27" s="102">
        <v>32</v>
      </c>
      <c r="FJ27" s="103">
        <v>255</v>
      </c>
      <c r="FK27" s="104">
        <v>389</v>
      </c>
      <c r="FL27" s="101">
        <v>54</v>
      </c>
      <c r="FM27" s="102">
        <v>52</v>
      </c>
      <c r="FN27" s="103">
        <v>106</v>
      </c>
      <c r="FO27" s="413">
        <v>0</v>
      </c>
      <c r="FP27" s="102">
        <v>88</v>
      </c>
      <c r="FQ27" s="102">
        <v>72</v>
      </c>
      <c r="FR27" s="102">
        <v>73</v>
      </c>
      <c r="FS27" s="102">
        <v>117</v>
      </c>
      <c r="FT27" s="102">
        <v>50</v>
      </c>
      <c r="FU27" s="103">
        <v>400</v>
      </c>
      <c r="FV27" s="104">
        <v>506</v>
      </c>
      <c r="FW27" s="101">
        <v>2</v>
      </c>
      <c r="FX27" s="102">
        <v>1</v>
      </c>
      <c r="FY27" s="103">
        <v>3</v>
      </c>
      <c r="FZ27" s="413">
        <v>0</v>
      </c>
      <c r="GA27" s="102">
        <v>3</v>
      </c>
      <c r="GB27" s="102">
        <v>4</v>
      </c>
      <c r="GC27" s="102">
        <v>2</v>
      </c>
      <c r="GD27" s="102">
        <v>2</v>
      </c>
      <c r="GE27" s="102">
        <v>4</v>
      </c>
      <c r="GF27" s="103">
        <v>15</v>
      </c>
      <c r="GG27" s="104">
        <v>18</v>
      </c>
      <c r="GH27" s="101">
        <v>248</v>
      </c>
      <c r="GI27" s="102">
        <v>182</v>
      </c>
      <c r="GJ27" s="103">
        <v>430</v>
      </c>
      <c r="GK27" s="413">
        <v>0</v>
      </c>
      <c r="GL27" s="102">
        <v>289</v>
      </c>
      <c r="GM27" s="102">
        <v>195</v>
      </c>
      <c r="GN27" s="102">
        <v>150</v>
      </c>
      <c r="GO27" s="102">
        <v>208</v>
      </c>
      <c r="GP27" s="102">
        <v>119</v>
      </c>
      <c r="GQ27" s="103">
        <v>961</v>
      </c>
      <c r="GR27" s="104">
        <v>1391</v>
      </c>
      <c r="GS27" s="105">
        <v>362</v>
      </c>
      <c r="GT27" s="97">
        <v>265</v>
      </c>
      <c r="GU27" s="98">
        <v>627</v>
      </c>
      <c r="GV27" s="413">
        <v>0</v>
      </c>
      <c r="GW27" s="97">
        <v>442</v>
      </c>
      <c r="GX27" s="97">
        <v>291</v>
      </c>
      <c r="GY27" s="97">
        <v>226</v>
      </c>
      <c r="GZ27" s="97">
        <v>262</v>
      </c>
      <c r="HA27" s="97">
        <v>156</v>
      </c>
      <c r="HB27" s="99">
        <v>1377</v>
      </c>
      <c r="HC27" s="100">
        <v>2004</v>
      </c>
      <c r="HD27" s="101">
        <v>7</v>
      </c>
      <c r="HE27" s="102">
        <v>8</v>
      </c>
      <c r="HF27" s="103">
        <v>15</v>
      </c>
      <c r="HG27" s="416">
        <v>0</v>
      </c>
      <c r="HH27" s="102">
        <v>10</v>
      </c>
      <c r="HI27" s="102">
        <v>3</v>
      </c>
      <c r="HJ27" s="102">
        <v>4</v>
      </c>
      <c r="HK27" s="102">
        <v>1</v>
      </c>
      <c r="HL27" s="102">
        <v>5</v>
      </c>
      <c r="HM27" s="103">
        <v>23</v>
      </c>
      <c r="HN27" s="104">
        <v>38</v>
      </c>
      <c r="HO27" s="101">
        <v>15</v>
      </c>
      <c r="HP27" s="102">
        <v>11</v>
      </c>
      <c r="HQ27" s="103">
        <v>26</v>
      </c>
      <c r="HR27" s="413">
        <v>0</v>
      </c>
      <c r="HS27" s="102">
        <v>22</v>
      </c>
      <c r="HT27" s="102">
        <v>12</v>
      </c>
      <c r="HU27" s="102">
        <v>4</v>
      </c>
      <c r="HV27" s="102">
        <v>12</v>
      </c>
      <c r="HW27" s="102">
        <v>9</v>
      </c>
      <c r="HX27" s="103">
        <v>59</v>
      </c>
      <c r="HY27" s="104">
        <v>85</v>
      </c>
      <c r="HZ27" s="101">
        <v>48</v>
      </c>
      <c r="IA27" s="102">
        <v>39</v>
      </c>
      <c r="IB27" s="103">
        <v>87</v>
      </c>
      <c r="IC27" s="413">
        <v>0</v>
      </c>
      <c r="ID27" s="102">
        <v>56</v>
      </c>
      <c r="IE27" s="102">
        <v>38</v>
      </c>
      <c r="IF27" s="102">
        <v>20</v>
      </c>
      <c r="IG27" s="102">
        <v>23</v>
      </c>
      <c r="IH27" s="102">
        <v>7</v>
      </c>
      <c r="II27" s="103">
        <v>144</v>
      </c>
      <c r="IJ27" s="104">
        <v>231</v>
      </c>
      <c r="IK27" s="101">
        <v>87</v>
      </c>
      <c r="IL27" s="102">
        <v>55</v>
      </c>
      <c r="IM27" s="103">
        <v>142</v>
      </c>
      <c r="IN27" s="413">
        <v>0</v>
      </c>
      <c r="IO27" s="102">
        <v>99</v>
      </c>
      <c r="IP27" s="102">
        <v>54</v>
      </c>
      <c r="IQ27" s="102">
        <v>50</v>
      </c>
      <c r="IR27" s="102">
        <v>32</v>
      </c>
      <c r="IS27" s="102">
        <v>31</v>
      </c>
      <c r="IT27" s="103">
        <v>266</v>
      </c>
      <c r="IU27" s="104">
        <v>408</v>
      </c>
      <c r="IV27" s="101">
        <v>121</v>
      </c>
      <c r="IW27" s="102">
        <v>80</v>
      </c>
      <c r="IX27" s="103">
        <v>201</v>
      </c>
      <c r="IY27" s="413">
        <v>0</v>
      </c>
      <c r="IZ27" s="102">
        <v>131</v>
      </c>
      <c r="JA27" s="102">
        <v>82</v>
      </c>
      <c r="JB27" s="102">
        <v>51</v>
      </c>
      <c r="JC27" s="102">
        <v>50</v>
      </c>
      <c r="JD27" s="102">
        <v>42</v>
      </c>
      <c r="JE27" s="103">
        <v>356</v>
      </c>
      <c r="JF27" s="104">
        <v>557</v>
      </c>
      <c r="JG27" s="101">
        <v>84</v>
      </c>
      <c r="JH27" s="102">
        <v>72</v>
      </c>
      <c r="JI27" s="103">
        <v>156</v>
      </c>
      <c r="JJ27" s="413">
        <v>0</v>
      </c>
      <c r="JK27" s="102">
        <v>124</v>
      </c>
      <c r="JL27" s="102">
        <v>102</v>
      </c>
      <c r="JM27" s="102">
        <v>97</v>
      </c>
      <c r="JN27" s="102">
        <v>144</v>
      </c>
      <c r="JO27" s="102">
        <v>62</v>
      </c>
      <c r="JP27" s="103">
        <v>529</v>
      </c>
      <c r="JQ27" s="104">
        <v>685</v>
      </c>
      <c r="JR27" s="101">
        <v>4</v>
      </c>
      <c r="JS27" s="102">
        <v>3</v>
      </c>
      <c r="JT27" s="103">
        <v>7</v>
      </c>
      <c r="JU27" s="413">
        <v>0</v>
      </c>
      <c r="JV27" s="102">
        <v>7</v>
      </c>
      <c r="JW27" s="102">
        <v>7</v>
      </c>
      <c r="JX27" s="102">
        <v>6</v>
      </c>
      <c r="JY27" s="102">
        <v>4</v>
      </c>
      <c r="JZ27" s="102">
        <v>4</v>
      </c>
      <c r="KA27" s="103">
        <v>28</v>
      </c>
      <c r="KB27" s="104">
        <v>35</v>
      </c>
      <c r="KC27" s="101">
        <v>366</v>
      </c>
      <c r="KD27" s="102">
        <v>268</v>
      </c>
      <c r="KE27" s="103">
        <v>634</v>
      </c>
      <c r="KF27" s="413">
        <v>0</v>
      </c>
      <c r="KG27" s="102">
        <v>449</v>
      </c>
      <c r="KH27" s="102">
        <v>298</v>
      </c>
      <c r="KI27" s="102">
        <v>232</v>
      </c>
      <c r="KJ27" s="102">
        <v>266</v>
      </c>
      <c r="KK27" s="102">
        <v>160</v>
      </c>
      <c r="KL27" s="103">
        <v>1405</v>
      </c>
      <c r="KM27" s="104">
        <v>2039</v>
      </c>
    </row>
    <row r="28" spans="2:299" s="70" customFormat="1" ht="21" customHeight="1" x14ac:dyDescent="0.2">
      <c r="B28" s="106" t="s">
        <v>25</v>
      </c>
      <c r="C28" s="96">
        <v>114</v>
      </c>
      <c r="D28" s="97">
        <v>148</v>
      </c>
      <c r="E28" s="98">
        <v>262</v>
      </c>
      <c r="F28" s="413">
        <v>0</v>
      </c>
      <c r="G28" s="97">
        <v>200</v>
      </c>
      <c r="H28" s="97">
        <v>180</v>
      </c>
      <c r="I28" s="97">
        <v>97</v>
      </c>
      <c r="J28" s="97">
        <v>96</v>
      </c>
      <c r="K28" s="97">
        <v>50</v>
      </c>
      <c r="L28" s="99">
        <v>623</v>
      </c>
      <c r="M28" s="100">
        <v>885</v>
      </c>
      <c r="N28" s="101">
        <v>5</v>
      </c>
      <c r="O28" s="102">
        <v>7</v>
      </c>
      <c r="P28" s="103">
        <v>12</v>
      </c>
      <c r="Q28" s="413">
        <v>0</v>
      </c>
      <c r="R28" s="102">
        <v>7</v>
      </c>
      <c r="S28" s="102">
        <v>8</v>
      </c>
      <c r="T28" s="102">
        <v>6</v>
      </c>
      <c r="U28" s="102">
        <v>4</v>
      </c>
      <c r="V28" s="102">
        <v>3</v>
      </c>
      <c r="W28" s="103">
        <v>28</v>
      </c>
      <c r="X28" s="104">
        <v>40</v>
      </c>
      <c r="Y28" s="101">
        <v>14</v>
      </c>
      <c r="Z28" s="102">
        <v>11</v>
      </c>
      <c r="AA28" s="103">
        <v>25</v>
      </c>
      <c r="AB28" s="413">
        <v>0</v>
      </c>
      <c r="AC28" s="102">
        <v>15</v>
      </c>
      <c r="AD28" s="102">
        <v>20</v>
      </c>
      <c r="AE28" s="102">
        <v>9</v>
      </c>
      <c r="AF28" s="102">
        <v>13</v>
      </c>
      <c r="AG28" s="102">
        <v>5</v>
      </c>
      <c r="AH28" s="103">
        <v>62</v>
      </c>
      <c r="AI28" s="104">
        <v>87</v>
      </c>
      <c r="AJ28" s="101">
        <v>16</v>
      </c>
      <c r="AK28" s="102">
        <v>25</v>
      </c>
      <c r="AL28" s="103">
        <v>41</v>
      </c>
      <c r="AM28" s="413">
        <v>0</v>
      </c>
      <c r="AN28" s="102">
        <v>30</v>
      </c>
      <c r="AO28" s="102">
        <v>36</v>
      </c>
      <c r="AP28" s="102">
        <v>19</v>
      </c>
      <c r="AQ28" s="102">
        <v>25</v>
      </c>
      <c r="AR28" s="102">
        <v>9</v>
      </c>
      <c r="AS28" s="103">
        <v>119</v>
      </c>
      <c r="AT28" s="104">
        <v>160</v>
      </c>
      <c r="AU28" s="101">
        <v>37</v>
      </c>
      <c r="AV28" s="102">
        <v>53</v>
      </c>
      <c r="AW28" s="103">
        <v>90</v>
      </c>
      <c r="AX28" s="413">
        <v>0</v>
      </c>
      <c r="AY28" s="102">
        <v>66</v>
      </c>
      <c r="AZ28" s="102">
        <v>49</v>
      </c>
      <c r="BA28" s="102">
        <v>25</v>
      </c>
      <c r="BB28" s="102">
        <v>25</v>
      </c>
      <c r="BC28" s="102">
        <v>12</v>
      </c>
      <c r="BD28" s="103">
        <v>177</v>
      </c>
      <c r="BE28" s="104">
        <v>267</v>
      </c>
      <c r="BF28" s="101">
        <v>22</v>
      </c>
      <c r="BG28" s="102">
        <v>37</v>
      </c>
      <c r="BH28" s="103">
        <v>59</v>
      </c>
      <c r="BI28" s="413">
        <v>0</v>
      </c>
      <c r="BJ28" s="102">
        <v>62</v>
      </c>
      <c r="BK28" s="102">
        <v>39</v>
      </c>
      <c r="BL28" s="102">
        <v>25</v>
      </c>
      <c r="BM28" s="102">
        <v>15</v>
      </c>
      <c r="BN28" s="102">
        <v>9</v>
      </c>
      <c r="BO28" s="103">
        <v>150</v>
      </c>
      <c r="BP28" s="104">
        <v>209</v>
      </c>
      <c r="BQ28" s="101">
        <v>20</v>
      </c>
      <c r="BR28" s="102">
        <v>15</v>
      </c>
      <c r="BS28" s="103">
        <v>35</v>
      </c>
      <c r="BT28" s="413">
        <v>0</v>
      </c>
      <c r="BU28" s="102">
        <v>20</v>
      </c>
      <c r="BV28" s="102">
        <v>28</v>
      </c>
      <c r="BW28" s="102">
        <v>13</v>
      </c>
      <c r="BX28" s="102">
        <v>14</v>
      </c>
      <c r="BY28" s="102">
        <v>12</v>
      </c>
      <c r="BZ28" s="103">
        <v>87</v>
      </c>
      <c r="CA28" s="104">
        <v>122</v>
      </c>
      <c r="CB28" s="101">
        <v>2</v>
      </c>
      <c r="CC28" s="102">
        <v>2</v>
      </c>
      <c r="CD28" s="103">
        <v>4</v>
      </c>
      <c r="CE28" s="413">
        <v>0</v>
      </c>
      <c r="CF28" s="102">
        <v>2</v>
      </c>
      <c r="CG28" s="102">
        <v>12</v>
      </c>
      <c r="CH28" s="102">
        <v>4</v>
      </c>
      <c r="CI28" s="102">
        <v>7</v>
      </c>
      <c r="CJ28" s="102">
        <v>1</v>
      </c>
      <c r="CK28" s="103">
        <v>26</v>
      </c>
      <c r="CL28" s="104">
        <v>30</v>
      </c>
      <c r="CM28" s="101">
        <v>116</v>
      </c>
      <c r="CN28" s="102">
        <v>150</v>
      </c>
      <c r="CO28" s="103">
        <v>266</v>
      </c>
      <c r="CP28" s="413">
        <v>0</v>
      </c>
      <c r="CQ28" s="102">
        <v>202</v>
      </c>
      <c r="CR28" s="102">
        <v>192</v>
      </c>
      <c r="CS28" s="102">
        <v>101</v>
      </c>
      <c r="CT28" s="102">
        <v>103</v>
      </c>
      <c r="CU28" s="102">
        <v>51</v>
      </c>
      <c r="CV28" s="103">
        <v>649</v>
      </c>
      <c r="CW28" s="104">
        <v>915</v>
      </c>
      <c r="CX28" s="105">
        <v>219</v>
      </c>
      <c r="CY28" s="97">
        <v>282</v>
      </c>
      <c r="CZ28" s="98">
        <v>501</v>
      </c>
      <c r="DA28" s="413">
        <v>0</v>
      </c>
      <c r="DB28" s="97">
        <v>323</v>
      </c>
      <c r="DC28" s="97">
        <v>240</v>
      </c>
      <c r="DD28" s="97">
        <v>184</v>
      </c>
      <c r="DE28" s="97">
        <v>203</v>
      </c>
      <c r="DF28" s="97">
        <v>91</v>
      </c>
      <c r="DG28" s="99">
        <v>1041</v>
      </c>
      <c r="DH28" s="100">
        <v>1542</v>
      </c>
      <c r="DI28" s="101">
        <v>5</v>
      </c>
      <c r="DJ28" s="102">
        <v>6</v>
      </c>
      <c r="DK28" s="103">
        <v>11</v>
      </c>
      <c r="DL28" s="413">
        <v>0</v>
      </c>
      <c r="DM28" s="102">
        <v>6</v>
      </c>
      <c r="DN28" s="102">
        <v>7</v>
      </c>
      <c r="DO28" s="102">
        <v>7</v>
      </c>
      <c r="DP28" s="102">
        <v>1</v>
      </c>
      <c r="DQ28" s="102">
        <v>3</v>
      </c>
      <c r="DR28" s="103">
        <v>24</v>
      </c>
      <c r="DS28" s="104">
        <v>35</v>
      </c>
      <c r="DT28" s="101">
        <v>7</v>
      </c>
      <c r="DU28" s="102">
        <v>28</v>
      </c>
      <c r="DV28" s="103">
        <v>35</v>
      </c>
      <c r="DW28" s="413">
        <v>0</v>
      </c>
      <c r="DX28" s="102">
        <v>17</v>
      </c>
      <c r="DY28" s="102">
        <v>13</v>
      </c>
      <c r="DZ28" s="102">
        <v>8</v>
      </c>
      <c r="EA28" s="102">
        <v>10</v>
      </c>
      <c r="EB28" s="102">
        <v>6</v>
      </c>
      <c r="EC28" s="103">
        <v>54</v>
      </c>
      <c r="ED28" s="104">
        <v>89</v>
      </c>
      <c r="EE28" s="101">
        <v>36</v>
      </c>
      <c r="EF28" s="102">
        <v>36</v>
      </c>
      <c r="EG28" s="103">
        <v>72</v>
      </c>
      <c r="EH28" s="413">
        <v>0</v>
      </c>
      <c r="EI28" s="102">
        <v>48</v>
      </c>
      <c r="EJ28" s="102">
        <v>29</v>
      </c>
      <c r="EK28" s="102">
        <v>22</v>
      </c>
      <c r="EL28" s="102">
        <v>21</v>
      </c>
      <c r="EM28" s="102">
        <v>11</v>
      </c>
      <c r="EN28" s="103">
        <v>131</v>
      </c>
      <c r="EO28" s="104">
        <v>203</v>
      </c>
      <c r="EP28" s="101">
        <v>75</v>
      </c>
      <c r="EQ28" s="102">
        <v>88</v>
      </c>
      <c r="ER28" s="103">
        <v>163</v>
      </c>
      <c r="ES28" s="413">
        <v>0</v>
      </c>
      <c r="ET28" s="102">
        <v>90</v>
      </c>
      <c r="EU28" s="102">
        <v>57</v>
      </c>
      <c r="EV28" s="102">
        <v>39</v>
      </c>
      <c r="EW28" s="102">
        <v>42</v>
      </c>
      <c r="EX28" s="102">
        <v>24</v>
      </c>
      <c r="EY28" s="103">
        <v>252</v>
      </c>
      <c r="EZ28" s="104">
        <v>415</v>
      </c>
      <c r="FA28" s="101">
        <v>59</v>
      </c>
      <c r="FB28" s="102">
        <v>67</v>
      </c>
      <c r="FC28" s="103">
        <v>126</v>
      </c>
      <c r="FD28" s="413">
        <v>0</v>
      </c>
      <c r="FE28" s="102">
        <v>78</v>
      </c>
      <c r="FF28" s="102">
        <v>66</v>
      </c>
      <c r="FG28" s="102">
        <v>54</v>
      </c>
      <c r="FH28" s="102">
        <v>46</v>
      </c>
      <c r="FI28" s="102">
        <v>24</v>
      </c>
      <c r="FJ28" s="103">
        <v>268</v>
      </c>
      <c r="FK28" s="104">
        <v>394</v>
      </c>
      <c r="FL28" s="101">
        <v>37</v>
      </c>
      <c r="FM28" s="102">
        <v>57</v>
      </c>
      <c r="FN28" s="103">
        <v>94</v>
      </c>
      <c r="FO28" s="413">
        <v>0</v>
      </c>
      <c r="FP28" s="102">
        <v>84</v>
      </c>
      <c r="FQ28" s="102">
        <v>68</v>
      </c>
      <c r="FR28" s="102">
        <v>54</v>
      </c>
      <c r="FS28" s="102">
        <v>83</v>
      </c>
      <c r="FT28" s="102">
        <v>23</v>
      </c>
      <c r="FU28" s="103">
        <v>312</v>
      </c>
      <c r="FV28" s="104">
        <v>406</v>
      </c>
      <c r="FW28" s="101">
        <v>2</v>
      </c>
      <c r="FX28" s="102">
        <v>3</v>
      </c>
      <c r="FY28" s="103">
        <v>5</v>
      </c>
      <c r="FZ28" s="413">
        <v>0</v>
      </c>
      <c r="GA28" s="102">
        <v>2</v>
      </c>
      <c r="GB28" s="102">
        <v>5</v>
      </c>
      <c r="GC28" s="102">
        <v>2</v>
      </c>
      <c r="GD28" s="102">
        <v>0</v>
      </c>
      <c r="GE28" s="102">
        <v>6</v>
      </c>
      <c r="GF28" s="103">
        <v>15</v>
      </c>
      <c r="GG28" s="104">
        <v>20</v>
      </c>
      <c r="GH28" s="101">
        <v>221</v>
      </c>
      <c r="GI28" s="102">
        <v>285</v>
      </c>
      <c r="GJ28" s="103">
        <v>506</v>
      </c>
      <c r="GK28" s="413">
        <v>0</v>
      </c>
      <c r="GL28" s="102">
        <v>325</v>
      </c>
      <c r="GM28" s="102">
        <v>245</v>
      </c>
      <c r="GN28" s="102">
        <v>186</v>
      </c>
      <c r="GO28" s="102">
        <v>203</v>
      </c>
      <c r="GP28" s="102">
        <v>97</v>
      </c>
      <c r="GQ28" s="103">
        <v>1056</v>
      </c>
      <c r="GR28" s="104">
        <v>1562</v>
      </c>
      <c r="GS28" s="105">
        <v>333</v>
      </c>
      <c r="GT28" s="97">
        <v>430</v>
      </c>
      <c r="GU28" s="98">
        <v>763</v>
      </c>
      <c r="GV28" s="413">
        <v>0</v>
      </c>
      <c r="GW28" s="97">
        <v>523</v>
      </c>
      <c r="GX28" s="97">
        <v>420</v>
      </c>
      <c r="GY28" s="97">
        <v>281</v>
      </c>
      <c r="GZ28" s="97">
        <v>299</v>
      </c>
      <c r="HA28" s="97">
        <v>141</v>
      </c>
      <c r="HB28" s="99">
        <v>1664</v>
      </c>
      <c r="HC28" s="100">
        <v>2427</v>
      </c>
      <c r="HD28" s="101">
        <v>10</v>
      </c>
      <c r="HE28" s="102">
        <v>13</v>
      </c>
      <c r="HF28" s="103">
        <v>23</v>
      </c>
      <c r="HG28" s="416">
        <v>0</v>
      </c>
      <c r="HH28" s="102">
        <v>13</v>
      </c>
      <c r="HI28" s="102">
        <v>15</v>
      </c>
      <c r="HJ28" s="102">
        <v>13</v>
      </c>
      <c r="HK28" s="102">
        <v>5</v>
      </c>
      <c r="HL28" s="102">
        <v>6</v>
      </c>
      <c r="HM28" s="103">
        <v>52</v>
      </c>
      <c r="HN28" s="104">
        <v>75</v>
      </c>
      <c r="HO28" s="101">
        <v>21</v>
      </c>
      <c r="HP28" s="102">
        <v>39</v>
      </c>
      <c r="HQ28" s="103">
        <v>60</v>
      </c>
      <c r="HR28" s="413">
        <v>0</v>
      </c>
      <c r="HS28" s="102">
        <v>32</v>
      </c>
      <c r="HT28" s="102">
        <v>33</v>
      </c>
      <c r="HU28" s="102">
        <v>17</v>
      </c>
      <c r="HV28" s="102">
        <v>23</v>
      </c>
      <c r="HW28" s="102">
        <v>11</v>
      </c>
      <c r="HX28" s="103">
        <v>116</v>
      </c>
      <c r="HY28" s="104">
        <v>176</v>
      </c>
      <c r="HZ28" s="101">
        <v>52</v>
      </c>
      <c r="IA28" s="102">
        <v>61</v>
      </c>
      <c r="IB28" s="103">
        <v>113</v>
      </c>
      <c r="IC28" s="413">
        <v>0</v>
      </c>
      <c r="ID28" s="102">
        <v>78</v>
      </c>
      <c r="IE28" s="102">
        <v>65</v>
      </c>
      <c r="IF28" s="102">
        <v>41</v>
      </c>
      <c r="IG28" s="102">
        <v>46</v>
      </c>
      <c r="IH28" s="102">
        <v>20</v>
      </c>
      <c r="II28" s="103">
        <v>250</v>
      </c>
      <c r="IJ28" s="104">
        <v>363</v>
      </c>
      <c r="IK28" s="101">
        <v>112</v>
      </c>
      <c r="IL28" s="102">
        <v>141</v>
      </c>
      <c r="IM28" s="103">
        <v>253</v>
      </c>
      <c r="IN28" s="413">
        <v>0</v>
      </c>
      <c r="IO28" s="102">
        <v>156</v>
      </c>
      <c r="IP28" s="102">
        <v>106</v>
      </c>
      <c r="IQ28" s="102">
        <v>64</v>
      </c>
      <c r="IR28" s="102">
        <v>67</v>
      </c>
      <c r="IS28" s="102">
        <v>36</v>
      </c>
      <c r="IT28" s="103">
        <v>429</v>
      </c>
      <c r="IU28" s="104">
        <v>682</v>
      </c>
      <c r="IV28" s="101">
        <v>81</v>
      </c>
      <c r="IW28" s="102">
        <v>104</v>
      </c>
      <c r="IX28" s="103">
        <v>185</v>
      </c>
      <c r="IY28" s="413">
        <v>0</v>
      </c>
      <c r="IZ28" s="102">
        <v>140</v>
      </c>
      <c r="JA28" s="102">
        <v>105</v>
      </c>
      <c r="JB28" s="102">
        <v>79</v>
      </c>
      <c r="JC28" s="102">
        <v>61</v>
      </c>
      <c r="JD28" s="102">
        <v>33</v>
      </c>
      <c r="JE28" s="103">
        <v>418</v>
      </c>
      <c r="JF28" s="104">
        <v>603</v>
      </c>
      <c r="JG28" s="101">
        <v>57</v>
      </c>
      <c r="JH28" s="102">
        <v>72</v>
      </c>
      <c r="JI28" s="103">
        <v>129</v>
      </c>
      <c r="JJ28" s="413">
        <v>0</v>
      </c>
      <c r="JK28" s="102">
        <v>104</v>
      </c>
      <c r="JL28" s="102">
        <v>96</v>
      </c>
      <c r="JM28" s="102">
        <v>67</v>
      </c>
      <c r="JN28" s="102">
        <v>97</v>
      </c>
      <c r="JO28" s="102">
        <v>35</v>
      </c>
      <c r="JP28" s="103">
        <v>399</v>
      </c>
      <c r="JQ28" s="104">
        <v>528</v>
      </c>
      <c r="JR28" s="101">
        <v>4</v>
      </c>
      <c r="JS28" s="102">
        <v>5</v>
      </c>
      <c r="JT28" s="103">
        <v>9</v>
      </c>
      <c r="JU28" s="413">
        <v>0</v>
      </c>
      <c r="JV28" s="102">
        <v>4</v>
      </c>
      <c r="JW28" s="102">
        <v>17</v>
      </c>
      <c r="JX28" s="102">
        <v>6</v>
      </c>
      <c r="JY28" s="102">
        <v>7</v>
      </c>
      <c r="JZ28" s="102">
        <v>7</v>
      </c>
      <c r="KA28" s="103">
        <v>41</v>
      </c>
      <c r="KB28" s="104">
        <v>50</v>
      </c>
      <c r="KC28" s="101">
        <v>337</v>
      </c>
      <c r="KD28" s="102">
        <v>435</v>
      </c>
      <c r="KE28" s="103">
        <v>772</v>
      </c>
      <c r="KF28" s="413">
        <v>0</v>
      </c>
      <c r="KG28" s="102">
        <v>527</v>
      </c>
      <c r="KH28" s="102">
        <v>437</v>
      </c>
      <c r="KI28" s="102">
        <v>287</v>
      </c>
      <c r="KJ28" s="102">
        <v>306</v>
      </c>
      <c r="KK28" s="102">
        <v>148</v>
      </c>
      <c r="KL28" s="103">
        <v>1705</v>
      </c>
      <c r="KM28" s="104">
        <v>2477</v>
      </c>
    </row>
    <row r="29" spans="2:299" s="70" customFormat="1" ht="21" customHeight="1" x14ac:dyDescent="0.2">
      <c r="B29" s="106" t="s">
        <v>26</v>
      </c>
      <c r="C29" s="96">
        <v>96</v>
      </c>
      <c r="D29" s="97">
        <v>86</v>
      </c>
      <c r="E29" s="98">
        <v>182</v>
      </c>
      <c r="F29" s="413">
        <v>0</v>
      </c>
      <c r="G29" s="97">
        <v>107</v>
      </c>
      <c r="H29" s="97">
        <v>147</v>
      </c>
      <c r="I29" s="97">
        <v>87</v>
      </c>
      <c r="J29" s="97">
        <v>69</v>
      </c>
      <c r="K29" s="97">
        <v>56</v>
      </c>
      <c r="L29" s="99">
        <v>466</v>
      </c>
      <c r="M29" s="100">
        <v>648</v>
      </c>
      <c r="N29" s="101">
        <v>1</v>
      </c>
      <c r="O29" s="102">
        <v>2</v>
      </c>
      <c r="P29" s="103">
        <v>3</v>
      </c>
      <c r="Q29" s="413">
        <v>0</v>
      </c>
      <c r="R29" s="102">
        <v>2</v>
      </c>
      <c r="S29" s="102">
        <v>4</v>
      </c>
      <c r="T29" s="102">
        <v>3</v>
      </c>
      <c r="U29" s="102">
        <v>4</v>
      </c>
      <c r="V29" s="102">
        <v>1</v>
      </c>
      <c r="W29" s="103">
        <v>14</v>
      </c>
      <c r="X29" s="104">
        <v>17</v>
      </c>
      <c r="Y29" s="101">
        <v>5</v>
      </c>
      <c r="Z29" s="102">
        <v>10</v>
      </c>
      <c r="AA29" s="103">
        <v>15</v>
      </c>
      <c r="AB29" s="413">
        <v>0</v>
      </c>
      <c r="AC29" s="102">
        <v>8</v>
      </c>
      <c r="AD29" s="102">
        <v>15</v>
      </c>
      <c r="AE29" s="102">
        <v>9</v>
      </c>
      <c r="AF29" s="102">
        <v>2</v>
      </c>
      <c r="AG29" s="102">
        <v>5</v>
      </c>
      <c r="AH29" s="103">
        <v>39</v>
      </c>
      <c r="AI29" s="104">
        <v>54</v>
      </c>
      <c r="AJ29" s="101">
        <v>17</v>
      </c>
      <c r="AK29" s="102">
        <v>16</v>
      </c>
      <c r="AL29" s="103">
        <v>33</v>
      </c>
      <c r="AM29" s="413">
        <v>0</v>
      </c>
      <c r="AN29" s="102">
        <v>21</v>
      </c>
      <c r="AO29" s="102">
        <v>14</v>
      </c>
      <c r="AP29" s="102">
        <v>4</v>
      </c>
      <c r="AQ29" s="102">
        <v>15</v>
      </c>
      <c r="AR29" s="102">
        <v>14</v>
      </c>
      <c r="AS29" s="103">
        <v>68</v>
      </c>
      <c r="AT29" s="104">
        <v>101</v>
      </c>
      <c r="AU29" s="101">
        <v>22</v>
      </c>
      <c r="AV29" s="102">
        <v>23</v>
      </c>
      <c r="AW29" s="103">
        <v>45</v>
      </c>
      <c r="AX29" s="413">
        <v>0</v>
      </c>
      <c r="AY29" s="102">
        <v>23</v>
      </c>
      <c r="AZ29" s="102">
        <v>30</v>
      </c>
      <c r="BA29" s="102">
        <v>28</v>
      </c>
      <c r="BB29" s="102">
        <v>16</v>
      </c>
      <c r="BC29" s="102">
        <v>14</v>
      </c>
      <c r="BD29" s="103">
        <v>111</v>
      </c>
      <c r="BE29" s="104">
        <v>156</v>
      </c>
      <c r="BF29" s="101">
        <v>25</v>
      </c>
      <c r="BG29" s="102">
        <v>23</v>
      </c>
      <c r="BH29" s="103">
        <v>48</v>
      </c>
      <c r="BI29" s="413">
        <v>0</v>
      </c>
      <c r="BJ29" s="102">
        <v>36</v>
      </c>
      <c r="BK29" s="102">
        <v>49</v>
      </c>
      <c r="BL29" s="102">
        <v>24</v>
      </c>
      <c r="BM29" s="102">
        <v>21</v>
      </c>
      <c r="BN29" s="102">
        <v>11</v>
      </c>
      <c r="BO29" s="103">
        <v>141</v>
      </c>
      <c r="BP29" s="104">
        <v>189</v>
      </c>
      <c r="BQ29" s="101">
        <v>26</v>
      </c>
      <c r="BR29" s="102">
        <v>12</v>
      </c>
      <c r="BS29" s="103">
        <v>38</v>
      </c>
      <c r="BT29" s="413">
        <v>0</v>
      </c>
      <c r="BU29" s="102">
        <v>17</v>
      </c>
      <c r="BV29" s="102">
        <v>35</v>
      </c>
      <c r="BW29" s="102">
        <v>19</v>
      </c>
      <c r="BX29" s="102">
        <v>11</v>
      </c>
      <c r="BY29" s="102">
        <v>11</v>
      </c>
      <c r="BZ29" s="103">
        <v>93</v>
      </c>
      <c r="CA29" s="104">
        <v>131</v>
      </c>
      <c r="CB29" s="101">
        <v>2</v>
      </c>
      <c r="CC29" s="102">
        <v>1</v>
      </c>
      <c r="CD29" s="103">
        <v>3</v>
      </c>
      <c r="CE29" s="413">
        <v>0</v>
      </c>
      <c r="CF29" s="102">
        <v>7</v>
      </c>
      <c r="CG29" s="102">
        <v>8</v>
      </c>
      <c r="CH29" s="102">
        <v>3</v>
      </c>
      <c r="CI29" s="102">
        <v>1</v>
      </c>
      <c r="CJ29" s="102">
        <v>1</v>
      </c>
      <c r="CK29" s="103">
        <v>20</v>
      </c>
      <c r="CL29" s="104">
        <v>23</v>
      </c>
      <c r="CM29" s="101">
        <v>98</v>
      </c>
      <c r="CN29" s="102">
        <v>87</v>
      </c>
      <c r="CO29" s="103">
        <v>185</v>
      </c>
      <c r="CP29" s="413">
        <v>0</v>
      </c>
      <c r="CQ29" s="102">
        <v>114</v>
      </c>
      <c r="CR29" s="102">
        <v>155</v>
      </c>
      <c r="CS29" s="102">
        <v>90</v>
      </c>
      <c r="CT29" s="102">
        <v>70</v>
      </c>
      <c r="CU29" s="102">
        <v>57</v>
      </c>
      <c r="CV29" s="103">
        <v>486</v>
      </c>
      <c r="CW29" s="104">
        <v>671</v>
      </c>
      <c r="CX29" s="105">
        <v>177</v>
      </c>
      <c r="CY29" s="97">
        <v>230</v>
      </c>
      <c r="CZ29" s="98">
        <v>407</v>
      </c>
      <c r="DA29" s="413">
        <v>0</v>
      </c>
      <c r="DB29" s="97">
        <v>233</v>
      </c>
      <c r="DC29" s="97">
        <v>289</v>
      </c>
      <c r="DD29" s="97">
        <v>169</v>
      </c>
      <c r="DE29" s="97">
        <v>172</v>
      </c>
      <c r="DF29" s="97">
        <v>127</v>
      </c>
      <c r="DG29" s="99">
        <v>990</v>
      </c>
      <c r="DH29" s="100">
        <v>1397</v>
      </c>
      <c r="DI29" s="101">
        <v>0</v>
      </c>
      <c r="DJ29" s="102">
        <v>8</v>
      </c>
      <c r="DK29" s="103">
        <v>8</v>
      </c>
      <c r="DL29" s="413">
        <v>0</v>
      </c>
      <c r="DM29" s="102">
        <v>4</v>
      </c>
      <c r="DN29" s="102">
        <v>4</v>
      </c>
      <c r="DO29" s="102">
        <v>2</v>
      </c>
      <c r="DP29" s="102">
        <v>4</v>
      </c>
      <c r="DQ29" s="102">
        <v>3</v>
      </c>
      <c r="DR29" s="103">
        <v>17</v>
      </c>
      <c r="DS29" s="104">
        <v>25</v>
      </c>
      <c r="DT29" s="101">
        <v>6</v>
      </c>
      <c r="DU29" s="102">
        <v>13</v>
      </c>
      <c r="DV29" s="103">
        <v>19</v>
      </c>
      <c r="DW29" s="413">
        <v>0</v>
      </c>
      <c r="DX29" s="102">
        <v>9</v>
      </c>
      <c r="DY29" s="102">
        <v>13</v>
      </c>
      <c r="DZ29" s="102">
        <v>2</v>
      </c>
      <c r="EA29" s="102">
        <v>6</v>
      </c>
      <c r="EB29" s="102">
        <v>7</v>
      </c>
      <c r="EC29" s="103">
        <v>37</v>
      </c>
      <c r="ED29" s="104">
        <v>56</v>
      </c>
      <c r="EE29" s="101">
        <v>28</v>
      </c>
      <c r="EF29" s="102">
        <v>36</v>
      </c>
      <c r="EG29" s="103">
        <v>64</v>
      </c>
      <c r="EH29" s="413">
        <v>0</v>
      </c>
      <c r="EI29" s="102">
        <v>24</v>
      </c>
      <c r="EJ29" s="102">
        <v>29</v>
      </c>
      <c r="EK29" s="102">
        <v>12</v>
      </c>
      <c r="EL29" s="102">
        <v>19</v>
      </c>
      <c r="EM29" s="102">
        <v>12</v>
      </c>
      <c r="EN29" s="103">
        <v>96</v>
      </c>
      <c r="EO29" s="104">
        <v>160</v>
      </c>
      <c r="EP29" s="101">
        <v>46</v>
      </c>
      <c r="EQ29" s="102">
        <v>59</v>
      </c>
      <c r="ER29" s="103">
        <v>105</v>
      </c>
      <c r="ES29" s="413">
        <v>0</v>
      </c>
      <c r="ET29" s="102">
        <v>56</v>
      </c>
      <c r="EU29" s="102">
        <v>64</v>
      </c>
      <c r="EV29" s="102">
        <v>42</v>
      </c>
      <c r="EW29" s="102">
        <v>25</v>
      </c>
      <c r="EX29" s="102">
        <v>14</v>
      </c>
      <c r="EY29" s="103">
        <v>201</v>
      </c>
      <c r="EZ29" s="104">
        <v>306</v>
      </c>
      <c r="FA29" s="101">
        <v>65</v>
      </c>
      <c r="FB29" s="102">
        <v>62</v>
      </c>
      <c r="FC29" s="103">
        <v>127</v>
      </c>
      <c r="FD29" s="413">
        <v>0</v>
      </c>
      <c r="FE29" s="102">
        <v>79</v>
      </c>
      <c r="FF29" s="102">
        <v>67</v>
      </c>
      <c r="FG29" s="102">
        <v>44</v>
      </c>
      <c r="FH29" s="102">
        <v>48</v>
      </c>
      <c r="FI29" s="102">
        <v>31</v>
      </c>
      <c r="FJ29" s="103">
        <v>269</v>
      </c>
      <c r="FK29" s="104">
        <v>396</v>
      </c>
      <c r="FL29" s="101">
        <v>32</v>
      </c>
      <c r="FM29" s="102">
        <v>52</v>
      </c>
      <c r="FN29" s="103">
        <v>84</v>
      </c>
      <c r="FO29" s="413">
        <v>0</v>
      </c>
      <c r="FP29" s="102">
        <v>61</v>
      </c>
      <c r="FQ29" s="102">
        <v>112</v>
      </c>
      <c r="FR29" s="102">
        <v>67</v>
      </c>
      <c r="FS29" s="102">
        <v>70</v>
      </c>
      <c r="FT29" s="102">
        <v>60</v>
      </c>
      <c r="FU29" s="103">
        <v>370</v>
      </c>
      <c r="FV29" s="104">
        <v>454</v>
      </c>
      <c r="FW29" s="101">
        <v>0</v>
      </c>
      <c r="FX29" s="102">
        <v>3</v>
      </c>
      <c r="FY29" s="103">
        <v>3</v>
      </c>
      <c r="FZ29" s="413">
        <v>0</v>
      </c>
      <c r="GA29" s="102">
        <v>1</v>
      </c>
      <c r="GB29" s="102">
        <v>2</v>
      </c>
      <c r="GC29" s="102">
        <v>3</v>
      </c>
      <c r="GD29" s="102">
        <v>1</v>
      </c>
      <c r="GE29" s="102">
        <v>3</v>
      </c>
      <c r="GF29" s="103">
        <v>10</v>
      </c>
      <c r="GG29" s="104">
        <v>13</v>
      </c>
      <c r="GH29" s="101">
        <v>177</v>
      </c>
      <c r="GI29" s="102">
        <v>233</v>
      </c>
      <c r="GJ29" s="103">
        <v>410</v>
      </c>
      <c r="GK29" s="413">
        <v>0</v>
      </c>
      <c r="GL29" s="102">
        <v>234</v>
      </c>
      <c r="GM29" s="102">
        <v>291</v>
      </c>
      <c r="GN29" s="102">
        <v>172</v>
      </c>
      <c r="GO29" s="102">
        <v>173</v>
      </c>
      <c r="GP29" s="102">
        <v>130</v>
      </c>
      <c r="GQ29" s="103">
        <v>1000</v>
      </c>
      <c r="GR29" s="104">
        <v>1410</v>
      </c>
      <c r="GS29" s="105">
        <v>273</v>
      </c>
      <c r="GT29" s="97">
        <v>316</v>
      </c>
      <c r="GU29" s="98">
        <v>589</v>
      </c>
      <c r="GV29" s="413">
        <v>0</v>
      </c>
      <c r="GW29" s="97">
        <v>340</v>
      </c>
      <c r="GX29" s="97">
        <v>436</v>
      </c>
      <c r="GY29" s="97">
        <v>256</v>
      </c>
      <c r="GZ29" s="97">
        <v>241</v>
      </c>
      <c r="HA29" s="97">
        <v>183</v>
      </c>
      <c r="HB29" s="99">
        <v>1456</v>
      </c>
      <c r="HC29" s="100">
        <v>2045</v>
      </c>
      <c r="HD29" s="101">
        <v>1</v>
      </c>
      <c r="HE29" s="102">
        <v>10</v>
      </c>
      <c r="HF29" s="103">
        <v>11</v>
      </c>
      <c r="HG29" s="416">
        <v>0</v>
      </c>
      <c r="HH29" s="102">
        <v>6</v>
      </c>
      <c r="HI29" s="102">
        <v>8</v>
      </c>
      <c r="HJ29" s="102">
        <v>5</v>
      </c>
      <c r="HK29" s="102">
        <v>8</v>
      </c>
      <c r="HL29" s="102">
        <v>4</v>
      </c>
      <c r="HM29" s="103">
        <v>31</v>
      </c>
      <c r="HN29" s="104">
        <v>42</v>
      </c>
      <c r="HO29" s="101">
        <v>11</v>
      </c>
      <c r="HP29" s="102">
        <v>23</v>
      </c>
      <c r="HQ29" s="103">
        <v>34</v>
      </c>
      <c r="HR29" s="413">
        <v>0</v>
      </c>
      <c r="HS29" s="102">
        <v>17</v>
      </c>
      <c r="HT29" s="102">
        <v>28</v>
      </c>
      <c r="HU29" s="102">
        <v>11</v>
      </c>
      <c r="HV29" s="102">
        <v>8</v>
      </c>
      <c r="HW29" s="102">
        <v>12</v>
      </c>
      <c r="HX29" s="103">
        <v>76</v>
      </c>
      <c r="HY29" s="104">
        <v>110</v>
      </c>
      <c r="HZ29" s="101">
        <v>45</v>
      </c>
      <c r="IA29" s="102">
        <v>52</v>
      </c>
      <c r="IB29" s="103">
        <v>97</v>
      </c>
      <c r="IC29" s="413">
        <v>0</v>
      </c>
      <c r="ID29" s="102">
        <v>45</v>
      </c>
      <c r="IE29" s="102">
        <v>43</v>
      </c>
      <c r="IF29" s="102">
        <v>16</v>
      </c>
      <c r="IG29" s="102">
        <v>34</v>
      </c>
      <c r="IH29" s="102">
        <v>26</v>
      </c>
      <c r="II29" s="103">
        <v>164</v>
      </c>
      <c r="IJ29" s="104">
        <v>261</v>
      </c>
      <c r="IK29" s="101">
        <v>68</v>
      </c>
      <c r="IL29" s="102">
        <v>82</v>
      </c>
      <c r="IM29" s="103">
        <v>150</v>
      </c>
      <c r="IN29" s="413">
        <v>0</v>
      </c>
      <c r="IO29" s="102">
        <v>79</v>
      </c>
      <c r="IP29" s="102">
        <v>94</v>
      </c>
      <c r="IQ29" s="102">
        <v>70</v>
      </c>
      <c r="IR29" s="102">
        <v>41</v>
      </c>
      <c r="IS29" s="102">
        <v>28</v>
      </c>
      <c r="IT29" s="103">
        <v>312</v>
      </c>
      <c r="IU29" s="104">
        <v>462</v>
      </c>
      <c r="IV29" s="101">
        <v>90</v>
      </c>
      <c r="IW29" s="102">
        <v>85</v>
      </c>
      <c r="IX29" s="103">
        <v>175</v>
      </c>
      <c r="IY29" s="413">
        <v>0</v>
      </c>
      <c r="IZ29" s="102">
        <v>115</v>
      </c>
      <c r="JA29" s="102">
        <v>116</v>
      </c>
      <c r="JB29" s="102">
        <v>68</v>
      </c>
      <c r="JC29" s="102">
        <v>69</v>
      </c>
      <c r="JD29" s="102">
        <v>42</v>
      </c>
      <c r="JE29" s="103">
        <v>410</v>
      </c>
      <c r="JF29" s="104">
        <v>585</v>
      </c>
      <c r="JG29" s="101">
        <v>58</v>
      </c>
      <c r="JH29" s="102">
        <v>64</v>
      </c>
      <c r="JI29" s="103">
        <v>122</v>
      </c>
      <c r="JJ29" s="413">
        <v>0</v>
      </c>
      <c r="JK29" s="102">
        <v>78</v>
      </c>
      <c r="JL29" s="102">
        <v>147</v>
      </c>
      <c r="JM29" s="102">
        <v>86</v>
      </c>
      <c r="JN29" s="102">
        <v>81</v>
      </c>
      <c r="JO29" s="102">
        <v>71</v>
      </c>
      <c r="JP29" s="103">
        <v>463</v>
      </c>
      <c r="JQ29" s="104">
        <v>585</v>
      </c>
      <c r="JR29" s="101">
        <v>2</v>
      </c>
      <c r="JS29" s="102">
        <v>4</v>
      </c>
      <c r="JT29" s="103">
        <v>6</v>
      </c>
      <c r="JU29" s="413">
        <v>0</v>
      </c>
      <c r="JV29" s="102">
        <v>8</v>
      </c>
      <c r="JW29" s="102">
        <v>10</v>
      </c>
      <c r="JX29" s="102">
        <v>6</v>
      </c>
      <c r="JY29" s="102">
        <v>2</v>
      </c>
      <c r="JZ29" s="102">
        <v>4</v>
      </c>
      <c r="KA29" s="103">
        <v>30</v>
      </c>
      <c r="KB29" s="104">
        <v>36</v>
      </c>
      <c r="KC29" s="101">
        <v>275</v>
      </c>
      <c r="KD29" s="102">
        <v>320</v>
      </c>
      <c r="KE29" s="103">
        <v>595</v>
      </c>
      <c r="KF29" s="413">
        <v>0</v>
      </c>
      <c r="KG29" s="102">
        <v>348</v>
      </c>
      <c r="KH29" s="102">
        <v>446</v>
      </c>
      <c r="KI29" s="102">
        <v>262</v>
      </c>
      <c r="KJ29" s="102">
        <v>243</v>
      </c>
      <c r="KK29" s="102">
        <v>187</v>
      </c>
      <c r="KL29" s="103">
        <v>1486</v>
      </c>
      <c r="KM29" s="104">
        <v>2081</v>
      </c>
    </row>
    <row r="30" spans="2:299" s="70" customFormat="1" ht="21" customHeight="1" x14ac:dyDescent="0.2">
      <c r="B30" s="106" t="s">
        <v>27</v>
      </c>
      <c r="C30" s="96">
        <v>119</v>
      </c>
      <c r="D30" s="97">
        <v>122</v>
      </c>
      <c r="E30" s="98">
        <v>241</v>
      </c>
      <c r="F30" s="413">
        <v>0</v>
      </c>
      <c r="G30" s="97">
        <v>110</v>
      </c>
      <c r="H30" s="97">
        <v>78</v>
      </c>
      <c r="I30" s="97">
        <v>71</v>
      </c>
      <c r="J30" s="97">
        <v>78</v>
      </c>
      <c r="K30" s="97">
        <v>40</v>
      </c>
      <c r="L30" s="99">
        <v>377</v>
      </c>
      <c r="M30" s="100">
        <v>618</v>
      </c>
      <c r="N30" s="101">
        <v>3</v>
      </c>
      <c r="O30" s="102">
        <v>6</v>
      </c>
      <c r="P30" s="103">
        <v>9</v>
      </c>
      <c r="Q30" s="413">
        <v>0</v>
      </c>
      <c r="R30" s="102">
        <v>5</v>
      </c>
      <c r="S30" s="102">
        <v>1</v>
      </c>
      <c r="T30" s="102">
        <v>3</v>
      </c>
      <c r="U30" s="102">
        <v>5</v>
      </c>
      <c r="V30" s="102">
        <v>1</v>
      </c>
      <c r="W30" s="103">
        <v>15</v>
      </c>
      <c r="X30" s="104">
        <v>24</v>
      </c>
      <c r="Y30" s="101">
        <v>8</v>
      </c>
      <c r="Z30" s="102">
        <v>10</v>
      </c>
      <c r="AA30" s="103">
        <v>18</v>
      </c>
      <c r="AB30" s="413">
        <v>0</v>
      </c>
      <c r="AC30" s="102">
        <v>7</v>
      </c>
      <c r="AD30" s="102">
        <v>10</v>
      </c>
      <c r="AE30" s="102">
        <v>5</v>
      </c>
      <c r="AF30" s="102">
        <v>4</v>
      </c>
      <c r="AG30" s="102">
        <v>1</v>
      </c>
      <c r="AH30" s="103">
        <v>27</v>
      </c>
      <c r="AI30" s="104">
        <v>45</v>
      </c>
      <c r="AJ30" s="101">
        <v>17</v>
      </c>
      <c r="AK30" s="102">
        <v>26</v>
      </c>
      <c r="AL30" s="103">
        <v>43</v>
      </c>
      <c r="AM30" s="413">
        <v>0</v>
      </c>
      <c r="AN30" s="102">
        <v>18</v>
      </c>
      <c r="AO30" s="102">
        <v>14</v>
      </c>
      <c r="AP30" s="102">
        <v>13</v>
      </c>
      <c r="AQ30" s="102">
        <v>16</v>
      </c>
      <c r="AR30" s="102">
        <v>7</v>
      </c>
      <c r="AS30" s="103">
        <v>68</v>
      </c>
      <c r="AT30" s="104">
        <v>111</v>
      </c>
      <c r="AU30" s="101">
        <v>32</v>
      </c>
      <c r="AV30" s="102">
        <v>28</v>
      </c>
      <c r="AW30" s="103">
        <v>60</v>
      </c>
      <c r="AX30" s="413">
        <v>0</v>
      </c>
      <c r="AY30" s="102">
        <v>26</v>
      </c>
      <c r="AZ30" s="102">
        <v>21</v>
      </c>
      <c r="BA30" s="102">
        <v>17</v>
      </c>
      <c r="BB30" s="102">
        <v>14</v>
      </c>
      <c r="BC30" s="102">
        <v>14</v>
      </c>
      <c r="BD30" s="103">
        <v>92</v>
      </c>
      <c r="BE30" s="104">
        <v>152</v>
      </c>
      <c r="BF30" s="101">
        <v>39</v>
      </c>
      <c r="BG30" s="102">
        <v>29</v>
      </c>
      <c r="BH30" s="103">
        <v>68</v>
      </c>
      <c r="BI30" s="413">
        <v>0</v>
      </c>
      <c r="BJ30" s="102">
        <v>30</v>
      </c>
      <c r="BK30" s="102">
        <v>14</v>
      </c>
      <c r="BL30" s="102">
        <v>19</v>
      </c>
      <c r="BM30" s="102">
        <v>18</v>
      </c>
      <c r="BN30" s="102">
        <v>8</v>
      </c>
      <c r="BO30" s="103">
        <v>89</v>
      </c>
      <c r="BP30" s="104">
        <v>157</v>
      </c>
      <c r="BQ30" s="101">
        <v>20</v>
      </c>
      <c r="BR30" s="102">
        <v>23</v>
      </c>
      <c r="BS30" s="103">
        <v>43</v>
      </c>
      <c r="BT30" s="413">
        <v>0</v>
      </c>
      <c r="BU30" s="102">
        <v>24</v>
      </c>
      <c r="BV30" s="102">
        <v>18</v>
      </c>
      <c r="BW30" s="102">
        <v>14</v>
      </c>
      <c r="BX30" s="102">
        <v>21</v>
      </c>
      <c r="BY30" s="102">
        <v>9</v>
      </c>
      <c r="BZ30" s="103">
        <v>86</v>
      </c>
      <c r="CA30" s="104">
        <v>129</v>
      </c>
      <c r="CB30" s="101">
        <v>8</v>
      </c>
      <c r="CC30" s="102">
        <v>3</v>
      </c>
      <c r="CD30" s="103">
        <v>11</v>
      </c>
      <c r="CE30" s="413">
        <v>0</v>
      </c>
      <c r="CF30" s="102">
        <v>2</v>
      </c>
      <c r="CG30" s="102">
        <v>3</v>
      </c>
      <c r="CH30" s="102">
        <v>4</v>
      </c>
      <c r="CI30" s="102">
        <v>3</v>
      </c>
      <c r="CJ30" s="102">
        <v>1</v>
      </c>
      <c r="CK30" s="103">
        <v>13</v>
      </c>
      <c r="CL30" s="104">
        <v>24</v>
      </c>
      <c r="CM30" s="101">
        <v>127</v>
      </c>
      <c r="CN30" s="102">
        <v>125</v>
      </c>
      <c r="CO30" s="103">
        <v>252</v>
      </c>
      <c r="CP30" s="413">
        <v>0</v>
      </c>
      <c r="CQ30" s="102">
        <v>112</v>
      </c>
      <c r="CR30" s="102">
        <v>81</v>
      </c>
      <c r="CS30" s="102">
        <v>75</v>
      </c>
      <c r="CT30" s="102">
        <v>81</v>
      </c>
      <c r="CU30" s="102">
        <v>41</v>
      </c>
      <c r="CV30" s="103">
        <v>390</v>
      </c>
      <c r="CW30" s="104">
        <v>642</v>
      </c>
      <c r="CX30" s="105">
        <v>266</v>
      </c>
      <c r="CY30" s="97">
        <v>222</v>
      </c>
      <c r="CZ30" s="98">
        <v>488</v>
      </c>
      <c r="DA30" s="413">
        <v>0</v>
      </c>
      <c r="DB30" s="97">
        <v>257</v>
      </c>
      <c r="DC30" s="97">
        <v>132</v>
      </c>
      <c r="DD30" s="97">
        <v>129</v>
      </c>
      <c r="DE30" s="97">
        <v>163</v>
      </c>
      <c r="DF30" s="97">
        <v>103</v>
      </c>
      <c r="DG30" s="99">
        <v>784</v>
      </c>
      <c r="DH30" s="100">
        <v>1272</v>
      </c>
      <c r="DI30" s="101">
        <v>4</v>
      </c>
      <c r="DJ30" s="102">
        <v>5</v>
      </c>
      <c r="DK30" s="103">
        <v>9</v>
      </c>
      <c r="DL30" s="413">
        <v>0</v>
      </c>
      <c r="DM30" s="102">
        <v>3</v>
      </c>
      <c r="DN30" s="102">
        <v>3</v>
      </c>
      <c r="DO30" s="102">
        <v>0</v>
      </c>
      <c r="DP30" s="102">
        <v>1</v>
      </c>
      <c r="DQ30" s="102">
        <v>4</v>
      </c>
      <c r="DR30" s="103">
        <v>11</v>
      </c>
      <c r="DS30" s="104">
        <v>20</v>
      </c>
      <c r="DT30" s="101">
        <v>14</v>
      </c>
      <c r="DU30" s="102">
        <v>8</v>
      </c>
      <c r="DV30" s="103">
        <v>22</v>
      </c>
      <c r="DW30" s="413">
        <v>0</v>
      </c>
      <c r="DX30" s="102">
        <v>11</v>
      </c>
      <c r="DY30" s="102">
        <v>3</v>
      </c>
      <c r="DZ30" s="102">
        <v>6</v>
      </c>
      <c r="EA30" s="102">
        <v>4</v>
      </c>
      <c r="EB30" s="102">
        <v>1</v>
      </c>
      <c r="EC30" s="103">
        <v>25</v>
      </c>
      <c r="ED30" s="104">
        <v>47</v>
      </c>
      <c r="EE30" s="101">
        <v>39</v>
      </c>
      <c r="EF30" s="102">
        <v>29</v>
      </c>
      <c r="EG30" s="103">
        <v>68</v>
      </c>
      <c r="EH30" s="413">
        <v>0</v>
      </c>
      <c r="EI30" s="102">
        <v>27</v>
      </c>
      <c r="EJ30" s="102">
        <v>18</v>
      </c>
      <c r="EK30" s="102">
        <v>10</v>
      </c>
      <c r="EL30" s="102">
        <v>16</v>
      </c>
      <c r="EM30" s="102">
        <v>7</v>
      </c>
      <c r="EN30" s="103">
        <v>78</v>
      </c>
      <c r="EO30" s="104">
        <v>146</v>
      </c>
      <c r="EP30" s="101">
        <v>72</v>
      </c>
      <c r="EQ30" s="102">
        <v>50</v>
      </c>
      <c r="ER30" s="103">
        <v>122</v>
      </c>
      <c r="ES30" s="413">
        <v>0</v>
      </c>
      <c r="ET30" s="102">
        <v>55</v>
      </c>
      <c r="EU30" s="102">
        <v>23</v>
      </c>
      <c r="EV30" s="102">
        <v>19</v>
      </c>
      <c r="EW30" s="102">
        <v>36</v>
      </c>
      <c r="EX30" s="102">
        <v>18</v>
      </c>
      <c r="EY30" s="103">
        <v>151</v>
      </c>
      <c r="EZ30" s="104">
        <v>273</v>
      </c>
      <c r="FA30" s="101">
        <v>80</v>
      </c>
      <c r="FB30" s="102">
        <v>73</v>
      </c>
      <c r="FC30" s="103">
        <v>153</v>
      </c>
      <c r="FD30" s="413">
        <v>0</v>
      </c>
      <c r="FE30" s="102">
        <v>79</v>
      </c>
      <c r="FF30" s="102">
        <v>35</v>
      </c>
      <c r="FG30" s="102">
        <v>31</v>
      </c>
      <c r="FH30" s="102">
        <v>38</v>
      </c>
      <c r="FI30" s="102">
        <v>30</v>
      </c>
      <c r="FJ30" s="103">
        <v>213</v>
      </c>
      <c r="FK30" s="104">
        <v>366</v>
      </c>
      <c r="FL30" s="101">
        <v>57</v>
      </c>
      <c r="FM30" s="102">
        <v>57</v>
      </c>
      <c r="FN30" s="103">
        <v>114</v>
      </c>
      <c r="FO30" s="413">
        <v>0</v>
      </c>
      <c r="FP30" s="102">
        <v>82</v>
      </c>
      <c r="FQ30" s="102">
        <v>50</v>
      </c>
      <c r="FR30" s="102">
        <v>63</v>
      </c>
      <c r="FS30" s="102">
        <v>68</v>
      </c>
      <c r="FT30" s="102">
        <v>43</v>
      </c>
      <c r="FU30" s="103">
        <v>306</v>
      </c>
      <c r="FV30" s="104">
        <v>420</v>
      </c>
      <c r="FW30" s="101">
        <v>0</v>
      </c>
      <c r="FX30" s="102">
        <v>4</v>
      </c>
      <c r="FY30" s="103">
        <v>4</v>
      </c>
      <c r="FZ30" s="413">
        <v>0</v>
      </c>
      <c r="GA30" s="102">
        <v>2</v>
      </c>
      <c r="GB30" s="102">
        <v>5</v>
      </c>
      <c r="GC30" s="102">
        <v>3</v>
      </c>
      <c r="GD30" s="102">
        <v>0</v>
      </c>
      <c r="GE30" s="102">
        <v>3</v>
      </c>
      <c r="GF30" s="103">
        <v>13</v>
      </c>
      <c r="GG30" s="104">
        <v>17</v>
      </c>
      <c r="GH30" s="101">
        <v>266</v>
      </c>
      <c r="GI30" s="102">
        <v>226</v>
      </c>
      <c r="GJ30" s="103">
        <v>492</v>
      </c>
      <c r="GK30" s="413">
        <v>0</v>
      </c>
      <c r="GL30" s="102">
        <v>259</v>
      </c>
      <c r="GM30" s="102">
        <v>137</v>
      </c>
      <c r="GN30" s="102">
        <v>132</v>
      </c>
      <c r="GO30" s="102">
        <v>163</v>
      </c>
      <c r="GP30" s="102">
        <v>106</v>
      </c>
      <c r="GQ30" s="103">
        <v>797</v>
      </c>
      <c r="GR30" s="104">
        <v>1289</v>
      </c>
      <c r="GS30" s="105">
        <v>385</v>
      </c>
      <c r="GT30" s="97">
        <v>344</v>
      </c>
      <c r="GU30" s="98">
        <v>729</v>
      </c>
      <c r="GV30" s="413">
        <v>0</v>
      </c>
      <c r="GW30" s="97">
        <v>367</v>
      </c>
      <c r="GX30" s="97">
        <v>210</v>
      </c>
      <c r="GY30" s="97">
        <v>200</v>
      </c>
      <c r="GZ30" s="97">
        <v>241</v>
      </c>
      <c r="HA30" s="97">
        <v>143</v>
      </c>
      <c r="HB30" s="99">
        <v>1161</v>
      </c>
      <c r="HC30" s="100">
        <v>1890</v>
      </c>
      <c r="HD30" s="101">
        <v>7</v>
      </c>
      <c r="HE30" s="102">
        <v>11</v>
      </c>
      <c r="HF30" s="103">
        <v>18</v>
      </c>
      <c r="HG30" s="416">
        <v>0</v>
      </c>
      <c r="HH30" s="102">
        <v>8</v>
      </c>
      <c r="HI30" s="102">
        <v>4</v>
      </c>
      <c r="HJ30" s="102">
        <v>3</v>
      </c>
      <c r="HK30" s="102">
        <v>6</v>
      </c>
      <c r="HL30" s="102">
        <v>5</v>
      </c>
      <c r="HM30" s="103">
        <v>26</v>
      </c>
      <c r="HN30" s="104">
        <v>44</v>
      </c>
      <c r="HO30" s="101">
        <v>22</v>
      </c>
      <c r="HP30" s="102">
        <v>18</v>
      </c>
      <c r="HQ30" s="103">
        <v>40</v>
      </c>
      <c r="HR30" s="413">
        <v>0</v>
      </c>
      <c r="HS30" s="102">
        <v>18</v>
      </c>
      <c r="HT30" s="102">
        <v>13</v>
      </c>
      <c r="HU30" s="102">
        <v>11</v>
      </c>
      <c r="HV30" s="102">
        <v>8</v>
      </c>
      <c r="HW30" s="102">
        <v>2</v>
      </c>
      <c r="HX30" s="103">
        <v>52</v>
      </c>
      <c r="HY30" s="104">
        <v>92</v>
      </c>
      <c r="HZ30" s="101">
        <v>56</v>
      </c>
      <c r="IA30" s="102">
        <v>55</v>
      </c>
      <c r="IB30" s="103">
        <v>111</v>
      </c>
      <c r="IC30" s="413">
        <v>0</v>
      </c>
      <c r="ID30" s="102">
        <v>45</v>
      </c>
      <c r="IE30" s="102">
        <v>32</v>
      </c>
      <c r="IF30" s="102">
        <v>23</v>
      </c>
      <c r="IG30" s="102">
        <v>32</v>
      </c>
      <c r="IH30" s="102">
        <v>14</v>
      </c>
      <c r="II30" s="103">
        <v>146</v>
      </c>
      <c r="IJ30" s="104">
        <v>257</v>
      </c>
      <c r="IK30" s="101">
        <v>104</v>
      </c>
      <c r="IL30" s="102">
        <v>78</v>
      </c>
      <c r="IM30" s="103">
        <v>182</v>
      </c>
      <c r="IN30" s="413">
        <v>0</v>
      </c>
      <c r="IO30" s="102">
        <v>81</v>
      </c>
      <c r="IP30" s="102">
        <v>44</v>
      </c>
      <c r="IQ30" s="102">
        <v>36</v>
      </c>
      <c r="IR30" s="102">
        <v>50</v>
      </c>
      <c r="IS30" s="102">
        <v>32</v>
      </c>
      <c r="IT30" s="103">
        <v>243</v>
      </c>
      <c r="IU30" s="104">
        <v>425</v>
      </c>
      <c r="IV30" s="101">
        <v>119</v>
      </c>
      <c r="IW30" s="102">
        <v>102</v>
      </c>
      <c r="IX30" s="103">
        <v>221</v>
      </c>
      <c r="IY30" s="413">
        <v>0</v>
      </c>
      <c r="IZ30" s="102">
        <v>109</v>
      </c>
      <c r="JA30" s="102">
        <v>49</v>
      </c>
      <c r="JB30" s="102">
        <v>50</v>
      </c>
      <c r="JC30" s="102">
        <v>56</v>
      </c>
      <c r="JD30" s="102">
        <v>38</v>
      </c>
      <c r="JE30" s="103">
        <v>302</v>
      </c>
      <c r="JF30" s="104">
        <v>523</v>
      </c>
      <c r="JG30" s="101">
        <v>77</v>
      </c>
      <c r="JH30" s="102">
        <v>80</v>
      </c>
      <c r="JI30" s="103">
        <v>157</v>
      </c>
      <c r="JJ30" s="413">
        <v>0</v>
      </c>
      <c r="JK30" s="102">
        <v>106</v>
      </c>
      <c r="JL30" s="102">
        <v>68</v>
      </c>
      <c r="JM30" s="102">
        <v>77</v>
      </c>
      <c r="JN30" s="102">
        <v>89</v>
      </c>
      <c r="JO30" s="102">
        <v>52</v>
      </c>
      <c r="JP30" s="103">
        <v>392</v>
      </c>
      <c r="JQ30" s="104">
        <v>549</v>
      </c>
      <c r="JR30" s="101">
        <v>8</v>
      </c>
      <c r="JS30" s="102">
        <v>7</v>
      </c>
      <c r="JT30" s="103">
        <v>15</v>
      </c>
      <c r="JU30" s="413">
        <v>0</v>
      </c>
      <c r="JV30" s="102">
        <v>4</v>
      </c>
      <c r="JW30" s="102">
        <v>8</v>
      </c>
      <c r="JX30" s="102">
        <v>7</v>
      </c>
      <c r="JY30" s="102">
        <v>3</v>
      </c>
      <c r="JZ30" s="102">
        <v>4</v>
      </c>
      <c r="KA30" s="103">
        <v>26</v>
      </c>
      <c r="KB30" s="104">
        <v>41</v>
      </c>
      <c r="KC30" s="101">
        <v>393</v>
      </c>
      <c r="KD30" s="102">
        <v>351</v>
      </c>
      <c r="KE30" s="103">
        <v>744</v>
      </c>
      <c r="KF30" s="413">
        <v>0</v>
      </c>
      <c r="KG30" s="102">
        <v>371</v>
      </c>
      <c r="KH30" s="102">
        <v>218</v>
      </c>
      <c r="KI30" s="102">
        <v>207</v>
      </c>
      <c r="KJ30" s="102">
        <v>244</v>
      </c>
      <c r="KK30" s="102">
        <v>147</v>
      </c>
      <c r="KL30" s="103">
        <v>1187</v>
      </c>
      <c r="KM30" s="104">
        <v>1931</v>
      </c>
    </row>
    <row r="31" spans="2:299" s="70" customFormat="1" ht="21" customHeight="1" x14ac:dyDescent="0.2">
      <c r="B31" s="106" t="s">
        <v>28</v>
      </c>
      <c r="C31" s="96">
        <v>5</v>
      </c>
      <c r="D31" s="97">
        <v>29</v>
      </c>
      <c r="E31" s="98">
        <v>34</v>
      </c>
      <c r="F31" s="413">
        <v>0</v>
      </c>
      <c r="G31" s="97">
        <v>61</v>
      </c>
      <c r="H31" s="97">
        <v>48</v>
      </c>
      <c r="I31" s="97">
        <v>22</v>
      </c>
      <c r="J31" s="97">
        <v>16</v>
      </c>
      <c r="K31" s="97">
        <v>12</v>
      </c>
      <c r="L31" s="99">
        <v>159</v>
      </c>
      <c r="M31" s="100">
        <v>193</v>
      </c>
      <c r="N31" s="101">
        <v>0</v>
      </c>
      <c r="O31" s="102">
        <v>3</v>
      </c>
      <c r="P31" s="103">
        <v>3</v>
      </c>
      <c r="Q31" s="413">
        <v>0</v>
      </c>
      <c r="R31" s="102">
        <v>2</v>
      </c>
      <c r="S31" s="102">
        <v>2</v>
      </c>
      <c r="T31" s="102">
        <v>1</v>
      </c>
      <c r="U31" s="102">
        <v>2</v>
      </c>
      <c r="V31" s="102">
        <v>1</v>
      </c>
      <c r="W31" s="103">
        <v>8</v>
      </c>
      <c r="X31" s="104">
        <v>11</v>
      </c>
      <c r="Y31" s="101">
        <v>1</v>
      </c>
      <c r="Z31" s="102">
        <v>4</v>
      </c>
      <c r="AA31" s="103">
        <v>5</v>
      </c>
      <c r="AB31" s="413">
        <v>0</v>
      </c>
      <c r="AC31" s="102">
        <v>6</v>
      </c>
      <c r="AD31" s="102">
        <v>5</v>
      </c>
      <c r="AE31" s="102">
        <v>1</v>
      </c>
      <c r="AF31" s="102">
        <v>1</v>
      </c>
      <c r="AG31" s="102">
        <v>2</v>
      </c>
      <c r="AH31" s="103">
        <v>15</v>
      </c>
      <c r="AI31" s="104">
        <v>20</v>
      </c>
      <c r="AJ31" s="101">
        <v>1</v>
      </c>
      <c r="AK31" s="102">
        <v>5</v>
      </c>
      <c r="AL31" s="103">
        <v>6</v>
      </c>
      <c r="AM31" s="413">
        <v>0</v>
      </c>
      <c r="AN31" s="102">
        <v>12</v>
      </c>
      <c r="AO31" s="102">
        <v>9</v>
      </c>
      <c r="AP31" s="102">
        <v>5</v>
      </c>
      <c r="AQ31" s="102">
        <v>4</v>
      </c>
      <c r="AR31" s="102">
        <v>4</v>
      </c>
      <c r="AS31" s="103">
        <v>34</v>
      </c>
      <c r="AT31" s="104">
        <v>40</v>
      </c>
      <c r="AU31" s="101">
        <v>2</v>
      </c>
      <c r="AV31" s="102">
        <v>5</v>
      </c>
      <c r="AW31" s="103">
        <v>7</v>
      </c>
      <c r="AX31" s="413">
        <v>0</v>
      </c>
      <c r="AY31" s="102">
        <v>16</v>
      </c>
      <c r="AZ31" s="102">
        <v>12</v>
      </c>
      <c r="BA31" s="102">
        <v>4</v>
      </c>
      <c r="BB31" s="102">
        <v>2</v>
      </c>
      <c r="BC31" s="102">
        <v>1</v>
      </c>
      <c r="BD31" s="103">
        <v>35</v>
      </c>
      <c r="BE31" s="104">
        <v>42</v>
      </c>
      <c r="BF31" s="101">
        <v>1</v>
      </c>
      <c r="BG31" s="102">
        <v>8</v>
      </c>
      <c r="BH31" s="103">
        <v>9</v>
      </c>
      <c r="BI31" s="413">
        <v>0</v>
      </c>
      <c r="BJ31" s="102">
        <v>14</v>
      </c>
      <c r="BK31" s="102">
        <v>11</v>
      </c>
      <c r="BL31" s="102">
        <v>3</v>
      </c>
      <c r="BM31" s="102">
        <v>3</v>
      </c>
      <c r="BN31" s="102">
        <v>2</v>
      </c>
      <c r="BO31" s="103">
        <v>33</v>
      </c>
      <c r="BP31" s="104">
        <v>42</v>
      </c>
      <c r="BQ31" s="101">
        <v>0</v>
      </c>
      <c r="BR31" s="102">
        <v>4</v>
      </c>
      <c r="BS31" s="103">
        <v>4</v>
      </c>
      <c r="BT31" s="413">
        <v>0</v>
      </c>
      <c r="BU31" s="102">
        <v>11</v>
      </c>
      <c r="BV31" s="102">
        <v>9</v>
      </c>
      <c r="BW31" s="102">
        <v>8</v>
      </c>
      <c r="BX31" s="102">
        <v>4</v>
      </c>
      <c r="BY31" s="102">
        <v>2</v>
      </c>
      <c r="BZ31" s="103">
        <v>34</v>
      </c>
      <c r="CA31" s="104">
        <v>38</v>
      </c>
      <c r="CB31" s="101">
        <v>0</v>
      </c>
      <c r="CC31" s="102">
        <v>1</v>
      </c>
      <c r="CD31" s="103">
        <v>1</v>
      </c>
      <c r="CE31" s="413">
        <v>0</v>
      </c>
      <c r="CF31" s="102">
        <v>0</v>
      </c>
      <c r="CG31" s="102">
        <v>1</v>
      </c>
      <c r="CH31" s="102">
        <v>1</v>
      </c>
      <c r="CI31" s="102">
        <v>0</v>
      </c>
      <c r="CJ31" s="102">
        <v>2</v>
      </c>
      <c r="CK31" s="103">
        <v>4</v>
      </c>
      <c r="CL31" s="104">
        <v>5</v>
      </c>
      <c r="CM31" s="101">
        <v>5</v>
      </c>
      <c r="CN31" s="102">
        <v>30</v>
      </c>
      <c r="CO31" s="103">
        <v>35</v>
      </c>
      <c r="CP31" s="413">
        <v>0</v>
      </c>
      <c r="CQ31" s="102">
        <v>61</v>
      </c>
      <c r="CR31" s="102">
        <v>49</v>
      </c>
      <c r="CS31" s="102">
        <v>23</v>
      </c>
      <c r="CT31" s="102">
        <v>16</v>
      </c>
      <c r="CU31" s="102">
        <v>14</v>
      </c>
      <c r="CV31" s="103">
        <v>163</v>
      </c>
      <c r="CW31" s="104">
        <v>198</v>
      </c>
      <c r="CX31" s="105">
        <v>19</v>
      </c>
      <c r="CY31" s="97">
        <v>40</v>
      </c>
      <c r="CZ31" s="98">
        <v>59</v>
      </c>
      <c r="DA31" s="413">
        <v>0</v>
      </c>
      <c r="DB31" s="97">
        <v>63</v>
      </c>
      <c r="DC31" s="97">
        <v>74</v>
      </c>
      <c r="DD31" s="97">
        <v>48</v>
      </c>
      <c r="DE31" s="97">
        <v>54</v>
      </c>
      <c r="DF31" s="97">
        <v>29</v>
      </c>
      <c r="DG31" s="99">
        <v>268</v>
      </c>
      <c r="DH31" s="100">
        <v>327</v>
      </c>
      <c r="DI31" s="101">
        <v>0</v>
      </c>
      <c r="DJ31" s="102">
        <v>1</v>
      </c>
      <c r="DK31" s="103">
        <v>1</v>
      </c>
      <c r="DL31" s="413">
        <v>0</v>
      </c>
      <c r="DM31" s="102">
        <v>2</v>
      </c>
      <c r="DN31" s="102">
        <v>0</v>
      </c>
      <c r="DO31" s="102">
        <v>1</v>
      </c>
      <c r="DP31" s="102">
        <v>0</v>
      </c>
      <c r="DQ31" s="102">
        <v>0</v>
      </c>
      <c r="DR31" s="103">
        <v>3</v>
      </c>
      <c r="DS31" s="104">
        <v>4</v>
      </c>
      <c r="DT31" s="101">
        <v>4</v>
      </c>
      <c r="DU31" s="102">
        <v>5</v>
      </c>
      <c r="DV31" s="103">
        <v>9</v>
      </c>
      <c r="DW31" s="413">
        <v>0</v>
      </c>
      <c r="DX31" s="102">
        <v>5</v>
      </c>
      <c r="DY31" s="102">
        <v>4</v>
      </c>
      <c r="DZ31" s="102">
        <v>4</v>
      </c>
      <c r="EA31" s="102">
        <v>2</v>
      </c>
      <c r="EB31" s="102">
        <v>0</v>
      </c>
      <c r="EC31" s="103">
        <v>15</v>
      </c>
      <c r="ED31" s="104">
        <v>24</v>
      </c>
      <c r="EE31" s="101">
        <v>3</v>
      </c>
      <c r="EF31" s="102">
        <v>6</v>
      </c>
      <c r="EG31" s="103">
        <v>9</v>
      </c>
      <c r="EH31" s="413">
        <v>0</v>
      </c>
      <c r="EI31" s="102">
        <v>8</v>
      </c>
      <c r="EJ31" s="102">
        <v>12</v>
      </c>
      <c r="EK31" s="102">
        <v>3</v>
      </c>
      <c r="EL31" s="102">
        <v>6</v>
      </c>
      <c r="EM31" s="102">
        <v>3</v>
      </c>
      <c r="EN31" s="103">
        <v>32</v>
      </c>
      <c r="EO31" s="104">
        <v>41</v>
      </c>
      <c r="EP31" s="101">
        <v>9</v>
      </c>
      <c r="EQ31" s="102">
        <v>9</v>
      </c>
      <c r="ER31" s="103">
        <v>18</v>
      </c>
      <c r="ES31" s="413">
        <v>0</v>
      </c>
      <c r="ET31" s="102">
        <v>18</v>
      </c>
      <c r="EU31" s="102">
        <v>9</v>
      </c>
      <c r="EV31" s="102">
        <v>18</v>
      </c>
      <c r="EW31" s="102">
        <v>13</v>
      </c>
      <c r="EX31" s="102">
        <v>7</v>
      </c>
      <c r="EY31" s="103">
        <v>65</v>
      </c>
      <c r="EZ31" s="104">
        <v>83</v>
      </c>
      <c r="FA31" s="101">
        <v>3</v>
      </c>
      <c r="FB31" s="102">
        <v>14</v>
      </c>
      <c r="FC31" s="103">
        <v>17</v>
      </c>
      <c r="FD31" s="413">
        <v>0</v>
      </c>
      <c r="FE31" s="102">
        <v>22</v>
      </c>
      <c r="FF31" s="102">
        <v>25</v>
      </c>
      <c r="FG31" s="102">
        <v>10</v>
      </c>
      <c r="FH31" s="102">
        <v>14</v>
      </c>
      <c r="FI31" s="102">
        <v>6</v>
      </c>
      <c r="FJ31" s="103">
        <v>77</v>
      </c>
      <c r="FK31" s="104">
        <v>94</v>
      </c>
      <c r="FL31" s="101">
        <v>0</v>
      </c>
      <c r="FM31" s="102">
        <v>5</v>
      </c>
      <c r="FN31" s="103">
        <v>5</v>
      </c>
      <c r="FO31" s="413">
        <v>0</v>
      </c>
      <c r="FP31" s="102">
        <v>8</v>
      </c>
      <c r="FQ31" s="102">
        <v>24</v>
      </c>
      <c r="FR31" s="102">
        <v>12</v>
      </c>
      <c r="FS31" s="102">
        <v>19</v>
      </c>
      <c r="FT31" s="102">
        <v>13</v>
      </c>
      <c r="FU31" s="103">
        <v>76</v>
      </c>
      <c r="FV31" s="104">
        <v>81</v>
      </c>
      <c r="FW31" s="101">
        <v>1</v>
      </c>
      <c r="FX31" s="102">
        <v>0</v>
      </c>
      <c r="FY31" s="103">
        <v>1</v>
      </c>
      <c r="FZ31" s="413">
        <v>0</v>
      </c>
      <c r="GA31" s="102">
        <v>1</v>
      </c>
      <c r="GB31" s="102">
        <v>0</v>
      </c>
      <c r="GC31" s="102">
        <v>1</v>
      </c>
      <c r="GD31" s="102">
        <v>0</v>
      </c>
      <c r="GE31" s="102">
        <v>2</v>
      </c>
      <c r="GF31" s="103">
        <v>4</v>
      </c>
      <c r="GG31" s="104">
        <v>5</v>
      </c>
      <c r="GH31" s="101">
        <v>20</v>
      </c>
      <c r="GI31" s="102">
        <v>40</v>
      </c>
      <c r="GJ31" s="103">
        <v>60</v>
      </c>
      <c r="GK31" s="413">
        <v>0</v>
      </c>
      <c r="GL31" s="102">
        <v>64</v>
      </c>
      <c r="GM31" s="102">
        <v>74</v>
      </c>
      <c r="GN31" s="102">
        <v>49</v>
      </c>
      <c r="GO31" s="102">
        <v>54</v>
      </c>
      <c r="GP31" s="102">
        <v>31</v>
      </c>
      <c r="GQ31" s="103">
        <v>272</v>
      </c>
      <c r="GR31" s="104">
        <v>332</v>
      </c>
      <c r="GS31" s="105">
        <v>24</v>
      </c>
      <c r="GT31" s="97">
        <v>69</v>
      </c>
      <c r="GU31" s="98">
        <v>93</v>
      </c>
      <c r="GV31" s="413">
        <v>0</v>
      </c>
      <c r="GW31" s="97">
        <v>124</v>
      </c>
      <c r="GX31" s="97">
        <v>122</v>
      </c>
      <c r="GY31" s="97">
        <v>70</v>
      </c>
      <c r="GZ31" s="97">
        <v>70</v>
      </c>
      <c r="HA31" s="97">
        <v>41</v>
      </c>
      <c r="HB31" s="99">
        <v>427</v>
      </c>
      <c r="HC31" s="100">
        <v>520</v>
      </c>
      <c r="HD31" s="101">
        <v>0</v>
      </c>
      <c r="HE31" s="102">
        <v>4</v>
      </c>
      <c r="HF31" s="103">
        <v>4</v>
      </c>
      <c r="HG31" s="416">
        <v>0</v>
      </c>
      <c r="HH31" s="102">
        <v>4</v>
      </c>
      <c r="HI31" s="102">
        <v>2</v>
      </c>
      <c r="HJ31" s="102">
        <v>2</v>
      </c>
      <c r="HK31" s="102">
        <v>2</v>
      </c>
      <c r="HL31" s="102">
        <v>1</v>
      </c>
      <c r="HM31" s="103">
        <v>11</v>
      </c>
      <c r="HN31" s="104">
        <v>15</v>
      </c>
      <c r="HO31" s="101">
        <v>5</v>
      </c>
      <c r="HP31" s="102">
        <v>9</v>
      </c>
      <c r="HQ31" s="103">
        <v>14</v>
      </c>
      <c r="HR31" s="413">
        <v>0</v>
      </c>
      <c r="HS31" s="102">
        <v>11</v>
      </c>
      <c r="HT31" s="102">
        <v>9</v>
      </c>
      <c r="HU31" s="102">
        <v>5</v>
      </c>
      <c r="HV31" s="102">
        <v>3</v>
      </c>
      <c r="HW31" s="102">
        <v>2</v>
      </c>
      <c r="HX31" s="103">
        <v>30</v>
      </c>
      <c r="HY31" s="104">
        <v>44</v>
      </c>
      <c r="HZ31" s="101">
        <v>4</v>
      </c>
      <c r="IA31" s="102">
        <v>11</v>
      </c>
      <c r="IB31" s="103">
        <v>15</v>
      </c>
      <c r="IC31" s="413">
        <v>0</v>
      </c>
      <c r="ID31" s="102">
        <v>20</v>
      </c>
      <c r="IE31" s="102">
        <v>21</v>
      </c>
      <c r="IF31" s="102">
        <v>8</v>
      </c>
      <c r="IG31" s="102">
        <v>10</v>
      </c>
      <c r="IH31" s="102">
        <v>7</v>
      </c>
      <c r="II31" s="103">
        <v>66</v>
      </c>
      <c r="IJ31" s="104">
        <v>81</v>
      </c>
      <c r="IK31" s="101">
        <v>11</v>
      </c>
      <c r="IL31" s="102">
        <v>14</v>
      </c>
      <c r="IM31" s="103">
        <v>25</v>
      </c>
      <c r="IN31" s="413">
        <v>0</v>
      </c>
      <c r="IO31" s="102">
        <v>34</v>
      </c>
      <c r="IP31" s="102">
        <v>21</v>
      </c>
      <c r="IQ31" s="102">
        <v>22</v>
      </c>
      <c r="IR31" s="102">
        <v>15</v>
      </c>
      <c r="IS31" s="102">
        <v>8</v>
      </c>
      <c r="IT31" s="103">
        <v>100</v>
      </c>
      <c r="IU31" s="104">
        <v>125</v>
      </c>
      <c r="IV31" s="101">
        <v>4</v>
      </c>
      <c r="IW31" s="102">
        <v>22</v>
      </c>
      <c r="IX31" s="103">
        <v>26</v>
      </c>
      <c r="IY31" s="413">
        <v>0</v>
      </c>
      <c r="IZ31" s="102">
        <v>36</v>
      </c>
      <c r="JA31" s="102">
        <v>36</v>
      </c>
      <c r="JB31" s="102">
        <v>13</v>
      </c>
      <c r="JC31" s="102">
        <v>17</v>
      </c>
      <c r="JD31" s="102">
        <v>8</v>
      </c>
      <c r="JE31" s="103">
        <v>110</v>
      </c>
      <c r="JF31" s="104">
        <v>136</v>
      </c>
      <c r="JG31" s="101">
        <v>0</v>
      </c>
      <c r="JH31" s="102">
        <v>9</v>
      </c>
      <c r="JI31" s="103">
        <v>9</v>
      </c>
      <c r="JJ31" s="413">
        <v>0</v>
      </c>
      <c r="JK31" s="102">
        <v>19</v>
      </c>
      <c r="JL31" s="102">
        <v>33</v>
      </c>
      <c r="JM31" s="102">
        <v>20</v>
      </c>
      <c r="JN31" s="102">
        <v>23</v>
      </c>
      <c r="JO31" s="102">
        <v>15</v>
      </c>
      <c r="JP31" s="103">
        <v>110</v>
      </c>
      <c r="JQ31" s="104">
        <v>119</v>
      </c>
      <c r="JR31" s="101">
        <v>1</v>
      </c>
      <c r="JS31" s="102">
        <v>1</v>
      </c>
      <c r="JT31" s="103">
        <v>2</v>
      </c>
      <c r="JU31" s="413">
        <v>0</v>
      </c>
      <c r="JV31" s="102">
        <v>1</v>
      </c>
      <c r="JW31" s="102">
        <v>1</v>
      </c>
      <c r="JX31" s="102">
        <v>2</v>
      </c>
      <c r="JY31" s="102">
        <v>0</v>
      </c>
      <c r="JZ31" s="102">
        <v>4</v>
      </c>
      <c r="KA31" s="103">
        <v>8</v>
      </c>
      <c r="KB31" s="104">
        <v>10</v>
      </c>
      <c r="KC31" s="101">
        <v>25</v>
      </c>
      <c r="KD31" s="102">
        <v>70</v>
      </c>
      <c r="KE31" s="103">
        <v>95</v>
      </c>
      <c r="KF31" s="413">
        <v>0</v>
      </c>
      <c r="KG31" s="102">
        <v>125</v>
      </c>
      <c r="KH31" s="102">
        <v>123</v>
      </c>
      <c r="KI31" s="102">
        <v>72</v>
      </c>
      <c r="KJ31" s="102">
        <v>70</v>
      </c>
      <c r="KK31" s="102">
        <v>45</v>
      </c>
      <c r="KL31" s="103">
        <v>435</v>
      </c>
      <c r="KM31" s="104">
        <v>530</v>
      </c>
    </row>
    <row r="32" spans="2:299" s="70" customFormat="1" ht="21" customHeight="1" x14ac:dyDescent="0.2">
      <c r="B32" s="106" t="s">
        <v>29</v>
      </c>
      <c r="C32" s="96">
        <v>13</v>
      </c>
      <c r="D32" s="97">
        <v>24</v>
      </c>
      <c r="E32" s="98">
        <v>37</v>
      </c>
      <c r="F32" s="413">
        <v>0</v>
      </c>
      <c r="G32" s="97">
        <v>45</v>
      </c>
      <c r="H32" s="97">
        <v>51</v>
      </c>
      <c r="I32" s="97">
        <v>42</v>
      </c>
      <c r="J32" s="97">
        <v>39</v>
      </c>
      <c r="K32" s="97">
        <v>19</v>
      </c>
      <c r="L32" s="99">
        <v>196</v>
      </c>
      <c r="M32" s="100">
        <v>233</v>
      </c>
      <c r="N32" s="101">
        <v>1</v>
      </c>
      <c r="O32" s="102">
        <v>1</v>
      </c>
      <c r="P32" s="103">
        <v>2</v>
      </c>
      <c r="Q32" s="413">
        <v>0</v>
      </c>
      <c r="R32" s="102">
        <v>3</v>
      </c>
      <c r="S32" s="102">
        <v>5</v>
      </c>
      <c r="T32" s="102">
        <v>1</v>
      </c>
      <c r="U32" s="102">
        <v>2</v>
      </c>
      <c r="V32" s="102">
        <v>1</v>
      </c>
      <c r="W32" s="103">
        <v>12</v>
      </c>
      <c r="X32" s="104">
        <v>14</v>
      </c>
      <c r="Y32" s="101">
        <v>1</v>
      </c>
      <c r="Z32" s="102">
        <v>5</v>
      </c>
      <c r="AA32" s="103">
        <v>6</v>
      </c>
      <c r="AB32" s="413">
        <v>0</v>
      </c>
      <c r="AC32" s="102">
        <v>5</v>
      </c>
      <c r="AD32" s="102">
        <v>4</v>
      </c>
      <c r="AE32" s="102">
        <v>7</v>
      </c>
      <c r="AF32" s="102">
        <v>4</v>
      </c>
      <c r="AG32" s="102">
        <v>1</v>
      </c>
      <c r="AH32" s="103">
        <v>21</v>
      </c>
      <c r="AI32" s="104">
        <v>27</v>
      </c>
      <c r="AJ32" s="101">
        <v>1</v>
      </c>
      <c r="AK32" s="102">
        <v>0</v>
      </c>
      <c r="AL32" s="103">
        <v>1</v>
      </c>
      <c r="AM32" s="413">
        <v>0</v>
      </c>
      <c r="AN32" s="102">
        <v>15</v>
      </c>
      <c r="AO32" s="102">
        <v>6</v>
      </c>
      <c r="AP32" s="102">
        <v>7</v>
      </c>
      <c r="AQ32" s="102">
        <v>10</v>
      </c>
      <c r="AR32" s="102">
        <v>3</v>
      </c>
      <c r="AS32" s="103">
        <v>41</v>
      </c>
      <c r="AT32" s="104">
        <v>42</v>
      </c>
      <c r="AU32" s="101">
        <v>4</v>
      </c>
      <c r="AV32" s="102">
        <v>9</v>
      </c>
      <c r="AW32" s="103">
        <v>13</v>
      </c>
      <c r="AX32" s="413">
        <v>0</v>
      </c>
      <c r="AY32" s="102">
        <v>6</v>
      </c>
      <c r="AZ32" s="102">
        <v>12</v>
      </c>
      <c r="BA32" s="102">
        <v>8</v>
      </c>
      <c r="BB32" s="102">
        <v>8</v>
      </c>
      <c r="BC32" s="102">
        <v>5</v>
      </c>
      <c r="BD32" s="103">
        <v>39</v>
      </c>
      <c r="BE32" s="104">
        <v>52</v>
      </c>
      <c r="BF32" s="101">
        <v>3</v>
      </c>
      <c r="BG32" s="102">
        <v>6</v>
      </c>
      <c r="BH32" s="103">
        <v>9</v>
      </c>
      <c r="BI32" s="413">
        <v>0</v>
      </c>
      <c r="BJ32" s="102">
        <v>9</v>
      </c>
      <c r="BK32" s="102">
        <v>7</v>
      </c>
      <c r="BL32" s="102">
        <v>12</v>
      </c>
      <c r="BM32" s="102">
        <v>6</v>
      </c>
      <c r="BN32" s="102">
        <v>4</v>
      </c>
      <c r="BO32" s="103">
        <v>38</v>
      </c>
      <c r="BP32" s="104">
        <v>47</v>
      </c>
      <c r="BQ32" s="101">
        <v>3</v>
      </c>
      <c r="BR32" s="102">
        <v>3</v>
      </c>
      <c r="BS32" s="103">
        <v>6</v>
      </c>
      <c r="BT32" s="413">
        <v>0</v>
      </c>
      <c r="BU32" s="102">
        <v>7</v>
      </c>
      <c r="BV32" s="102">
        <v>17</v>
      </c>
      <c r="BW32" s="102">
        <v>7</v>
      </c>
      <c r="BX32" s="102">
        <v>9</v>
      </c>
      <c r="BY32" s="102">
        <v>5</v>
      </c>
      <c r="BZ32" s="103">
        <v>45</v>
      </c>
      <c r="CA32" s="104">
        <v>51</v>
      </c>
      <c r="CB32" s="101">
        <v>0</v>
      </c>
      <c r="CC32" s="102">
        <v>1</v>
      </c>
      <c r="CD32" s="103">
        <v>1</v>
      </c>
      <c r="CE32" s="413">
        <v>0</v>
      </c>
      <c r="CF32" s="102">
        <v>3</v>
      </c>
      <c r="CG32" s="102">
        <v>1</v>
      </c>
      <c r="CH32" s="102">
        <v>2</v>
      </c>
      <c r="CI32" s="102">
        <v>2</v>
      </c>
      <c r="CJ32" s="102">
        <v>4</v>
      </c>
      <c r="CK32" s="103">
        <v>12</v>
      </c>
      <c r="CL32" s="104">
        <v>13</v>
      </c>
      <c r="CM32" s="101">
        <v>13</v>
      </c>
      <c r="CN32" s="102">
        <v>25</v>
      </c>
      <c r="CO32" s="103">
        <v>38</v>
      </c>
      <c r="CP32" s="413">
        <v>0</v>
      </c>
      <c r="CQ32" s="102">
        <v>48</v>
      </c>
      <c r="CR32" s="102">
        <v>52</v>
      </c>
      <c r="CS32" s="102">
        <v>44</v>
      </c>
      <c r="CT32" s="102">
        <v>41</v>
      </c>
      <c r="CU32" s="102">
        <v>23</v>
      </c>
      <c r="CV32" s="103">
        <v>208</v>
      </c>
      <c r="CW32" s="104">
        <v>246</v>
      </c>
      <c r="CX32" s="105">
        <v>33</v>
      </c>
      <c r="CY32" s="97">
        <v>59</v>
      </c>
      <c r="CZ32" s="98">
        <v>92</v>
      </c>
      <c r="DA32" s="413">
        <v>0</v>
      </c>
      <c r="DB32" s="97">
        <v>98</v>
      </c>
      <c r="DC32" s="97">
        <v>96</v>
      </c>
      <c r="DD32" s="97">
        <v>81</v>
      </c>
      <c r="DE32" s="97">
        <v>89</v>
      </c>
      <c r="DF32" s="97">
        <v>45</v>
      </c>
      <c r="DG32" s="99">
        <v>409</v>
      </c>
      <c r="DH32" s="100">
        <v>501</v>
      </c>
      <c r="DI32" s="101">
        <v>3</v>
      </c>
      <c r="DJ32" s="102">
        <v>4</v>
      </c>
      <c r="DK32" s="103">
        <v>7</v>
      </c>
      <c r="DL32" s="413">
        <v>0</v>
      </c>
      <c r="DM32" s="102">
        <v>3</v>
      </c>
      <c r="DN32" s="102">
        <v>2</v>
      </c>
      <c r="DO32" s="102">
        <v>1</v>
      </c>
      <c r="DP32" s="102">
        <v>1</v>
      </c>
      <c r="DQ32" s="102">
        <v>1</v>
      </c>
      <c r="DR32" s="103">
        <v>8</v>
      </c>
      <c r="DS32" s="104">
        <v>15</v>
      </c>
      <c r="DT32" s="101">
        <v>2</v>
      </c>
      <c r="DU32" s="102">
        <v>5</v>
      </c>
      <c r="DV32" s="103">
        <v>7</v>
      </c>
      <c r="DW32" s="413">
        <v>0</v>
      </c>
      <c r="DX32" s="102">
        <v>4</v>
      </c>
      <c r="DY32" s="102">
        <v>5</v>
      </c>
      <c r="DZ32" s="102">
        <v>8</v>
      </c>
      <c r="EA32" s="102">
        <v>2</v>
      </c>
      <c r="EB32" s="102">
        <v>3</v>
      </c>
      <c r="EC32" s="103">
        <v>22</v>
      </c>
      <c r="ED32" s="104">
        <v>29</v>
      </c>
      <c r="EE32" s="101">
        <v>3</v>
      </c>
      <c r="EF32" s="102">
        <v>11</v>
      </c>
      <c r="EG32" s="103">
        <v>14</v>
      </c>
      <c r="EH32" s="413">
        <v>0</v>
      </c>
      <c r="EI32" s="102">
        <v>9</v>
      </c>
      <c r="EJ32" s="102">
        <v>10</v>
      </c>
      <c r="EK32" s="102">
        <v>4</v>
      </c>
      <c r="EL32" s="102">
        <v>9</v>
      </c>
      <c r="EM32" s="102">
        <v>5</v>
      </c>
      <c r="EN32" s="103">
        <v>37</v>
      </c>
      <c r="EO32" s="104">
        <v>51</v>
      </c>
      <c r="EP32" s="101">
        <v>9</v>
      </c>
      <c r="EQ32" s="102">
        <v>16</v>
      </c>
      <c r="ER32" s="103">
        <v>25</v>
      </c>
      <c r="ES32" s="413">
        <v>0</v>
      </c>
      <c r="ET32" s="102">
        <v>29</v>
      </c>
      <c r="EU32" s="102">
        <v>18</v>
      </c>
      <c r="EV32" s="102">
        <v>25</v>
      </c>
      <c r="EW32" s="102">
        <v>12</v>
      </c>
      <c r="EX32" s="102">
        <v>10</v>
      </c>
      <c r="EY32" s="103">
        <v>94</v>
      </c>
      <c r="EZ32" s="104">
        <v>119</v>
      </c>
      <c r="FA32" s="101">
        <v>11</v>
      </c>
      <c r="FB32" s="102">
        <v>12</v>
      </c>
      <c r="FC32" s="103">
        <v>23</v>
      </c>
      <c r="FD32" s="413">
        <v>0</v>
      </c>
      <c r="FE32" s="102">
        <v>18</v>
      </c>
      <c r="FF32" s="102">
        <v>35</v>
      </c>
      <c r="FG32" s="102">
        <v>22</v>
      </c>
      <c r="FH32" s="102">
        <v>25</v>
      </c>
      <c r="FI32" s="102">
        <v>8</v>
      </c>
      <c r="FJ32" s="103">
        <v>108</v>
      </c>
      <c r="FK32" s="104">
        <v>131</v>
      </c>
      <c r="FL32" s="101">
        <v>5</v>
      </c>
      <c r="FM32" s="102">
        <v>11</v>
      </c>
      <c r="FN32" s="103">
        <v>16</v>
      </c>
      <c r="FO32" s="413">
        <v>0</v>
      </c>
      <c r="FP32" s="102">
        <v>35</v>
      </c>
      <c r="FQ32" s="102">
        <v>26</v>
      </c>
      <c r="FR32" s="102">
        <v>21</v>
      </c>
      <c r="FS32" s="102">
        <v>40</v>
      </c>
      <c r="FT32" s="102">
        <v>18</v>
      </c>
      <c r="FU32" s="103">
        <v>140</v>
      </c>
      <c r="FV32" s="104">
        <v>156</v>
      </c>
      <c r="FW32" s="101">
        <v>0</v>
      </c>
      <c r="FX32" s="102">
        <v>0</v>
      </c>
      <c r="FY32" s="103">
        <v>0</v>
      </c>
      <c r="FZ32" s="413">
        <v>0</v>
      </c>
      <c r="GA32" s="102">
        <v>0</v>
      </c>
      <c r="GB32" s="102">
        <v>1</v>
      </c>
      <c r="GC32" s="102">
        <v>2</v>
      </c>
      <c r="GD32" s="102">
        <v>1</v>
      </c>
      <c r="GE32" s="102">
        <v>1</v>
      </c>
      <c r="GF32" s="103">
        <v>5</v>
      </c>
      <c r="GG32" s="104">
        <v>5</v>
      </c>
      <c r="GH32" s="101">
        <v>33</v>
      </c>
      <c r="GI32" s="102">
        <v>59</v>
      </c>
      <c r="GJ32" s="103">
        <v>92</v>
      </c>
      <c r="GK32" s="413">
        <v>0</v>
      </c>
      <c r="GL32" s="102">
        <v>98</v>
      </c>
      <c r="GM32" s="102">
        <v>97</v>
      </c>
      <c r="GN32" s="102">
        <v>83</v>
      </c>
      <c r="GO32" s="102">
        <v>90</v>
      </c>
      <c r="GP32" s="102">
        <v>46</v>
      </c>
      <c r="GQ32" s="103">
        <v>414</v>
      </c>
      <c r="GR32" s="104">
        <v>506</v>
      </c>
      <c r="GS32" s="105">
        <v>46</v>
      </c>
      <c r="GT32" s="97">
        <v>83</v>
      </c>
      <c r="GU32" s="98">
        <v>129</v>
      </c>
      <c r="GV32" s="413">
        <v>0</v>
      </c>
      <c r="GW32" s="97">
        <v>143</v>
      </c>
      <c r="GX32" s="97">
        <v>147</v>
      </c>
      <c r="GY32" s="97">
        <v>123</v>
      </c>
      <c r="GZ32" s="97">
        <v>128</v>
      </c>
      <c r="HA32" s="97">
        <v>64</v>
      </c>
      <c r="HB32" s="99">
        <v>605</v>
      </c>
      <c r="HC32" s="100">
        <v>734</v>
      </c>
      <c r="HD32" s="101">
        <v>4</v>
      </c>
      <c r="HE32" s="102">
        <v>5</v>
      </c>
      <c r="HF32" s="103">
        <v>9</v>
      </c>
      <c r="HG32" s="416">
        <v>0</v>
      </c>
      <c r="HH32" s="102">
        <v>6</v>
      </c>
      <c r="HI32" s="102">
        <v>7</v>
      </c>
      <c r="HJ32" s="102">
        <v>2</v>
      </c>
      <c r="HK32" s="102">
        <v>3</v>
      </c>
      <c r="HL32" s="102">
        <v>2</v>
      </c>
      <c r="HM32" s="103">
        <v>20</v>
      </c>
      <c r="HN32" s="104">
        <v>29</v>
      </c>
      <c r="HO32" s="101">
        <v>3</v>
      </c>
      <c r="HP32" s="102">
        <v>10</v>
      </c>
      <c r="HQ32" s="103">
        <v>13</v>
      </c>
      <c r="HR32" s="413">
        <v>0</v>
      </c>
      <c r="HS32" s="102">
        <v>9</v>
      </c>
      <c r="HT32" s="102">
        <v>9</v>
      </c>
      <c r="HU32" s="102">
        <v>15</v>
      </c>
      <c r="HV32" s="102">
        <v>6</v>
      </c>
      <c r="HW32" s="102">
        <v>4</v>
      </c>
      <c r="HX32" s="103">
        <v>43</v>
      </c>
      <c r="HY32" s="104">
        <v>56</v>
      </c>
      <c r="HZ32" s="101">
        <v>4</v>
      </c>
      <c r="IA32" s="102">
        <v>11</v>
      </c>
      <c r="IB32" s="103">
        <v>15</v>
      </c>
      <c r="IC32" s="413">
        <v>0</v>
      </c>
      <c r="ID32" s="102">
        <v>24</v>
      </c>
      <c r="IE32" s="102">
        <v>16</v>
      </c>
      <c r="IF32" s="102">
        <v>11</v>
      </c>
      <c r="IG32" s="102">
        <v>19</v>
      </c>
      <c r="IH32" s="102">
        <v>8</v>
      </c>
      <c r="II32" s="103">
        <v>78</v>
      </c>
      <c r="IJ32" s="104">
        <v>93</v>
      </c>
      <c r="IK32" s="101">
        <v>13</v>
      </c>
      <c r="IL32" s="102">
        <v>25</v>
      </c>
      <c r="IM32" s="103">
        <v>38</v>
      </c>
      <c r="IN32" s="413">
        <v>0</v>
      </c>
      <c r="IO32" s="102">
        <v>35</v>
      </c>
      <c r="IP32" s="102">
        <v>30</v>
      </c>
      <c r="IQ32" s="102">
        <v>33</v>
      </c>
      <c r="IR32" s="102">
        <v>20</v>
      </c>
      <c r="IS32" s="102">
        <v>15</v>
      </c>
      <c r="IT32" s="103">
        <v>133</v>
      </c>
      <c r="IU32" s="104">
        <v>171</v>
      </c>
      <c r="IV32" s="101">
        <v>14</v>
      </c>
      <c r="IW32" s="102">
        <v>18</v>
      </c>
      <c r="IX32" s="103">
        <v>32</v>
      </c>
      <c r="IY32" s="413">
        <v>0</v>
      </c>
      <c r="IZ32" s="102">
        <v>27</v>
      </c>
      <c r="JA32" s="102">
        <v>42</v>
      </c>
      <c r="JB32" s="102">
        <v>34</v>
      </c>
      <c r="JC32" s="102">
        <v>31</v>
      </c>
      <c r="JD32" s="102">
        <v>12</v>
      </c>
      <c r="JE32" s="103">
        <v>146</v>
      </c>
      <c r="JF32" s="104">
        <v>178</v>
      </c>
      <c r="JG32" s="101">
        <v>8</v>
      </c>
      <c r="JH32" s="102">
        <v>14</v>
      </c>
      <c r="JI32" s="103">
        <v>22</v>
      </c>
      <c r="JJ32" s="413">
        <v>0</v>
      </c>
      <c r="JK32" s="102">
        <v>42</v>
      </c>
      <c r="JL32" s="102">
        <v>43</v>
      </c>
      <c r="JM32" s="102">
        <v>28</v>
      </c>
      <c r="JN32" s="102">
        <v>49</v>
      </c>
      <c r="JO32" s="102">
        <v>23</v>
      </c>
      <c r="JP32" s="103">
        <v>185</v>
      </c>
      <c r="JQ32" s="104">
        <v>207</v>
      </c>
      <c r="JR32" s="101">
        <v>0</v>
      </c>
      <c r="JS32" s="102">
        <v>1</v>
      </c>
      <c r="JT32" s="103">
        <v>1</v>
      </c>
      <c r="JU32" s="413">
        <v>0</v>
      </c>
      <c r="JV32" s="102">
        <v>3</v>
      </c>
      <c r="JW32" s="102">
        <v>2</v>
      </c>
      <c r="JX32" s="102">
        <v>4</v>
      </c>
      <c r="JY32" s="102">
        <v>3</v>
      </c>
      <c r="JZ32" s="102">
        <v>5</v>
      </c>
      <c r="KA32" s="103">
        <v>17</v>
      </c>
      <c r="KB32" s="104">
        <v>18</v>
      </c>
      <c r="KC32" s="101">
        <v>46</v>
      </c>
      <c r="KD32" s="102">
        <v>84</v>
      </c>
      <c r="KE32" s="103">
        <v>130</v>
      </c>
      <c r="KF32" s="413">
        <v>0</v>
      </c>
      <c r="KG32" s="102">
        <v>146</v>
      </c>
      <c r="KH32" s="102">
        <v>149</v>
      </c>
      <c r="KI32" s="102">
        <v>127</v>
      </c>
      <c r="KJ32" s="102">
        <v>131</v>
      </c>
      <c r="KK32" s="102">
        <v>69</v>
      </c>
      <c r="KL32" s="103">
        <v>622</v>
      </c>
      <c r="KM32" s="104">
        <v>752</v>
      </c>
    </row>
    <row r="33" spans="2:299" s="70" customFormat="1" ht="21" customHeight="1" x14ac:dyDescent="0.2">
      <c r="B33" s="106" t="s">
        <v>30</v>
      </c>
      <c r="C33" s="96">
        <v>25</v>
      </c>
      <c r="D33" s="97">
        <v>16</v>
      </c>
      <c r="E33" s="98">
        <v>41</v>
      </c>
      <c r="F33" s="413">
        <v>0</v>
      </c>
      <c r="G33" s="97">
        <v>47</v>
      </c>
      <c r="H33" s="97">
        <v>32</v>
      </c>
      <c r="I33" s="97">
        <v>31</v>
      </c>
      <c r="J33" s="97">
        <v>28</v>
      </c>
      <c r="K33" s="97">
        <v>12</v>
      </c>
      <c r="L33" s="99">
        <v>150</v>
      </c>
      <c r="M33" s="100">
        <v>191</v>
      </c>
      <c r="N33" s="101">
        <v>2</v>
      </c>
      <c r="O33" s="102">
        <v>2</v>
      </c>
      <c r="P33" s="103">
        <v>4</v>
      </c>
      <c r="Q33" s="413">
        <v>0</v>
      </c>
      <c r="R33" s="102">
        <v>2</v>
      </c>
      <c r="S33" s="102">
        <v>1</v>
      </c>
      <c r="T33" s="102">
        <v>1</v>
      </c>
      <c r="U33" s="102">
        <v>1</v>
      </c>
      <c r="V33" s="102">
        <v>2</v>
      </c>
      <c r="W33" s="103">
        <v>7</v>
      </c>
      <c r="X33" s="104">
        <v>11</v>
      </c>
      <c r="Y33" s="101">
        <v>5</v>
      </c>
      <c r="Z33" s="102">
        <v>2</v>
      </c>
      <c r="AA33" s="103">
        <v>7</v>
      </c>
      <c r="AB33" s="413">
        <v>0</v>
      </c>
      <c r="AC33" s="102">
        <v>6</v>
      </c>
      <c r="AD33" s="102">
        <v>6</v>
      </c>
      <c r="AE33" s="102">
        <v>0</v>
      </c>
      <c r="AF33" s="102">
        <v>6</v>
      </c>
      <c r="AG33" s="102">
        <v>1</v>
      </c>
      <c r="AH33" s="103">
        <v>19</v>
      </c>
      <c r="AI33" s="104">
        <v>26</v>
      </c>
      <c r="AJ33" s="101">
        <v>7</v>
      </c>
      <c r="AK33" s="102">
        <v>3</v>
      </c>
      <c r="AL33" s="103">
        <v>10</v>
      </c>
      <c r="AM33" s="413">
        <v>0</v>
      </c>
      <c r="AN33" s="102">
        <v>6</v>
      </c>
      <c r="AO33" s="102">
        <v>6</v>
      </c>
      <c r="AP33" s="102">
        <v>7</v>
      </c>
      <c r="AQ33" s="102">
        <v>9</v>
      </c>
      <c r="AR33" s="102">
        <v>1</v>
      </c>
      <c r="AS33" s="103">
        <v>29</v>
      </c>
      <c r="AT33" s="104">
        <v>39</v>
      </c>
      <c r="AU33" s="101">
        <v>5</v>
      </c>
      <c r="AV33" s="102">
        <v>3</v>
      </c>
      <c r="AW33" s="103">
        <v>8</v>
      </c>
      <c r="AX33" s="413">
        <v>0</v>
      </c>
      <c r="AY33" s="102">
        <v>15</v>
      </c>
      <c r="AZ33" s="102">
        <v>6</v>
      </c>
      <c r="BA33" s="102">
        <v>3</v>
      </c>
      <c r="BB33" s="102">
        <v>3</v>
      </c>
      <c r="BC33" s="102">
        <v>4</v>
      </c>
      <c r="BD33" s="103">
        <v>31</v>
      </c>
      <c r="BE33" s="104">
        <v>39</v>
      </c>
      <c r="BF33" s="101">
        <v>4</v>
      </c>
      <c r="BG33" s="102">
        <v>2</v>
      </c>
      <c r="BH33" s="103">
        <v>6</v>
      </c>
      <c r="BI33" s="413">
        <v>0</v>
      </c>
      <c r="BJ33" s="102">
        <v>12</v>
      </c>
      <c r="BK33" s="102">
        <v>5</v>
      </c>
      <c r="BL33" s="102">
        <v>10</v>
      </c>
      <c r="BM33" s="102">
        <v>3</v>
      </c>
      <c r="BN33" s="102">
        <v>2</v>
      </c>
      <c r="BO33" s="103">
        <v>32</v>
      </c>
      <c r="BP33" s="104">
        <v>38</v>
      </c>
      <c r="BQ33" s="101">
        <v>2</v>
      </c>
      <c r="BR33" s="102">
        <v>4</v>
      </c>
      <c r="BS33" s="103">
        <v>6</v>
      </c>
      <c r="BT33" s="413">
        <v>0</v>
      </c>
      <c r="BU33" s="102">
        <v>6</v>
      </c>
      <c r="BV33" s="102">
        <v>8</v>
      </c>
      <c r="BW33" s="102">
        <v>10</v>
      </c>
      <c r="BX33" s="102">
        <v>6</v>
      </c>
      <c r="BY33" s="102">
        <v>2</v>
      </c>
      <c r="BZ33" s="103">
        <v>32</v>
      </c>
      <c r="CA33" s="104">
        <v>38</v>
      </c>
      <c r="CB33" s="101">
        <v>0</v>
      </c>
      <c r="CC33" s="102">
        <v>1</v>
      </c>
      <c r="CD33" s="103">
        <v>1</v>
      </c>
      <c r="CE33" s="413">
        <v>0</v>
      </c>
      <c r="CF33" s="102">
        <v>0</v>
      </c>
      <c r="CG33" s="102">
        <v>3</v>
      </c>
      <c r="CH33" s="102">
        <v>1</v>
      </c>
      <c r="CI33" s="102">
        <v>1</v>
      </c>
      <c r="CJ33" s="102">
        <v>0</v>
      </c>
      <c r="CK33" s="103">
        <v>5</v>
      </c>
      <c r="CL33" s="104">
        <v>6</v>
      </c>
      <c r="CM33" s="101">
        <v>25</v>
      </c>
      <c r="CN33" s="102">
        <v>17</v>
      </c>
      <c r="CO33" s="103">
        <v>42</v>
      </c>
      <c r="CP33" s="413">
        <v>0</v>
      </c>
      <c r="CQ33" s="102">
        <v>47</v>
      </c>
      <c r="CR33" s="102">
        <v>35</v>
      </c>
      <c r="CS33" s="102">
        <v>32</v>
      </c>
      <c r="CT33" s="102">
        <v>29</v>
      </c>
      <c r="CU33" s="102">
        <v>12</v>
      </c>
      <c r="CV33" s="103">
        <v>155</v>
      </c>
      <c r="CW33" s="104">
        <v>197</v>
      </c>
      <c r="CX33" s="105">
        <v>41</v>
      </c>
      <c r="CY33" s="97">
        <v>36</v>
      </c>
      <c r="CZ33" s="98">
        <v>77</v>
      </c>
      <c r="DA33" s="413">
        <v>0</v>
      </c>
      <c r="DB33" s="97">
        <v>104</v>
      </c>
      <c r="DC33" s="97">
        <v>72</v>
      </c>
      <c r="DD33" s="97">
        <v>67</v>
      </c>
      <c r="DE33" s="97">
        <v>74</v>
      </c>
      <c r="DF33" s="97">
        <v>40</v>
      </c>
      <c r="DG33" s="99">
        <v>357</v>
      </c>
      <c r="DH33" s="100">
        <v>434</v>
      </c>
      <c r="DI33" s="101">
        <v>1</v>
      </c>
      <c r="DJ33" s="102">
        <v>1</v>
      </c>
      <c r="DK33" s="103">
        <v>2</v>
      </c>
      <c r="DL33" s="413">
        <v>0</v>
      </c>
      <c r="DM33" s="102">
        <v>1</v>
      </c>
      <c r="DN33" s="102">
        <v>0</v>
      </c>
      <c r="DO33" s="102">
        <v>0</v>
      </c>
      <c r="DP33" s="102">
        <v>2</v>
      </c>
      <c r="DQ33" s="102">
        <v>1</v>
      </c>
      <c r="DR33" s="103">
        <v>4</v>
      </c>
      <c r="DS33" s="104">
        <v>6</v>
      </c>
      <c r="DT33" s="101">
        <v>8</v>
      </c>
      <c r="DU33" s="102">
        <v>1</v>
      </c>
      <c r="DV33" s="103">
        <v>9</v>
      </c>
      <c r="DW33" s="413">
        <v>0</v>
      </c>
      <c r="DX33" s="102">
        <v>3</v>
      </c>
      <c r="DY33" s="102">
        <v>4</v>
      </c>
      <c r="DZ33" s="102">
        <v>2</v>
      </c>
      <c r="EA33" s="102">
        <v>3</v>
      </c>
      <c r="EB33" s="102">
        <v>2</v>
      </c>
      <c r="EC33" s="103">
        <v>14</v>
      </c>
      <c r="ED33" s="104">
        <v>23</v>
      </c>
      <c r="EE33" s="101">
        <v>5</v>
      </c>
      <c r="EF33" s="102">
        <v>7</v>
      </c>
      <c r="EG33" s="103">
        <v>12</v>
      </c>
      <c r="EH33" s="413">
        <v>0</v>
      </c>
      <c r="EI33" s="102">
        <v>9</v>
      </c>
      <c r="EJ33" s="102">
        <v>7</v>
      </c>
      <c r="EK33" s="102">
        <v>10</v>
      </c>
      <c r="EL33" s="102">
        <v>3</v>
      </c>
      <c r="EM33" s="102">
        <v>2</v>
      </c>
      <c r="EN33" s="103">
        <v>31</v>
      </c>
      <c r="EO33" s="104">
        <v>43</v>
      </c>
      <c r="EP33" s="101">
        <v>11</v>
      </c>
      <c r="EQ33" s="102">
        <v>10</v>
      </c>
      <c r="ER33" s="103">
        <v>21</v>
      </c>
      <c r="ES33" s="413">
        <v>0</v>
      </c>
      <c r="ET33" s="102">
        <v>27</v>
      </c>
      <c r="EU33" s="102">
        <v>20</v>
      </c>
      <c r="EV33" s="102">
        <v>12</v>
      </c>
      <c r="EW33" s="102">
        <v>12</v>
      </c>
      <c r="EX33" s="102">
        <v>9</v>
      </c>
      <c r="EY33" s="103">
        <v>80</v>
      </c>
      <c r="EZ33" s="104">
        <v>101</v>
      </c>
      <c r="FA33" s="101">
        <v>13</v>
      </c>
      <c r="FB33" s="102">
        <v>10</v>
      </c>
      <c r="FC33" s="103">
        <v>23</v>
      </c>
      <c r="FD33" s="413">
        <v>0</v>
      </c>
      <c r="FE33" s="102">
        <v>30</v>
      </c>
      <c r="FF33" s="102">
        <v>16</v>
      </c>
      <c r="FG33" s="102">
        <v>7</v>
      </c>
      <c r="FH33" s="102">
        <v>15</v>
      </c>
      <c r="FI33" s="102">
        <v>8</v>
      </c>
      <c r="FJ33" s="103">
        <v>76</v>
      </c>
      <c r="FK33" s="104">
        <v>99</v>
      </c>
      <c r="FL33" s="101">
        <v>3</v>
      </c>
      <c r="FM33" s="102">
        <v>7</v>
      </c>
      <c r="FN33" s="103">
        <v>10</v>
      </c>
      <c r="FO33" s="413">
        <v>0</v>
      </c>
      <c r="FP33" s="102">
        <v>34</v>
      </c>
      <c r="FQ33" s="102">
        <v>25</v>
      </c>
      <c r="FR33" s="102">
        <v>36</v>
      </c>
      <c r="FS33" s="102">
        <v>39</v>
      </c>
      <c r="FT33" s="102">
        <v>18</v>
      </c>
      <c r="FU33" s="103">
        <v>152</v>
      </c>
      <c r="FV33" s="104">
        <v>162</v>
      </c>
      <c r="FW33" s="101">
        <v>0</v>
      </c>
      <c r="FX33" s="102">
        <v>0</v>
      </c>
      <c r="FY33" s="103">
        <v>0</v>
      </c>
      <c r="FZ33" s="413">
        <v>0</v>
      </c>
      <c r="GA33" s="102">
        <v>0</v>
      </c>
      <c r="GB33" s="102">
        <v>1</v>
      </c>
      <c r="GC33" s="102">
        <v>1</v>
      </c>
      <c r="GD33" s="102">
        <v>0</v>
      </c>
      <c r="GE33" s="102">
        <v>2</v>
      </c>
      <c r="GF33" s="103">
        <v>4</v>
      </c>
      <c r="GG33" s="104">
        <v>4</v>
      </c>
      <c r="GH33" s="101">
        <v>41</v>
      </c>
      <c r="GI33" s="102">
        <v>36</v>
      </c>
      <c r="GJ33" s="103">
        <v>77</v>
      </c>
      <c r="GK33" s="413">
        <v>0</v>
      </c>
      <c r="GL33" s="102">
        <v>104</v>
      </c>
      <c r="GM33" s="102">
        <v>73</v>
      </c>
      <c r="GN33" s="102">
        <v>68</v>
      </c>
      <c r="GO33" s="102">
        <v>74</v>
      </c>
      <c r="GP33" s="102">
        <v>42</v>
      </c>
      <c r="GQ33" s="103">
        <v>361</v>
      </c>
      <c r="GR33" s="104">
        <v>438</v>
      </c>
      <c r="GS33" s="105">
        <v>66</v>
      </c>
      <c r="GT33" s="97">
        <v>52</v>
      </c>
      <c r="GU33" s="98">
        <v>118</v>
      </c>
      <c r="GV33" s="413">
        <v>0</v>
      </c>
      <c r="GW33" s="97">
        <v>151</v>
      </c>
      <c r="GX33" s="97">
        <v>104</v>
      </c>
      <c r="GY33" s="97">
        <v>98</v>
      </c>
      <c r="GZ33" s="97">
        <v>102</v>
      </c>
      <c r="HA33" s="97">
        <v>52</v>
      </c>
      <c r="HB33" s="99">
        <v>507</v>
      </c>
      <c r="HC33" s="100">
        <v>625</v>
      </c>
      <c r="HD33" s="101">
        <v>3</v>
      </c>
      <c r="HE33" s="102">
        <v>3</v>
      </c>
      <c r="HF33" s="103">
        <v>6</v>
      </c>
      <c r="HG33" s="416">
        <v>0</v>
      </c>
      <c r="HH33" s="102">
        <v>3</v>
      </c>
      <c r="HI33" s="102">
        <v>1</v>
      </c>
      <c r="HJ33" s="102">
        <v>1</v>
      </c>
      <c r="HK33" s="102">
        <v>3</v>
      </c>
      <c r="HL33" s="102">
        <v>3</v>
      </c>
      <c r="HM33" s="103">
        <v>11</v>
      </c>
      <c r="HN33" s="104">
        <v>17</v>
      </c>
      <c r="HO33" s="101">
        <v>13</v>
      </c>
      <c r="HP33" s="102">
        <v>3</v>
      </c>
      <c r="HQ33" s="103">
        <v>16</v>
      </c>
      <c r="HR33" s="413">
        <v>0</v>
      </c>
      <c r="HS33" s="102">
        <v>9</v>
      </c>
      <c r="HT33" s="102">
        <v>10</v>
      </c>
      <c r="HU33" s="102">
        <v>2</v>
      </c>
      <c r="HV33" s="102">
        <v>9</v>
      </c>
      <c r="HW33" s="102">
        <v>3</v>
      </c>
      <c r="HX33" s="103">
        <v>33</v>
      </c>
      <c r="HY33" s="104">
        <v>49</v>
      </c>
      <c r="HZ33" s="101">
        <v>12</v>
      </c>
      <c r="IA33" s="102">
        <v>10</v>
      </c>
      <c r="IB33" s="103">
        <v>22</v>
      </c>
      <c r="IC33" s="413">
        <v>0</v>
      </c>
      <c r="ID33" s="102">
        <v>15</v>
      </c>
      <c r="IE33" s="102">
        <v>13</v>
      </c>
      <c r="IF33" s="102">
        <v>17</v>
      </c>
      <c r="IG33" s="102">
        <v>12</v>
      </c>
      <c r="IH33" s="102">
        <v>3</v>
      </c>
      <c r="II33" s="103">
        <v>60</v>
      </c>
      <c r="IJ33" s="104">
        <v>82</v>
      </c>
      <c r="IK33" s="101">
        <v>16</v>
      </c>
      <c r="IL33" s="102">
        <v>13</v>
      </c>
      <c r="IM33" s="103">
        <v>29</v>
      </c>
      <c r="IN33" s="413">
        <v>0</v>
      </c>
      <c r="IO33" s="102">
        <v>42</v>
      </c>
      <c r="IP33" s="102">
        <v>26</v>
      </c>
      <c r="IQ33" s="102">
        <v>15</v>
      </c>
      <c r="IR33" s="102">
        <v>15</v>
      </c>
      <c r="IS33" s="102">
        <v>13</v>
      </c>
      <c r="IT33" s="103">
        <v>111</v>
      </c>
      <c r="IU33" s="104">
        <v>140</v>
      </c>
      <c r="IV33" s="101">
        <v>17</v>
      </c>
      <c r="IW33" s="102">
        <v>12</v>
      </c>
      <c r="IX33" s="103">
        <v>29</v>
      </c>
      <c r="IY33" s="413">
        <v>0</v>
      </c>
      <c r="IZ33" s="102">
        <v>42</v>
      </c>
      <c r="JA33" s="102">
        <v>21</v>
      </c>
      <c r="JB33" s="102">
        <v>17</v>
      </c>
      <c r="JC33" s="102">
        <v>18</v>
      </c>
      <c r="JD33" s="102">
        <v>10</v>
      </c>
      <c r="JE33" s="103">
        <v>108</v>
      </c>
      <c r="JF33" s="104">
        <v>137</v>
      </c>
      <c r="JG33" s="101">
        <v>5</v>
      </c>
      <c r="JH33" s="102">
        <v>11</v>
      </c>
      <c r="JI33" s="103">
        <v>16</v>
      </c>
      <c r="JJ33" s="413">
        <v>0</v>
      </c>
      <c r="JK33" s="102">
        <v>40</v>
      </c>
      <c r="JL33" s="102">
        <v>33</v>
      </c>
      <c r="JM33" s="102">
        <v>46</v>
      </c>
      <c r="JN33" s="102">
        <v>45</v>
      </c>
      <c r="JO33" s="102">
        <v>20</v>
      </c>
      <c r="JP33" s="103">
        <v>184</v>
      </c>
      <c r="JQ33" s="104">
        <v>200</v>
      </c>
      <c r="JR33" s="101">
        <v>0</v>
      </c>
      <c r="JS33" s="102">
        <v>1</v>
      </c>
      <c r="JT33" s="103">
        <v>1</v>
      </c>
      <c r="JU33" s="413">
        <v>0</v>
      </c>
      <c r="JV33" s="102">
        <v>0</v>
      </c>
      <c r="JW33" s="102">
        <v>4</v>
      </c>
      <c r="JX33" s="102">
        <v>2</v>
      </c>
      <c r="JY33" s="102">
        <v>1</v>
      </c>
      <c r="JZ33" s="102">
        <v>2</v>
      </c>
      <c r="KA33" s="103">
        <v>9</v>
      </c>
      <c r="KB33" s="104">
        <v>10</v>
      </c>
      <c r="KC33" s="101">
        <v>66</v>
      </c>
      <c r="KD33" s="102">
        <v>53</v>
      </c>
      <c r="KE33" s="103">
        <v>119</v>
      </c>
      <c r="KF33" s="413">
        <v>0</v>
      </c>
      <c r="KG33" s="102">
        <v>151</v>
      </c>
      <c r="KH33" s="102">
        <v>108</v>
      </c>
      <c r="KI33" s="102">
        <v>100</v>
      </c>
      <c r="KJ33" s="102">
        <v>103</v>
      </c>
      <c r="KK33" s="102">
        <v>54</v>
      </c>
      <c r="KL33" s="103">
        <v>516</v>
      </c>
      <c r="KM33" s="104">
        <v>635</v>
      </c>
    </row>
    <row r="34" spans="2:299" s="70" customFormat="1" ht="21" customHeight="1" x14ac:dyDescent="0.2">
      <c r="B34" s="106" t="s">
        <v>31</v>
      </c>
      <c r="C34" s="96">
        <v>20</v>
      </c>
      <c r="D34" s="97">
        <v>37</v>
      </c>
      <c r="E34" s="98">
        <v>57</v>
      </c>
      <c r="F34" s="413">
        <v>0</v>
      </c>
      <c r="G34" s="97">
        <v>47</v>
      </c>
      <c r="H34" s="97">
        <v>51</v>
      </c>
      <c r="I34" s="97">
        <v>48</v>
      </c>
      <c r="J34" s="97">
        <v>30</v>
      </c>
      <c r="K34" s="97">
        <v>21</v>
      </c>
      <c r="L34" s="99">
        <v>197</v>
      </c>
      <c r="M34" s="100">
        <v>254</v>
      </c>
      <c r="N34" s="101">
        <v>2</v>
      </c>
      <c r="O34" s="102">
        <v>3</v>
      </c>
      <c r="P34" s="103">
        <v>5</v>
      </c>
      <c r="Q34" s="413">
        <v>0</v>
      </c>
      <c r="R34" s="102">
        <v>1</v>
      </c>
      <c r="S34" s="102">
        <v>2</v>
      </c>
      <c r="T34" s="102">
        <v>3</v>
      </c>
      <c r="U34" s="102">
        <v>1</v>
      </c>
      <c r="V34" s="102">
        <v>1</v>
      </c>
      <c r="W34" s="103">
        <v>8</v>
      </c>
      <c r="X34" s="104">
        <v>13</v>
      </c>
      <c r="Y34" s="101">
        <v>3</v>
      </c>
      <c r="Z34" s="102">
        <v>6</v>
      </c>
      <c r="AA34" s="103">
        <v>9</v>
      </c>
      <c r="AB34" s="413">
        <v>0</v>
      </c>
      <c r="AC34" s="102">
        <v>8</v>
      </c>
      <c r="AD34" s="102">
        <v>6</v>
      </c>
      <c r="AE34" s="102">
        <v>5</v>
      </c>
      <c r="AF34" s="102">
        <v>5</v>
      </c>
      <c r="AG34" s="102">
        <v>4</v>
      </c>
      <c r="AH34" s="103">
        <v>28</v>
      </c>
      <c r="AI34" s="104">
        <v>37</v>
      </c>
      <c r="AJ34" s="101">
        <v>3</v>
      </c>
      <c r="AK34" s="102">
        <v>5</v>
      </c>
      <c r="AL34" s="103">
        <v>8</v>
      </c>
      <c r="AM34" s="413">
        <v>0</v>
      </c>
      <c r="AN34" s="102">
        <v>10</v>
      </c>
      <c r="AO34" s="102">
        <v>11</v>
      </c>
      <c r="AP34" s="102">
        <v>8</v>
      </c>
      <c r="AQ34" s="102">
        <v>5</v>
      </c>
      <c r="AR34" s="102">
        <v>7</v>
      </c>
      <c r="AS34" s="103">
        <v>41</v>
      </c>
      <c r="AT34" s="104">
        <v>49</v>
      </c>
      <c r="AU34" s="101">
        <v>4</v>
      </c>
      <c r="AV34" s="102">
        <v>9</v>
      </c>
      <c r="AW34" s="103">
        <v>13</v>
      </c>
      <c r="AX34" s="413">
        <v>0</v>
      </c>
      <c r="AY34" s="102">
        <v>9</v>
      </c>
      <c r="AZ34" s="102">
        <v>13</v>
      </c>
      <c r="BA34" s="102">
        <v>4</v>
      </c>
      <c r="BB34" s="102">
        <v>3</v>
      </c>
      <c r="BC34" s="102">
        <v>4</v>
      </c>
      <c r="BD34" s="103">
        <v>33</v>
      </c>
      <c r="BE34" s="104">
        <v>46</v>
      </c>
      <c r="BF34" s="101">
        <v>4</v>
      </c>
      <c r="BG34" s="102">
        <v>10</v>
      </c>
      <c r="BH34" s="103">
        <v>14</v>
      </c>
      <c r="BI34" s="413">
        <v>0</v>
      </c>
      <c r="BJ34" s="102">
        <v>11</v>
      </c>
      <c r="BK34" s="102">
        <v>12</v>
      </c>
      <c r="BL34" s="102">
        <v>12</v>
      </c>
      <c r="BM34" s="102">
        <v>6</v>
      </c>
      <c r="BN34" s="102">
        <v>3</v>
      </c>
      <c r="BO34" s="103">
        <v>44</v>
      </c>
      <c r="BP34" s="104">
        <v>58</v>
      </c>
      <c r="BQ34" s="101">
        <v>4</v>
      </c>
      <c r="BR34" s="102">
        <v>4</v>
      </c>
      <c r="BS34" s="103">
        <v>8</v>
      </c>
      <c r="BT34" s="413">
        <v>0</v>
      </c>
      <c r="BU34" s="102">
        <v>8</v>
      </c>
      <c r="BV34" s="102">
        <v>7</v>
      </c>
      <c r="BW34" s="102">
        <v>16</v>
      </c>
      <c r="BX34" s="102">
        <v>10</v>
      </c>
      <c r="BY34" s="102">
        <v>2</v>
      </c>
      <c r="BZ34" s="103">
        <v>43</v>
      </c>
      <c r="CA34" s="104">
        <v>51</v>
      </c>
      <c r="CB34" s="101">
        <v>1</v>
      </c>
      <c r="CC34" s="102">
        <v>2</v>
      </c>
      <c r="CD34" s="103">
        <v>3</v>
      </c>
      <c r="CE34" s="413">
        <v>0</v>
      </c>
      <c r="CF34" s="102">
        <v>1</v>
      </c>
      <c r="CG34" s="102">
        <v>0</v>
      </c>
      <c r="CH34" s="102">
        <v>1</v>
      </c>
      <c r="CI34" s="102">
        <v>1</v>
      </c>
      <c r="CJ34" s="102">
        <v>1</v>
      </c>
      <c r="CK34" s="103">
        <v>4</v>
      </c>
      <c r="CL34" s="104">
        <v>7</v>
      </c>
      <c r="CM34" s="101">
        <v>21</v>
      </c>
      <c r="CN34" s="102">
        <v>39</v>
      </c>
      <c r="CO34" s="103">
        <v>60</v>
      </c>
      <c r="CP34" s="413">
        <v>0</v>
      </c>
      <c r="CQ34" s="102">
        <v>48</v>
      </c>
      <c r="CR34" s="102">
        <v>51</v>
      </c>
      <c r="CS34" s="102">
        <v>49</v>
      </c>
      <c r="CT34" s="102">
        <v>31</v>
      </c>
      <c r="CU34" s="102">
        <v>22</v>
      </c>
      <c r="CV34" s="103">
        <v>201</v>
      </c>
      <c r="CW34" s="104">
        <v>261</v>
      </c>
      <c r="CX34" s="105">
        <v>50</v>
      </c>
      <c r="CY34" s="97">
        <v>102</v>
      </c>
      <c r="CZ34" s="98">
        <v>152</v>
      </c>
      <c r="DA34" s="413">
        <v>0</v>
      </c>
      <c r="DB34" s="97">
        <v>101</v>
      </c>
      <c r="DC34" s="97">
        <v>87</v>
      </c>
      <c r="DD34" s="97">
        <v>80</v>
      </c>
      <c r="DE34" s="97">
        <v>62</v>
      </c>
      <c r="DF34" s="97">
        <v>34</v>
      </c>
      <c r="DG34" s="99">
        <v>364</v>
      </c>
      <c r="DH34" s="100">
        <v>516</v>
      </c>
      <c r="DI34" s="101">
        <v>1</v>
      </c>
      <c r="DJ34" s="102">
        <v>1</v>
      </c>
      <c r="DK34" s="103">
        <v>2</v>
      </c>
      <c r="DL34" s="413">
        <v>0</v>
      </c>
      <c r="DM34" s="102">
        <v>3</v>
      </c>
      <c r="DN34" s="102">
        <v>2</v>
      </c>
      <c r="DO34" s="102">
        <v>2</v>
      </c>
      <c r="DP34" s="102">
        <v>1</v>
      </c>
      <c r="DQ34" s="102">
        <v>1</v>
      </c>
      <c r="DR34" s="103">
        <v>9</v>
      </c>
      <c r="DS34" s="104">
        <v>11</v>
      </c>
      <c r="DT34" s="101">
        <v>2</v>
      </c>
      <c r="DU34" s="102">
        <v>4</v>
      </c>
      <c r="DV34" s="103">
        <v>6</v>
      </c>
      <c r="DW34" s="413">
        <v>0</v>
      </c>
      <c r="DX34" s="102">
        <v>5</v>
      </c>
      <c r="DY34" s="102">
        <v>3</v>
      </c>
      <c r="DZ34" s="102">
        <v>6</v>
      </c>
      <c r="EA34" s="102">
        <v>1</v>
      </c>
      <c r="EB34" s="102">
        <v>3</v>
      </c>
      <c r="EC34" s="103">
        <v>18</v>
      </c>
      <c r="ED34" s="104">
        <v>24</v>
      </c>
      <c r="EE34" s="101">
        <v>6</v>
      </c>
      <c r="EF34" s="102">
        <v>11</v>
      </c>
      <c r="EG34" s="103">
        <v>17</v>
      </c>
      <c r="EH34" s="413">
        <v>0</v>
      </c>
      <c r="EI34" s="102">
        <v>17</v>
      </c>
      <c r="EJ34" s="102">
        <v>10</v>
      </c>
      <c r="EK34" s="102">
        <v>6</v>
      </c>
      <c r="EL34" s="102">
        <v>6</v>
      </c>
      <c r="EM34" s="102">
        <v>2</v>
      </c>
      <c r="EN34" s="103">
        <v>41</v>
      </c>
      <c r="EO34" s="104">
        <v>58</v>
      </c>
      <c r="EP34" s="101">
        <v>10</v>
      </c>
      <c r="EQ34" s="102">
        <v>34</v>
      </c>
      <c r="ER34" s="103">
        <v>44</v>
      </c>
      <c r="ES34" s="413">
        <v>0</v>
      </c>
      <c r="ET34" s="102">
        <v>20</v>
      </c>
      <c r="EU34" s="102">
        <v>12</v>
      </c>
      <c r="EV34" s="102">
        <v>10</v>
      </c>
      <c r="EW34" s="102">
        <v>5</v>
      </c>
      <c r="EX34" s="102">
        <v>3</v>
      </c>
      <c r="EY34" s="103">
        <v>50</v>
      </c>
      <c r="EZ34" s="104">
        <v>94</v>
      </c>
      <c r="FA34" s="101">
        <v>20</v>
      </c>
      <c r="FB34" s="102">
        <v>29</v>
      </c>
      <c r="FC34" s="103">
        <v>49</v>
      </c>
      <c r="FD34" s="413">
        <v>0</v>
      </c>
      <c r="FE34" s="102">
        <v>19</v>
      </c>
      <c r="FF34" s="102">
        <v>26</v>
      </c>
      <c r="FG34" s="102">
        <v>20</v>
      </c>
      <c r="FH34" s="102">
        <v>17</v>
      </c>
      <c r="FI34" s="102">
        <v>10</v>
      </c>
      <c r="FJ34" s="103">
        <v>92</v>
      </c>
      <c r="FK34" s="104">
        <v>141</v>
      </c>
      <c r="FL34" s="101">
        <v>11</v>
      </c>
      <c r="FM34" s="102">
        <v>23</v>
      </c>
      <c r="FN34" s="103">
        <v>34</v>
      </c>
      <c r="FO34" s="413">
        <v>0</v>
      </c>
      <c r="FP34" s="102">
        <v>37</v>
      </c>
      <c r="FQ34" s="102">
        <v>34</v>
      </c>
      <c r="FR34" s="102">
        <v>36</v>
      </c>
      <c r="FS34" s="102">
        <v>32</v>
      </c>
      <c r="FT34" s="102">
        <v>15</v>
      </c>
      <c r="FU34" s="103">
        <v>154</v>
      </c>
      <c r="FV34" s="104">
        <v>188</v>
      </c>
      <c r="FW34" s="101">
        <v>0</v>
      </c>
      <c r="FX34" s="102">
        <v>0</v>
      </c>
      <c r="FY34" s="103">
        <v>0</v>
      </c>
      <c r="FZ34" s="413">
        <v>0</v>
      </c>
      <c r="GA34" s="102">
        <v>1</v>
      </c>
      <c r="GB34" s="102">
        <v>0</v>
      </c>
      <c r="GC34" s="102">
        <v>1</v>
      </c>
      <c r="GD34" s="102">
        <v>2</v>
      </c>
      <c r="GE34" s="102">
        <v>1</v>
      </c>
      <c r="GF34" s="103">
        <v>5</v>
      </c>
      <c r="GG34" s="104">
        <v>5</v>
      </c>
      <c r="GH34" s="101">
        <v>50</v>
      </c>
      <c r="GI34" s="102">
        <v>102</v>
      </c>
      <c r="GJ34" s="103">
        <v>152</v>
      </c>
      <c r="GK34" s="413">
        <v>0</v>
      </c>
      <c r="GL34" s="102">
        <v>102</v>
      </c>
      <c r="GM34" s="102">
        <v>87</v>
      </c>
      <c r="GN34" s="102">
        <v>81</v>
      </c>
      <c r="GO34" s="102">
        <v>64</v>
      </c>
      <c r="GP34" s="102">
        <v>35</v>
      </c>
      <c r="GQ34" s="103">
        <v>369</v>
      </c>
      <c r="GR34" s="104">
        <v>521</v>
      </c>
      <c r="GS34" s="105">
        <v>70</v>
      </c>
      <c r="GT34" s="97">
        <v>139</v>
      </c>
      <c r="GU34" s="98">
        <v>209</v>
      </c>
      <c r="GV34" s="413">
        <v>0</v>
      </c>
      <c r="GW34" s="97">
        <v>148</v>
      </c>
      <c r="GX34" s="97">
        <v>138</v>
      </c>
      <c r="GY34" s="97">
        <v>128</v>
      </c>
      <c r="GZ34" s="97">
        <v>92</v>
      </c>
      <c r="HA34" s="97">
        <v>55</v>
      </c>
      <c r="HB34" s="99">
        <v>561</v>
      </c>
      <c r="HC34" s="100">
        <v>770</v>
      </c>
      <c r="HD34" s="101">
        <v>3</v>
      </c>
      <c r="HE34" s="102">
        <v>4</v>
      </c>
      <c r="HF34" s="103">
        <v>7</v>
      </c>
      <c r="HG34" s="416">
        <v>0</v>
      </c>
      <c r="HH34" s="102">
        <v>4</v>
      </c>
      <c r="HI34" s="102">
        <v>4</v>
      </c>
      <c r="HJ34" s="102">
        <v>5</v>
      </c>
      <c r="HK34" s="102">
        <v>2</v>
      </c>
      <c r="HL34" s="102">
        <v>2</v>
      </c>
      <c r="HM34" s="103">
        <v>17</v>
      </c>
      <c r="HN34" s="104">
        <v>24</v>
      </c>
      <c r="HO34" s="101">
        <v>5</v>
      </c>
      <c r="HP34" s="102">
        <v>10</v>
      </c>
      <c r="HQ34" s="103">
        <v>15</v>
      </c>
      <c r="HR34" s="413">
        <v>0</v>
      </c>
      <c r="HS34" s="102">
        <v>13</v>
      </c>
      <c r="HT34" s="102">
        <v>9</v>
      </c>
      <c r="HU34" s="102">
        <v>11</v>
      </c>
      <c r="HV34" s="102">
        <v>6</v>
      </c>
      <c r="HW34" s="102">
        <v>7</v>
      </c>
      <c r="HX34" s="103">
        <v>46</v>
      </c>
      <c r="HY34" s="104">
        <v>61</v>
      </c>
      <c r="HZ34" s="101">
        <v>9</v>
      </c>
      <c r="IA34" s="102">
        <v>16</v>
      </c>
      <c r="IB34" s="103">
        <v>25</v>
      </c>
      <c r="IC34" s="413">
        <v>0</v>
      </c>
      <c r="ID34" s="102">
        <v>27</v>
      </c>
      <c r="IE34" s="102">
        <v>21</v>
      </c>
      <c r="IF34" s="102">
        <v>14</v>
      </c>
      <c r="IG34" s="102">
        <v>11</v>
      </c>
      <c r="IH34" s="102">
        <v>9</v>
      </c>
      <c r="II34" s="103">
        <v>82</v>
      </c>
      <c r="IJ34" s="104">
        <v>107</v>
      </c>
      <c r="IK34" s="101">
        <v>14</v>
      </c>
      <c r="IL34" s="102">
        <v>43</v>
      </c>
      <c r="IM34" s="103">
        <v>57</v>
      </c>
      <c r="IN34" s="413">
        <v>0</v>
      </c>
      <c r="IO34" s="102">
        <v>29</v>
      </c>
      <c r="IP34" s="102">
        <v>25</v>
      </c>
      <c r="IQ34" s="102">
        <v>14</v>
      </c>
      <c r="IR34" s="102">
        <v>8</v>
      </c>
      <c r="IS34" s="102">
        <v>7</v>
      </c>
      <c r="IT34" s="103">
        <v>83</v>
      </c>
      <c r="IU34" s="104">
        <v>140</v>
      </c>
      <c r="IV34" s="101">
        <v>24</v>
      </c>
      <c r="IW34" s="102">
        <v>39</v>
      </c>
      <c r="IX34" s="103">
        <v>63</v>
      </c>
      <c r="IY34" s="413">
        <v>0</v>
      </c>
      <c r="IZ34" s="102">
        <v>30</v>
      </c>
      <c r="JA34" s="102">
        <v>38</v>
      </c>
      <c r="JB34" s="102">
        <v>32</v>
      </c>
      <c r="JC34" s="102">
        <v>23</v>
      </c>
      <c r="JD34" s="102">
        <v>13</v>
      </c>
      <c r="JE34" s="103">
        <v>136</v>
      </c>
      <c r="JF34" s="104">
        <v>199</v>
      </c>
      <c r="JG34" s="101">
        <v>15</v>
      </c>
      <c r="JH34" s="102">
        <v>27</v>
      </c>
      <c r="JI34" s="103">
        <v>42</v>
      </c>
      <c r="JJ34" s="413">
        <v>0</v>
      </c>
      <c r="JK34" s="102">
        <v>45</v>
      </c>
      <c r="JL34" s="102">
        <v>41</v>
      </c>
      <c r="JM34" s="102">
        <v>52</v>
      </c>
      <c r="JN34" s="102">
        <v>42</v>
      </c>
      <c r="JO34" s="102">
        <v>17</v>
      </c>
      <c r="JP34" s="103">
        <v>197</v>
      </c>
      <c r="JQ34" s="104">
        <v>239</v>
      </c>
      <c r="JR34" s="101">
        <v>1</v>
      </c>
      <c r="JS34" s="102">
        <v>2</v>
      </c>
      <c r="JT34" s="103">
        <v>3</v>
      </c>
      <c r="JU34" s="413">
        <v>0</v>
      </c>
      <c r="JV34" s="102">
        <v>2</v>
      </c>
      <c r="JW34" s="102">
        <v>0</v>
      </c>
      <c r="JX34" s="102">
        <v>2</v>
      </c>
      <c r="JY34" s="102">
        <v>3</v>
      </c>
      <c r="JZ34" s="102">
        <v>2</v>
      </c>
      <c r="KA34" s="103">
        <v>9</v>
      </c>
      <c r="KB34" s="104">
        <v>12</v>
      </c>
      <c r="KC34" s="101">
        <v>71</v>
      </c>
      <c r="KD34" s="102">
        <v>141</v>
      </c>
      <c r="KE34" s="103">
        <v>212</v>
      </c>
      <c r="KF34" s="413">
        <v>0</v>
      </c>
      <c r="KG34" s="102">
        <v>150</v>
      </c>
      <c r="KH34" s="102">
        <v>138</v>
      </c>
      <c r="KI34" s="102">
        <v>130</v>
      </c>
      <c r="KJ34" s="102">
        <v>95</v>
      </c>
      <c r="KK34" s="102">
        <v>57</v>
      </c>
      <c r="KL34" s="103">
        <v>570</v>
      </c>
      <c r="KM34" s="104">
        <v>782</v>
      </c>
    </row>
    <row r="35" spans="2:299" s="70" customFormat="1" ht="21" customHeight="1" x14ac:dyDescent="0.2">
      <c r="B35" s="106" t="s">
        <v>32</v>
      </c>
      <c r="C35" s="96">
        <v>38</v>
      </c>
      <c r="D35" s="97">
        <v>37</v>
      </c>
      <c r="E35" s="98">
        <v>75</v>
      </c>
      <c r="F35" s="413">
        <v>0</v>
      </c>
      <c r="G35" s="97">
        <v>74</v>
      </c>
      <c r="H35" s="97">
        <v>57</v>
      </c>
      <c r="I35" s="97">
        <v>25</v>
      </c>
      <c r="J35" s="97">
        <v>44</v>
      </c>
      <c r="K35" s="97">
        <v>18</v>
      </c>
      <c r="L35" s="99">
        <v>218</v>
      </c>
      <c r="M35" s="100">
        <v>293</v>
      </c>
      <c r="N35" s="101">
        <v>5</v>
      </c>
      <c r="O35" s="102">
        <v>3</v>
      </c>
      <c r="P35" s="103">
        <v>8</v>
      </c>
      <c r="Q35" s="413">
        <v>0</v>
      </c>
      <c r="R35" s="102">
        <v>3</v>
      </c>
      <c r="S35" s="102">
        <v>5</v>
      </c>
      <c r="T35" s="102">
        <v>3</v>
      </c>
      <c r="U35" s="102">
        <v>1</v>
      </c>
      <c r="V35" s="102">
        <v>0</v>
      </c>
      <c r="W35" s="103">
        <v>12</v>
      </c>
      <c r="X35" s="104">
        <v>20</v>
      </c>
      <c r="Y35" s="101">
        <v>3</v>
      </c>
      <c r="Z35" s="102">
        <v>1</v>
      </c>
      <c r="AA35" s="103">
        <v>4</v>
      </c>
      <c r="AB35" s="413">
        <v>0</v>
      </c>
      <c r="AC35" s="102">
        <v>7</v>
      </c>
      <c r="AD35" s="102">
        <v>2</v>
      </c>
      <c r="AE35" s="102">
        <v>1</v>
      </c>
      <c r="AF35" s="102">
        <v>9</v>
      </c>
      <c r="AG35" s="102">
        <v>0</v>
      </c>
      <c r="AH35" s="103">
        <v>19</v>
      </c>
      <c r="AI35" s="104">
        <v>23</v>
      </c>
      <c r="AJ35" s="101">
        <v>6</v>
      </c>
      <c r="AK35" s="102">
        <v>1</v>
      </c>
      <c r="AL35" s="103">
        <v>7</v>
      </c>
      <c r="AM35" s="413">
        <v>0</v>
      </c>
      <c r="AN35" s="102">
        <v>13</v>
      </c>
      <c r="AO35" s="102">
        <v>9</v>
      </c>
      <c r="AP35" s="102">
        <v>6</v>
      </c>
      <c r="AQ35" s="102">
        <v>7</v>
      </c>
      <c r="AR35" s="102">
        <v>5</v>
      </c>
      <c r="AS35" s="103">
        <v>40</v>
      </c>
      <c r="AT35" s="104">
        <v>47</v>
      </c>
      <c r="AU35" s="101">
        <v>12</v>
      </c>
      <c r="AV35" s="102">
        <v>11</v>
      </c>
      <c r="AW35" s="103">
        <v>23</v>
      </c>
      <c r="AX35" s="413">
        <v>0</v>
      </c>
      <c r="AY35" s="102">
        <v>19</v>
      </c>
      <c r="AZ35" s="102">
        <v>14</v>
      </c>
      <c r="BA35" s="102">
        <v>7</v>
      </c>
      <c r="BB35" s="102">
        <v>6</v>
      </c>
      <c r="BC35" s="102">
        <v>5</v>
      </c>
      <c r="BD35" s="103">
        <v>51</v>
      </c>
      <c r="BE35" s="104">
        <v>74</v>
      </c>
      <c r="BF35" s="101">
        <v>2</v>
      </c>
      <c r="BG35" s="102">
        <v>16</v>
      </c>
      <c r="BH35" s="103">
        <v>18</v>
      </c>
      <c r="BI35" s="413">
        <v>0</v>
      </c>
      <c r="BJ35" s="102">
        <v>17</v>
      </c>
      <c r="BK35" s="102">
        <v>17</v>
      </c>
      <c r="BL35" s="102">
        <v>4</v>
      </c>
      <c r="BM35" s="102">
        <v>14</v>
      </c>
      <c r="BN35" s="102">
        <v>4</v>
      </c>
      <c r="BO35" s="103">
        <v>56</v>
      </c>
      <c r="BP35" s="104">
        <v>74</v>
      </c>
      <c r="BQ35" s="101">
        <v>10</v>
      </c>
      <c r="BR35" s="102">
        <v>5</v>
      </c>
      <c r="BS35" s="103">
        <v>15</v>
      </c>
      <c r="BT35" s="413">
        <v>0</v>
      </c>
      <c r="BU35" s="102">
        <v>15</v>
      </c>
      <c r="BV35" s="102">
        <v>10</v>
      </c>
      <c r="BW35" s="102">
        <v>4</v>
      </c>
      <c r="BX35" s="102">
        <v>7</v>
      </c>
      <c r="BY35" s="102">
        <v>4</v>
      </c>
      <c r="BZ35" s="103">
        <v>40</v>
      </c>
      <c r="CA35" s="104">
        <v>55</v>
      </c>
      <c r="CB35" s="101">
        <v>0</v>
      </c>
      <c r="CC35" s="102">
        <v>2</v>
      </c>
      <c r="CD35" s="103">
        <v>2</v>
      </c>
      <c r="CE35" s="413">
        <v>0</v>
      </c>
      <c r="CF35" s="102">
        <v>4</v>
      </c>
      <c r="CG35" s="102">
        <v>2</v>
      </c>
      <c r="CH35" s="102">
        <v>3</v>
      </c>
      <c r="CI35" s="102">
        <v>0</v>
      </c>
      <c r="CJ35" s="102">
        <v>4</v>
      </c>
      <c r="CK35" s="103">
        <v>13</v>
      </c>
      <c r="CL35" s="104">
        <v>15</v>
      </c>
      <c r="CM35" s="101">
        <v>38</v>
      </c>
      <c r="CN35" s="102">
        <v>39</v>
      </c>
      <c r="CO35" s="103">
        <v>77</v>
      </c>
      <c r="CP35" s="413">
        <v>0</v>
      </c>
      <c r="CQ35" s="102">
        <v>78</v>
      </c>
      <c r="CR35" s="102">
        <v>59</v>
      </c>
      <c r="CS35" s="102">
        <v>28</v>
      </c>
      <c r="CT35" s="102">
        <v>44</v>
      </c>
      <c r="CU35" s="102">
        <v>22</v>
      </c>
      <c r="CV35" s="103">
        <v>231</v>
      </c>
      <c r="CW35" s="104">
        <v>308</v>
      </c>
      <c r="CX35" s="105">
        <v>56</v>
      </c>
      <c r="CY35" s="97">
        <v>79</v>
      </c>
      <c r="CZ35" s="98">
        <v>135</v>
      </c>
      <c r="DA35" s="413">
        <v>0</v>
      </c>
      <c r="DB35" s="97">
        <v>150</v>
      </c>
      <c r="DC35" s="97">
        <v>86</v>
      </c>
      <c r="DD35" s="97">
        <v>72</v>
      </c>
      <c r="DE35" s="97">
        <v>87</v>
      </c>
      <c r="DF35" s="97">
        <v>51</v>
      </c>
      <c r="DG35" s="99">
        <v>446</v>
      </c>
      <c r="DH35" s="100">
        <v>581</v>
      </c>
      <c r="DI35" s="101">
        <v>0</v>
      </c>
      <c r="DJ35" s="102">
        <v>3</v>
      </c>
      <c r="DK35" s="103">
        <v>3</v>
      </c>
      <c r="DL35" s="413">
        <v>0</v>
      </c>
      <c r="DM35" s="102">
        <v>2</v>
      </c>
      <c r="DN35" s="102">
        <v>3</v>
      </c>
      <c r="DO35" s="102">
        <v>0</v>
      </c>
      <c r="DP35" s="102">
        <v>0</v>
      </c>
      <c r="DQ35" s="102">
        <v>2</v>
      </c>
      <c r="DR35" s="103">
        <v>7</v>
      </c>
      <c r="DS35" s="104">
        <v>10</v>
      </c>
      <c r="DT35" s="101">
        <v>6</v>
      </c>
      <c r="DU35" s="102">
        <v>2</v>
      </c>
      <c r="DV35" s="103">
        <v>8</v>
      </c>
      <c r="DW35" s="413">
        <v>0</v>
      </c>
      <c r="DX35" s="102">
        <v>6</v>
      </c>
      <c r="DY35" s="102">
        <v>2</v>
      </c>
      <c r="DZ35" s="102">
        <v>1</v>
      </c>
      <c r="EA35" s="102">
        <v>1</v>
      </c>
      <c r="EB35" s="102">
        <v>1</v>
      </c>
      <c r="EC35" s="103">
        <v>11</v>
      </c>
      <c r="ED35" s="104">
        <v>19</v>
      </c>
      <c r="EE35" s="101">
        <v>6</v>
      </c>
      <c r="EF35" s="102">
        <v>11</v>
      </c>
      <c r="EG35" s="103">
        <v>17</v>
      </c>
      <c r="EH35" s="413">
        <v>0</v>
      </c>
      <c r="EI35" s="102">
        <v>22</v>
      </c>
      <c r="EJ35" s="102">
        <v>10</v>
      </c>
      <c r="EK35" s="102">
        <v>8</v>
      </c>
      <c r="EL35" s="102">
        <v>5</v>
      </c>
      <c r="EM35" s="102">
        <v>4</v>
      </c>
      <c r="EN35" s="103">
        <v>49</v>
      </c>
      <c r="EO35" s="104">
        <v>66</v>
      </c>
      <c r="EP35" s="101">
        <v>24</v>
      </c>
      <c r="EQ35" s="102">
        <v>18</v>
      </c>
      <c r="ER35" s="103">
        <v>42</v>
      </c>
      <c r="ES35" s="413">
        <v>0</v>
      </c>
      <c r="ET35" s="102">
        <v>36</v>
      </c>
      <c r="EU35" s="102">
        <v>19</v>
      </c>
      <c r="EV35" s="102">
        <v>20</v>
      </c>
      <c r="EW35" s="102">
        <v>18</v>
      </c>
      <c r="EX35" s="102">
        <v>5</v>
      </c>
      <c r="EY35" s="103">
        <v>98</v>
      </c>
      <c r="EZ35" s="104">
        <v>140</v>
      </c>
      <c r="FA35" s="101">
        <v>15</v>
      </c>
      <c r="FB35" s="102">
        <v>20</v>
      </c>
      <c r="FC35" s="103">
        <v>35</v>
      </c>
      <c r="FD35" s="413">
        <v>0</v>
      </c>
      <c r="FE35" s="102">
        <v>40</v>
      </c>
      <c r="FF35" s="102">
        <v>21</v>
      </c>
      <c r="FG35" s="102">
        <v>14</v>
      </c>
      <c r="FH35" s="102">
        <v>18</v>
      </c>
      <c r="FI35" s="102">
        <v>15</v>
      </c>
      <c r="FJ35" s="103">
        <v>108</v>
      </c>
      <c r="FK35" s="104">
        <v>143</v>
      </c>
      <c r="FL35" s="101">
        <v>5</v>
      </c>
      <c r="FM35" s="102">
        <v>25</v>
      </c>
      <c r="FN35" s="103">
        <v>30</v>
      </c>
      <c r="FO35" s="413">
        <v>0</v>
      </c>
      <c r="FP35" s="102">
        <v>44</v>
      </c>
      <c r="FQ35" s="102">
        <v>31</v>
      </c>
      <c r="FR35" s="102">
        <v>29</v>
      </c>
      <c r="FS35" s="102">
        <v>45</v>
      </c>
      <c r="FT35" s="102">
        <v>24</v>
      </c>
      <c r="FU35" s="103">
        <v>173</v>
      </c>
      <c r="FV35" s="104">
        <v>203</v>
      </c>
      <c r="FW35" s="101">
        <v>1</v>
      </c>
      <c r="FX35" s="102">
        <v>2</v>
      </c>
      <c r="FY35" s="103">
        <v>3</v>
      </c>
      <c r="FZ35" s="413">
        <v>0</v>
      </c>
      <c r="GA35" s="102">
        <v>2</v>
      </c>
      <c r="GB35" s="102">
        <v>3</v>
      </c>
      <c r="GC35" s="102">
        <v>2</v>
      </c>
      <c r="GD35" s="102">
        <v>0</v>
      </c>
      <c r="GE35" s="102">
        <v>0</v>
      </c>
      <c r="GF35" s="103">
        <v>7</v>
      </c>
      <c r="GG35" s="104">
        <v>10</v>
      </c>
      <c r="GH35" s="101">
        <v>57</v>
      </c>
      <c r="GI35" s="102">
        <v>81</v>
      </c>
      <c r="GJ35" s="103">
        <v>138</v>
      </c>
      <c r="GK35" s="413">
        <v>0</v>
      </c>
      <c r="GL35" s="102">
        <v>152</v>
      </c>
      <c r="GM35" s="102">
        <v>89</v>
      </c>
      <c r="GN35" s="102">
        <v>74</v>
      </c>
      <c r="GO35" s="102">
        <v>87</v>
      </c>
      <c r="GP35" s="102">
        <v>51</v>
      </c>
      <c r="GQ35" s="103">
        <v>453</v>
      </c>
      <c r="GR35" s="104">
        <v>591</v>
      </c>
      <c r="GS35" s="105">
        <v>94</v>
      </c>
      <c r="GT35" s="97">
        <v>116</v>
      </c>
      <c r="GU35" s="98">
        <v>210</v>
      </c>
      <c r="GV35" s="413">
        <v>0</v>
      </c>
      <c r="GW35" s="97">
        <v>224</v>
      </c>
      <c r="GX35" s="97">
        <v>143</v>
      </c>
      <c r="GY35" s="97">
        <v>97</v>
      </c>
      <c r="GZ35" s="97">
        <v>131</v>
      </c>
      <c r="HA35" s="97">
        <v>69</v>
      </c>
      <c r="HB35" s="99">
        <v>664</v>
      </c>
      <c r="HC35" s="100">
        <v>874</v>
      </c>
      <c r="HD35" s="101">
        <v>5</v>
      </c>
      <c r="HE35" s="102">
        <v>6</v>
      </c>
      <c r="HF35" s="103">
        <v>11</v>
      </c>
      <c r="HG35" s="416">
        <v>0</v>
      </c>
      <c r="HH35" s="102">
        <v>5</v>
      </c>
      <c r="HI35" s="102">
        <v>8</v>
      </c>
      <c r="HJ35" s="102">
        <v>3</v>
      </c>
      <c r="HK35" s="102">
        <v>1</v>
      </c>
      <c r="HL35" s="102">
        <v>2</v>
      </c>
      <c r="HM35" s="103">
        <v>19</v>
      </c>
      <c r="HN35" s="104">
        <v>30</v>
      </c>
      <c r="HO35" s="101">
        <v>9</v>
      </c>
      <c r="HP35" s="102">
        <v>3</v>
      </c>
      <c r="HQ35" s="103">
        <v>12</v>
      </c>
      <c r="HR35" s="413">
        <v>0</v>
      </c>
      <c r="HS35" s="102">
        <v>13</v>
      </c>
      <c r="HT35" s="102">
        <v>4</v>
      </c>
      <c r="HU35" s="102">
        <v>2</v>
      </c>
      <c r="HV35" s="102">
        <v>10</v>
      </c>
      <c r="HW35" s="102">
        <v>1</v>
      </c>
      <c r="HX35" s="103">
        <v>30</v>
      </c>
      <c r="HY35" s="104">
        <v>42</v>
      </c>
      <c r="HZ35" s="101">
        <v>12</v>
      </c>
      <c r="IA35" s="102">
        <v>12</v>
      </c>
      <c r="IB35" s="103">
        <v>24</v>
      </c>
      <c r="IC35" s="413">
        <v>0</v>
      </c>
      <c r="ID35" s="102">
        <v>35</v>
      </c>
      <c r="IE35" s="102">
        <v>19</v>
      </c>
      <c r="IF35" s="102">
        <v>14</v>
      </c>
      <c r="IG35" s="102">
        <v>12</v>
      </c>
      <c r="IH35" s="102">
        <v>9</v>
      </c>
      <c r="II35" s="103">
        <v>89</v>
      </c>
      <c r="IJ35" s="104">
        <v>113</v>
      </c>
      <c r="IK35" s="101">
        <v>36</v>
      </c>
      <c r="IL35" s="102">
        <v>29</v>
      </c>
      <c r="IM35" s="103">
        <v>65</v>
      </c>
      <c r="IN35" s="413">
        <v>0</v>
      </c>
      <c r="IO35" s="102">
        <v>55</v>
      </c>
      <c r="IP35" s="102">
        <v>33</v>
      </c>
      <c r="IQ35" s="102">
        <v>27</v>
      </c>
      <c r="IR35" s="102">
        <v>24</v>
      </c>
      <c r="IS35" s="102">
        <v>10</v>
      </c>
      <c r="IT35" s="103">
        <v>149</v>
      </c>
      <c r="IU35" s="104">
        <v>214</v>
      </c>
      <c r="IV35" s="101">
        <v>17</v>
      </c>
      <c r="IW35" s="102">
        <v>36</v>
      </c>
      <c r="IX35" s="103">
        <v>53</v>
      </c>
      <c r="IY35" s="413">
        <v>0</v>
      </c>
      <c r="IZ35" s="102">
        <v>57</v>
      </c>
      <c r="JA35" s="102">
        <v>38</v>
      </c>
      <c r="JB35" s="102">
        <v>18</v>
      </c>
      <c r="JC35" s="102">
        <v>32</v>
      </c>
      <c r="JD35" s="102">
        <v>19</v>
      </c>
      <c r="JE35" s="103">
        <v>164</v>
      </c>
      <c r="JF35" s="104">
        <v>217</v>
      </c>
      <c r="JG35" s="101">
        <v>15</v>
      </c>
      <c r="JH35" s="102">
        <v>30</v>
      </c>
      <c r="JI35" s="103">
        <v>45</v>
      </c>
      <c r="JJ35" s="413">
        <v>0</v>
      </c>
      <c r="JK35" s="102">
        <v>59</v>
      </c>
      <c r="JL35" s="102">
        <v>41</v>
      </c>
      <c r="JM35" s="102">
        <v>33</v>
      </c>
      <c r="JN35" s="102">
        <v>52</v>
      </c>
      <c r="JO35" s="102">
        <v>28</v>
      </c>
      <c r="JP35" s="103">
        <v>213</v>
      </c>
      <c r="JQ35" s="104">
        <v>258</v>
      </c>
      <c r="JR35" s="101">
        <v>1</v>
      </c>
      <c r="JS35" s="102">
        <v>4</v>
      </c>
      <c r="JT35" s="103">
        <v>5</v>
      </c>
      <c r="JU35" s="413">
        <v>0</v>
      </c>
      <c r="JV35" s="102">
        <v>6</v>
      </c>
      <c r="JW35" s="102">
        <v>5</v>
      </c>
      <c r="JX35" s="102">
        <v>5</v>
      </c>
      <c r="JY35" s="102">
        <v>0</v>
      </c>
      <c r="JZ35" s="102">
        <v>4</v>
      </c>
      <c r="KA35" s="103">
        <v>20</v>
      </c>
      <c r="KB35" s="104">
        <v>25</v>
      </c>
      <c r="KC35" s="101">
        <v>95</v>
      </c>
      <c r="KD35" s="102">
        <v>120</v>
      </c>
      <c r="KE35" s="103">
        <v>215</v>
      </c>
      <c r="KF35" s="413">
        <v>0</v>
      </c>
      <c r="KG35" s="102">
        <v>230</v>
      </c>
      <c r="KH35" s="102">
        <v>148</v>
      </c>
      <c r="KI35" s="102">
        <v>102</v>
      </c>
      <c r="KJ35" s="102">
        <v>131</v>
      </c>
      <c r="KK35" s="102">
        <v>73</v>
      </c>
      <c r="KL35" s="103">
        <v>684</v>
      </c>
      <c r="KM35" s="104">
        <v>899</v>
      </c>
    </row>
    <row r="36" spans="2:299" s="70" customFormat="1" ht="21" customHeight="1" x14ac:dyDescent="0.2">
      <c r="B36" s="106" t="s">
        <v>33</v>
      </c>
      <c r="C36" s="96">
        <v>35</v>
      </c>
      <c r="D36" s="97">
        <v>28</v>
      </c>
      <c r="E36" s="98">
        <v>63</v>
      </c>
      <c r="F36" s="413">
        <v>0</v>
      </c>
      <c r="G36" s="97">
        <v>77</v>
      </c>
      <c r="H36" s="97">
        <v>40</v>
      </c>
      <c r="I36" s="97">
        <v>45</v>
      </c>
      <c r="J36" s="97">
        <v>26</v>
      </c>
      <c r="K36" s="97">
        <v>16</v>
      </c>
      <c r="L36" s="99">
        <v>204</v>
      </c>
      <c r="M36" s="100">
        <v>267</v>
      </c>
      <c r="N36" s="101">
        <v>2</v>
      </c>
      <c r="O36" s="102">
        <v>1</v>
      </c>
      <c r="P36" s="103">
        <v>3</v>
      </c>
      <c r="Q36" s="413">
        <v>0</v>
      </c>
      <c r="R36" s="102">
        <v>4</v>
      </c>
      <c r="S36" s="102">
        <v>2</v>
      </c>
      <c r="T36" s="102">
        <v>2</v>
      </c>
      <c r="U36" s="102">
        <v>1</v>
      </c>
      <c r="V36" s="102">
        <v>0</v>
      </c>
      <c r="W36" s="103">
        <v>9</v>
      </c>
      <c r="X36" s="104">
        <v>12</v>
      </c>
      <c r="Y36" s="101">
        <v>1</v>
      </c>
      <c r="Z36" s="102">
        <v>3</v>
      </c>
      <c r="AA36" s="103">
        <v>4</v>
      </c>
      <c r="AB36" s="413">
        <v>0</v>
      </c>
      <c r="AC36" s="102">
        <v>13</v>
      </c>
      <c r="AD36" s="102">
        <v>3</v>
      </c>
      <c r="AE36" s="102">
        <v>7</v>
      </c>
      <c r="AF36" s="102">
        <v>7</v>
      </c>
      <c r="AG36" s="102">
        <v>3</v>
      </c>
      <c r="AH36" s="103">
        <v>33</v>
      </c>
      <c r="AI36" s="104">
        <v>37</v>
      </c>
      <c r="AJ36" s="101">
        <v>8</v>
      </c>
      <c r="AK36" s="102">
        <v>5</v>
      </c>
      <c r="AL36" s="103">
        <v>13</v>
      </c>
      <c r="AM36" s="413">
        <v>0</v>
      </c>
      <c r="AN36" s="102">
        <v>11</v>
      </c>
      <c r="AO36" s="102">
        <v>10</v>
      </c>
      <c r="AP36" s="102">
        <v>12</v>
      </c>
      <c r="AQ36" s="102">
        <v>1</v>
      </c>
      <c r="AR36" s="102">
        <v>3</v>
      </c>
      <c r="AS36" s="103">
        <v>37</v>
      </c>
      <c r="AT36" s="104">
        <v>50</v>
      </c>
      <c r="AU36" s="101">
        <v>14</v>
      </c>
      <c r="AV36" s="102">
        <v>7</v>
      </c>
      <c r="AW36" s="103">
        <v>21</v>
      </c>
      <c r="AX36" s="413">
        <v>0</v>
      </c>
      <c r="AY36" s="102">
        <v>16</v>
      </c>
      <c r="AZ36" s="102">
        <v>11</v>
      </c>
      <c r="BA36" s="102">
        <v>7</v>
      </c>
      <c r="BB36" s="102">
        <v>7</v>
      </c>
      <c r="BC36" s="102">
        <v>3</v>
      </c>
      <c r="BD36" s="103">
        <v>44</v>
      </c>
      <c r="BE36" s="104">
        <v>65</v>
      </c>
      <c r="BF36" s="101">
        <v>5</v>
      </c>
      <c r="BG36" s="102">
        <v>7</v>
      </c>
      <c r="BH36" s="103">
        <v>12</v>
      </c>
      <c r="BI36" s="413">
        <v>0</v>
      </c>
      <c r="BJ36" s="102">
        <v>17</v>
      </c>
      <c r="BK36" s="102">
        <v>9</v>
      </c>
      <c r="BL36" s="102">
        <v>10</v>
      </c>
      <c r="BM36" s="102">
        <v>5</v>
      </c>
      <c r="BN36" s="102">
        <v>4</v>
      </c>
      <c r="BO36" s="103">
        <v>45</v>
      </c>
      <c r="BP36" s="104">
        <v>57</v>
      </c>
      <c r="BQ36" s="101">
        <v>5</v>
      </c>
      <c r="BR36" s="102">
        <v>5</v>
      </c>
      <c r="BS36" s="103">
        <v>10</v>
      </c>
      <c r="BT36" s="413">
        <v>0</v>
      </c>
      <c r="BU36" s="102">
        <v>16</v>
      </c>
      <c r="BV36" s="102">
        <v>5</v>
      </c>
      <c r="BW36" s="102">
        <v>7</v>
      </c>
      <c r="BX36" s="102">
        <v>5</v>
      </c>
      <c r="BY36" s="102">
        <v>3</v>
      </c>
      <c r="BZ36" s="103">
        <v>36</v>
      </c>
      <c r="CA36" s="104">
        <v>46</v>
      </c>
      <c r="CB36" s="101">
        <v>0</v>
      </c>
      <c r="CC36" s="102">
        <v>1</v>
      </c>
      <c r="CD36" s="103">
        <v>1</v>
      </c>
      <c r="CE36" s="413">
        <v>0</v>
      </c>
      <c r="CF36" s="102">
        <v>0</v>
      </c>
      <c r="CG36" s="102">
        <v>1</v>
      </c>
      <c r="CH36" s="102">
        <v>0</v>
      </c>
      <c r="CI36" s="102">
        <v>2</v>
      </c>
      <c r="CJ36" s="102">
        <v>0</v>
      </c>
      <c r="CK36" s="103">
        <v>3</v>
      </c>
      <c r="CL36" s="104">
        <v>4</v>
      </c>
      <c r="CM36" s="101">
        <v>35</v>
      </c>
      <c r="CN36" s="102">
        <v>29</v>
      </c>
      <c r="CO36" s="103">
        <v>64</v>
      </c>
      <c r="CP36" s="413">
        <v>0</v>
      </c>
      <c r="CQ36" s="102">
        <v>77</v>
      </c>
      <c r="CR36" s="102">
        <v>41</v>
      </c>
      <c r="CS36" s="102">
        <v>45</v>
      </c>
      <c r="CT36" s="102">
        <v>28</v>
      </c>
      <c r="CU36" s="102">
        <v>16</v>
      </c>
      <c r="CV36" s="103">
        <v>207</v>
      </c>
      <c r="CW36" s="104">
        <v>271</v>
      </c>
      <c r="CX36" s="105">
        <v>46</v>
      </c>
      <c r="CY36" s="97">
        <v>66</v>
      </c>
      <c r="CZ36" s="98">
        <v>112</v>
      </c>
      <c r="DA36" s="413">
        <v>0</v>
      </c>
      <c r="DB36" s="97">
        <v>141</v>
      </c>
      <c r="DC36" s="97">
        <v>85</v>
      </c>
      <c r="DD36" s="97">
        <v>81</v>
      </c>
      <c r="DE36" s="97">
        <v>65</v>
      </c>
      <c r="DF36" s="97">
        <v>45</v>
      </c>
      <c r="DG36" s="99">
        <v>417</v>
      </c>
      <c r="DH36" s="100">
        <v>529</v>
      </c>
      <c r="DI36" s="101">
        <v>1</v>
      </c>
      <c r="DJ36" s="102">
        <v>1</v>
      </c>
      <c r="DK36" s="103">
        <v>2</v>
      </c>
      <c r="DL36" s="413">
        <v>0</v>
      </c>
      <c r="DM36" s="102">
        <v>2</v>
      </c>
      <c r="DN36" s="102">
        <v>0</v>
      </c>
      <c r="DO36" s="102">
        <v>1</v>
      </c>
      <c r="DP36" s="102">
        <v>3</v>
      </c>
      <c r="DQ36" s="102">
        <v>1</v>
      </c>
      <c r="DR36" s="103">
        <v>7</v>
      </c>
      <c r="DS36" s="104">
        <v>9</v>
      </c>
      <c r="DT36" s="101">
        <v>5</v>
      </c>
      <c r="DU36" s="102">
        <v>6</v>
      </c>
      <c r="DV36" s="103">
        <v>11</v>
      </c>
      <c r="DW36" s="413">
        <v>0</v>
      </c>
      <c r="DX36" s="102">
        <v>4</v>
      </c>
      <c r="DY36" s="102">
        <v>3</v>
      </c>
      <c r="DZ36" s="102">
        <v>1</v>
      </c>
      <c r="EA36" s="102">
        <v>3</v>
      </c>
      <c r="EB36" s="102">
        <v>0</v>
      </c>
      <c r="EC36" s="103">
        <v>11</v>
      </c>
      <c r="ED36" s="104">
        <v>22</v>
      </c>
      <c r="EE36" s="101">
        <v>5</v>
      </c>
      <c r="EF36" s="102">
        <v>11</v>
      </c>
      <c r="EG36" s="103">
        <v>16</v>
      </c>
      <c r="EH36" s="413">
        <v>0</v>
      </c>
      <c r="EI36" s="102">
        <v>11</v>
      </c>
      <c r="EJ36" s="102">
        <v>8</v>
      </c>
      <c r="EK36" s="102">
        <v>6</v>
      </c>
      <c r="EL36" s="102">
        <v>6</v>
      </c>
      <c r="EM36" s="102">
        <v>7</v>
      </c>
      <c r="EN36" s="103">
        <v>38</v>
      </c>
      <c r="EO36" s="104">
        <v>54</v>
      </c>
      <c r="EP36" s="101">
        <v>10</v>
      </c>
      <c r="EQ36" s="102">
        <v>20</v>
      </c>
      <c r="ER36" s="103">
        <v>30</v>
      </c>
      <c r="ES36" s="413">
        <v>0</v>
      </c>
      <c r="ET36" s="102">
        <v>31</v>
      </c>
      <c r="EU36" s="102">
        <v>14</v>
      </c>
      <c r="EV36" s="102">
        <v>14</v>
      </c>
      <c r="EW36" s="102">
        <v>9</v>
      </c>
      <c r="EX36" s="102">
        <v>11</v>
      </c>
      <c r="EY36" s="103">
        <v>79</v>
      </c>
      <c r="EZ36" s="104">
        <v>109</v>
      </c>
      <c r="FA36" s="101">
        <v>14</v>
      </c>
      <c r="FB36" s="102">
        <v>10</v>
      </c>
      <c r="FC36" s="103">
        <v>24</v>
      </c>
      <c r="FD36" s="413">
        <v>0</v>
      </c>
      <c r="FE36" s="102">
        <v>44</v>
      </c>
      <c r="FF36" s="102">
        <v>25</v>
      </c>
      <c r="FG36" s="102">
        <v>20</v>
      </c>
      <c r="FH36" s="102">
        <v>18</v>
      </c>
      <c r="FI36" s="102">
        <v>12</v>
      </c>
      <c r="FJ36" s="103">
        <v>119</v>
      </c>
      <c r="FK36" s="104">
        <v>143</v>
      </c>
      <c r="FL36" s="101">
        <v>11</v>
      </c>
      <c r="FM36" s="102">
        <v>18</v>
      </c>
      <c r="FN36" s="103">
        <v>29</v>
      </c>
      <c r="FO36" s="413">
        <v>0</v>
      </c>
      <c r="FP36" s="102">
        <v>49</v>
      </c>
      <c r="FQ36" s="102">
        <v>35</v>
      </c>
      <c r="FR36" s="102">
        <v>39</v>
      </c>
      <c r="FS36" s="102">
        <v>26</v>
      </c>
      <c r="FT36" s="102">
        <v>14</v>
      </c>
      <c r="FU36" s="103">
        <v>163</v>
      </c>
      <c r="FV36" s="104">
        <v>192</v>
      </c>
      <c r="FW36" s="101">
        <v>0</v>
      </c>
      <c r="FX36" s="102">
        <v>0</v>
      </c>
      <c r="FY36" s="103">
        <v>0</v>
      </c>
      <c r="FZ36" s="413">
        <v>0</v>
      </c>
      <c r="GA36" s="102">
        <v>3</v>
      </c>
      <c r="GB36" s="102">
        <v>0</v>
      </c>
      <c r="GC36" s="102">
        <v>0</v>
      </c>
      <c r="GD36" s="102">
        <v>0</v>
      </c>
      <c r="GE36" s="102">
        <v>1</v>
      </c>
      <c r="GF36" s="103">
        <v>4</v>
      </c>
      <c r="GG36" s="104">
        <v>4</v>
      </c>
      <c r="GH36" s="101">
        <v>46</v>
      </c>
      <c r="GI36" s="102">
        <v>66</v>
      </c>
      <c r="GJ36" s="103">
        <v>112</v>
      </c>
      <c r="GK36" s="413">
        <v>0</v>
      </c>
      <c r="GL36" s="102">
        <v>144</v>
      </c>
      <c r="GM36" s="102">
        <v>85</v>
      </c>
      <c r="GN36" s="102">
        <v>81</v>
      </c>
      <c r="GO36" s="102">
        <v>65</v>
      </c>
      <c r="GP36" s="102">
        <v>46</v>
      </c>
      <c r="GQ36" s="103">
        <v>421</v>
      </c>
      <c r="GR36" s="104">
        <v>533</v>
      </c>
      <c r="GS36" s="105">
        <v>81</v>
      </c>
      <c r="GT36" s="97">
        <v>94</v>
      </c>
      <c r="GU36" s="98">
        <v>175</v>
      </c>
      <c r="GV36" s="413">
        <v>0</v>
      </c>
      <c r="GW36" s="97">
        <v>218</v>
      </c>
      <c r="GX36" s="97">
        <v>125</v>
      </c>
      <c r="GY36" s="97">
        <v>126</v>
      </c>
      <c r="GZ36" s="97">
        <v>91</v>
      </c>
      <c r="HA36" s="97">
        <v>61</v>
      </c>
      <c r="HB36" s="99">
        <v>621</v>
      </c>
      <c r="HC36" s="100">
        <v>796</v>
      </c>
      <c r="HD36" s="101">
        <v>3</v>
      </c>
      <c r="HE36" s="102">
        <v>2</v>
      </c>
      <c r="HF36" s="103">
        <v>5</v>
      </c>
      <c r="HG36" s="416">
        <v>0</v>
      </c>
      <c r="HH36" s="102">
        <v>6</v>
      </c>
      <c r="HI36" s="102">
        <v>2</v>
      </c>
      <c r="HJ36" s="102">
        <v>3</v>
      </c>
      <c r="HK36" s="102">
        <v>4</v>
      </c>
      <c r="HL36" s="102">
        <v>1</v>
      </c>
      <c r="HM36" s="103">
        <v>16</v>
      </c>
      <c r="HN36" s="104">
        <v>21</v>
      </c>
      <c r="HO36" s="101">
        <v>6</v>
      </c>
      <c r="HP36" s="102">
        <v>9</v>
      </c>
      <c r="HQ36" s="103">
        <v>15</v>
      </c>
      <c r="HR36" s="413">
        <v>0</v>
      </c>
      <c r="HS36" s="102">
        <v>17</v>
      </c>
      <c r="HT36" s="102">
        <v>6</v>
      </c>
      <c r="HU36" s="102">
        <v>8</v>
      </c>
      <c r="HV36" s="102">
        <v>10</v>
      </c>
      <c r="HW36" s="102">
        <v>3</v>
      </c>
      <c r="HX36" s="103">
        <v>44</v>
      </c>
      <c r="HY36" s="104">
        <v>59</v>
      </c>
      <c r="HZ36" s="101">
        <v>13</v>
      </c>
      <c r="IA36" s="102">
        <v>16</v>
      </c>
      <c r="IB36" s="103">
        <v>29</v>
      </c>
      <c r="IC36" s="413">
        <v>0</v>
      </c>
      <c r="ID36" s="102">
        <v>22</v>
      </c>
      <c r="IE36" s="102">
        <v>18</v>
      </c>
      <c r="IF36" s="102">
        <v>18</v>
      </c>
      <c r="IG36" s="102">
        <v>7</v>
      </c>
      <c r="IH36" s="102">
        <v>10</v>
      </c>
      <c r="II36" s="103">
        <v>75</v>
      </c>
      <c r="IJ36" s="104">
        <v>104</v>
      </c>
      <c r="IK36" s="101">
        <v>24</v>
      </c>
      <c r="IL36" s="102">
        <v>27</v>
      </c>
      <c r="IM36" s="103">
        <v>51</v>
      </c>
      <c r="IN36" s="413">
        <v>0</v>
      </c>
      <c r="IO36" s="102">
        <v>47</v>
      </c>
      <c r="IP36" s="102">
        <v>25</v>
      </c>
      <c r="IQ36" s="102">
        <v>21</v>
      </c>
      <c r="IR36" s="102">
        <v>16</v>
      </c>
      <c r="IS36" s="102">
        <v>14</v>
      </c>
      <c r="IT36" s="103">
        <v>123</v>
      </c>
      <c r="IU36" s="104">
        <v>174</v>
      </c>
      <c r="IV36" s="101">
        <v>19</v>
      </c>
      <c r="IW36" s="102">
        <v>17</v>
      </c>
      <c r="IX36" s="103">
        <v>36</v>
      </c>
      <c r="IY36" s="413">
        <v>0</v>
      </c>
      <c r="IZ36" s="102">
        <v>61</v>
      </c>
      <c r="JA36" s="102">
        <v>34</v>
      </c>
      <c r="JB36" s="102">
        <v>30</v>
      </c>
      <c r="JC36" s="102">
        <v>23</v>
      </c>
      <c r="JD36" s="102">
        <v>16</v>
      </c>
      <c r="JE36" s="103">
        <v>164</v>
      </c>
      <c r="JF36" s="104">
        <v>200</v>
      </c>
      <c r="JG36" s="101">
        <v>16</v>
      </c>
      <c r="JH36" s="102">
        <v>23</v>
      </c>
      <c r="JI36" s="103">
        <v>39</v>
      </c>
      <c r="JJ36" s="413">
        <v>0</v>
      </c>
      <c r="JK36" s="102">
        <v>65</v>
      </c>
      <c r="JL36" s="102">
        <v>40</v>
      </c>
      <c r="JM36" s="102">
        <v>46</v>
      </c>
      <c r="JN36" s="102">
        <v>31</v>
      </c>
      <c r="JO36" s="102">
        <v>17</v>
      </c>
      <c r="JP36" s="103">
        <v>199</v>
      </c>
      <c r="JQ36" s="104">
        <v>238</v>
      </c>
      <c r="JR36" s="101">
        <v>0</v>
      </c>
      <c r="JS36" s="102">
        <v>1</v>
      </c>
      <c r="JT36" s="103">
        <v>1</v>
      </c>
      <c r="JU36" s="413">
        <v>0</v>
      </c>
      <c r="JV36" s="102">
        <v>3</v>
      </c>
      <c r="JW36" s="102">
        <v>1</v>
      </c>
      <c r="JX36" s="102">
        <v>0</v>
      </c>
      <c r="JY36" s="102">
        <v>2</v>
      </c>
      <c r="JZ36" s="102">
        <v>1</v>
      </c>
      <c r="KA36" s="103">
        <v>7</v>
      </c>
      <c r="KB36" s="104">
        <v>8</v>
      </c>
      <c r="KC36" s="101">
        <v>81</v>
      </c>
      <c r="KD36" s="102">
        <v>95</v>
      </c>
      <c r="KE36" s="103">
        <v>176</v>
      </c>
      <c r="KF36" s="413">
        <v>0</v>
      </c>
      <c r="KG36" s="102">
        <v>221</v>
      </c>
      <c r="KH36" s="102">
        <v>126</v>
      </c>
      <c r="KI36" s="102">
        <v>126</v>
      </c>
      <c r="KJ36" s="102">
        <v>93</v>
      </c>
      <c r="KK36" s="102">
        <v>62</v>
      </c>
      <c r="KL36" s="103">
        <v>628</v>
      </c>
      <c r="KM36" s="104">
        <v>804</v>
      </c>
    </row>
    <row r="37" spans="2:299" s="70" customFormat="1" ht="21" customHeight="1" x14ac:dyDescent="0.2">
      <c r="B37" s="106" t="s">
        <v>34</v>
      </c>
      <c r="C37" s="96">
        <v>13</v>
      </c>
      <c r="D37" s="97">
        <v>27</v>
      </c>
      <c r="E37" s="98">
        <v>40</v>
      </c>
      <c r="F37" s="413">
        <v>0</v>
      </c>
      <c r="G37" s="97">
        <v>42</v>
      </c>
      <c r="H37" s="97">
        <v>38</v>
      </c>
      <c r="I37" s="97">
        <v>16</v>
      </c>
      <c r="J37" s="97">
        <v>29</v>
      </c>
      <c r="K37" s="97">
        <v>11</v>
      </c>
      <c r="L37" s="99">
        <v>136</v>
      </c>
      <c r="M37" s="100">
        <v>176</v>
      </c>
      <c r="N37" s="101">
        <v>0</v>
      </c>
      <c r="O37" s="102">
        <v>2</v>
      </c>
      <c r="P37" s="103">
        <v>2</v>
      </c>
      <c r="Q37" s="413">
        <v>0</v>
      </c>
      <c r="R37" s="102">
        <v>5</v>
      </c>
      <c r="S37" s="102">
        <v>0</v>
      </c>
      <c r="T37" s="102">
        <v>2</v>
      </c>
      <c r="U37" s="102">
        <v>2</v>
      </c>
      <c r="V37" s="102">
        <v>1</v>
      </c>
      <c r="W37" s="103">
        <v>10</v>
      </c>
      <c r="X37" s="104">
        <v>12</v>
      </c>
      <c r="Y37" s="101">
        <v>0</v>
      </c>
      <c r="Z37" s="102">
        <v>2</v>
      </c>
      <c r="AA37" s="103">
        <v>2</v>
      </c>
      <c r="AB37" s="413">
        <v>0</v>
      </c>
      <c r="AC37" s="102">
        <v>3</v>
      </c>
      <c r="AD37" s="102">
        <v>5</v>
      </c>
      <c r="AE37" s="102">
        <v>2</v>
      </c>
      <c r="AF37" s="102">
        <v>1</v>
      </c>
      <c r="AG37" s="102">
        <v>1</v>
      </c>
      <c r="AH37" s="103">
        <v>12</v>
      </c>
      <c r="AI37" s="104">
        <v>14</v>
      </c>
      <c r="AJ37" s="101">
        <v>3</v>
      </c>
      <c r="AK37" s="102">
        <v>4</v>
      </c>
      <c r="AL37" s="103">
        <v>7</v>
      </c>
      <c r="AM37" s="413">
        <v>0</v>
      </c>
      <c r="AN37" s="102">
        <v>4</v>
      </c>
      <c r="AO37" s="102">
        <v>6</v>
      </c>
      <c r="AP37" s="102">
        <v>2</v>
      </c>
      <c r="AQ37" s="102">
        <v>7</v>
      </c>
      <c r="AR37" s="102">
        <v>1</v>
      </c>
      <c r="AS37" s="103">
        <v>20</v>
      </c>
      <c r="AT37" s="104">
        <v>27</v>
      </c>
      <c r="AU37" s="101">
        <v>4</v>
      </c>
      <c r="AV37" s="102">
        <v>6</v>
      </c>
      <c r="AW37" s="103">
        <v>10</v>
      </c>
      <c r="AX37" s="413">
        <v>0</v>
      </c>
      <c r="AY37" s="102">
        <v>13</v>
      </c>
      <c r="AZ37" s="102">
        <v>9</v>
      </c>
      <c r="BA37" s="102">
        <v>6</v>
      </c>
      <c r="BB37" s="102">
        <v>5</v>
      </c>
      <c r="BC37" s="102">
        <v>5</v>
      </c>
      <c r="BD37" s="103">
        <v>38</v>
      </c>
      <c r="BE37" s="104">
        <v>48</v>
      </c>
      <c r="BF37" s="101">
        <v>2</v>
      </c>
      <c r="BG37" s="102">
        <v>9</v>
      </c>
      <c r="BH37" s="103">
        <v>11</v>
      </c>
      <c r="BI37" s="413">
        <v>0</v>
      </c>
      <c r="BJ37" s="102">
        <v>8</v>
      </c>
      <c r="BK37" s="102">
        <v>6</v>
      </c>
      <c r="BL37" s="102">
        <v>2</v>
      </c>
      <c r="BM37" s="102">
        <v>7</v>
      </c>
      <c r="BN37" s="102">
        <v>2</v>
      </c>
      <c r="BO37" s="103">
        <v>25</v>
      </c>
      <c r="BP37" s="104">
        <v>36</v>
      </c>
      <c r="BQ37" s="101">
        <v>4</v>
      </c>
      <c r="BR37" s="102">
        <v>4</v>
      </c>
      <c r="BS37" s="103">
        <v>8</v>
      </c>
      <c r="BT37" s="413">
        <v>0</v>
      </c>
      <c r="BU37" s="102">
        <v>9</v>
      </c>
      <c r="BV37" s="102">
        <v>12</v>
      </c>
      <c r="BW37" s="102">
        <v>2</v>
      </c>
      <c r="BX37" s="102">
        <v>7</v>
      </c>
      <c r="BY37" s="102">
        <v>1</v>
      </c>
      <c r="BZ37" s="103">
        <v>31</v>
      </c>
      <c r="CA37" s="104">
        <v>39</v>
      </c>
      <c r="CB37" s="101">
        <v>0</v>
      </c>
      <c r="CC37" s="102">
        <v>0</v>
      </c>
      <c r="CD37" s="103">
        <v>0</v>
      </c>
      <c r="CE37" s="413">
        <v>0</v>
      </c>
      <c r="CF37" s="102">
        <v>1</v>
      </c>
      <c r="CG37" s="102">
        <v>0</v>
      </c>
      <c r="CH37" s="102">
        <v>0</v>
      </c>
      <c r="CI37" s="102">
        <v>1</v>
      </c>
      <c r="CJ37" s="102">
        <v>2</v>
      </c>
      <c r="CK37" s="103">
        <v>4</v>
      </c>
      <c r="CL37" s="104">
        <v>4</v>
      </c>
      <c r="CM37" s="101">
        <v>13</v>
      </c>
      <c r="CN37" s="102">
        <v>27</v>
      </c>
      <c r="CO37" s="103">
        <v>40</v>
      </c>
      <c r="CP37" s="413">
        <v>0</v>
      </c>
      <c r="CQ37" s="102">
        <v>43</v>
      </c>
      <c r="CR37" s="102">
        <v>38</v>
      </c>
      <c r="CS37" s="102">
        <v>16</v>
      </c>
      <c r="CT37" s="102">
        <v>30</v>
      </c>
      <c r="CU37" s="102">
        <v>13</v>
      </c>
      <c r="CV37" s="103">
        <v>140</v>
      </c>
      <c r="CW37" s="104">
        <v>180</v>
      </c>
      <c r="CX37" s="105">
        <v>48</v>
      </c>
      <c r="CY37" s="97">
        <v>46</v>
      </c>
      <c r="CZ37" s="98">
        <v>94</v>
      </c>
      <c r="DA37" s="413">
        <v>0</v>
      </c>
      <c r="DB37" s="97">
        <v>86</v>
      </c>
      <c r="DC37" s="97">
        <v>46</v>
      </c>
      <c r="DD37" s="97">
        <v>40</v>
      </c>
      <c r="DE37" s="97">
        <v>55</v>
      </c>
      <c r="DF37" s="97">
        <v>31</v>
      </c>
      <c r="DG37" s="99">
        <v>258</v>
      </c>
      <c r="DH37" s="100">
        <v>352</v>
      </c>
      <c r="DI37" s="101">
        <v>1</v>
      </c>
      <c r="DJ37" s="102">
        <v>1</v>
      </c>
      <c r="DK37" s="103">
        <v>2</v>
      </c>
      <c r="DL37" s="413">
        <v>0</v>
      </c>
      <c r="DM37" s="102">
        <v>1</v>
      </c>
      <c r="DN37" s="102">
        <v>1</v>
      </c>
      <c r="DO37" s="102">
        <v>2</v>
      </c>
      <c r="DP37" s="102">
        <v>0</v>
      </c>
      <c r="DQ37" s="102">
        <v>2</v>
      </c>
      <c r="DR37" s="103">
        <v>6</v>
      </c>
      <c r="DS37" s="104">
        <v>8</v>
      </c>
      <c r="DT37" s="101">
        <v>1</v>
      </c>
      <c r="DU37" s="102">
        <v>0</v>
      </c>
      <c r="DV37" s="103">
        <v>1</v>
      </c>
      <c r="DW37" s="413">
        <v>0</v>
      </c>
      <c r="DX37" s="102">
        <v>2</v>
      </c>
      <c r="DY37" s="102">
        <v>3</v>
      </c>
      <c r="DZ37" s="102">
        <v>1</v>
      </c>
      <c r="EA37" s="102">
        <v>1</v>
      </c>
      <c r="EB37" s="102">
        <v>1</v>
      </c>
      <c r="EC37" s="103">
        <v>8</v>
      </c>
      <c r="ED37" s="104">
        <v>9</v>
      </c>
      <c r="EE37" s="101">
        <v>10</v>
      </c>
      <c r="EF37" s="102">
        <v>5</v>
      </c>
      <c r="EG37" s="103">
        <v>15</v>
      </c>
      <c r="EH37" s="413">
        <v>0</v>
      </c>
      <c r="EI37" s="102">
        <v>8</v>
      </c>
      <c r="EJ37" s="102">
        <v>2</v>
      </c>
      <c r="EK37" s="102">
        <v>6</v>
      </c>
      <c r="EL37" s="102">
        <v>4</v>
      </c>
      <c r="EM37" s="102">
        <v>2</v>
      </c>
      <c r="EN37" s="103">
        <v>22</v>
      </c>
      <c r="EO37" s="104">
        <v>37</v>
      </c>
      <c r="EP37" s="101">
        <v>11</v>
      </c>
      <c r="EQ37" s="102">
        <v>7</v>
      </c>
      <c r="ER37" s="103">
        <v>18</v>
      </c>
      <c r="ES37" s="413">
        <v>0</v>
      </c>
      <c r="ET37" s="102">
        <v>16</v>
      </c>
      <c r="EU37" s="102">
        <v>6</v>
      </c>
      <c r="EV37" s="102">
        <v>13</v>
      </c>
      <c r="EW37" s="102">
        <v>7</v>
      </c>
      <c r="EX37" s="102">
        <v>6</v>
      </c>
      <c r="EY37" s="103">
        <v>48</v>
      </c>
      <c r="EZ37" s="104">
        <v>66</v>
      </c>
      <c r="FA37" s="101">
        <v>16</v>
      </c>
      <c r="FB37" s="102">
        <v>22</v>
      </c>
      <c r="FC37" s="103">
        <v>38</v>
      </c>
      <c r="FD37" s="413">
        <v>0</v>
      </c>
      <c r="FE37" s="102">
        <v>32</v>
      </c>
      <c r="FF37" s="102">
        <v>15</v>
      </c>
      <c r="FG37" s="102">
        <v>7</v>
      </c>
      <c r="FH37" s="102">
        <v>11</v>
      </c>
      <c r="FI37" s="102">
        <v>6</v>
      </c>
      <c r="FJ37" s="103">
        <v>71</v>
      </c>
      <c r="FK37" s="104">
        <v>109</v>
      </c>
      <c r="FL37" s="101">
        <v>9</v>
      </c>
      <c r="FM37" s="102">
        <v>11</v>
      </c>
      <c r="FN37" s="103">
        <v>20</v>
      </c>
      <c r="FO37" s="413">
        <v>0</v>
      </c>
      <c r="FP37" s="102">
        <v>27</v>
      </c>
      <c r="FQ37" s="102">
        <v>19</v>
      </c>
      <c r="FR37" s="102">
        <v>11</v>
      </c>
      <c r="FS37" s="102">
        <v>32</v>
      </c>
      <c r="FT37" s="102">
        <v>14</v>
      </c>
      <c r="FU37" s="103">
        <v>103</v>
      </c>
      <c r="FV37" s="104">
        <v>123</v>
      </c>
      <c r="FW37" s="101">
        <v>0</v>
      </c>
      <c r="FX37" s="102">
        <v>0</v>
      </c>
      <c r="FY37" s="103">
        <v>0</v>
      </c>
      <c r="FZ37" s="413">
        <v>0</v>
      </c>
      <c r="GA37" s="102">
        <v>1</v>
      </c>
      <c r="GB37" s="102">
        <v>1</v>
      </c>
      <c r="GC37" s="102">
        <v>1</v>
      </c>
      <c r="GD37" s="102">
        <v>0</v>
      </c>
      <c r="GE37" s="102">
        <v>1</v>
      </c>
      <c r="GF37" s="103">
        <v>4</v>
      </c>
      <c r="GG37" s="104">
        <v>4</v>
      </c>
      <c r="GH37" s="101">
        <v>48</v>
      </c>
      <c r="GI37" s="102">
        <v>46</v>
      </c>
      <c r="GJ37" s="103">
        <v>94</v>
      </c>
      <c r="GK37" s="413">
        <v>0</v>
      </c>
      <c r="GL37" s="102">
        <v>87</v>
      </c>
      <c r="GM37" s="102">
        <v>47</v>
      </c>
      <c r="GN37" s="102">
        <v>41</v>
      </c>
      <c r="GO37" s="102">
        <v>55</v>
      </c>
      <c r="GP37" s="102">
        <v>32</v>
      </c>
      <c r="GQ37" s="103">
        <v>262</v>
      </c>
      <c r="GR37" s="104">
        <v>356</v>
      </c>
      <c r="GS37" s="105">
        <v>61</v>
      </c>
      <c r="GT37" s="97">
        <v>73</v>
      </c>
      <c r="GU37" s="98">
        <v>134</v>
      </c>
      <c r="GV37" s="413">
        <v>0</v>
      </c>
      <c r="GW37" s="97">
        <v>128</v>
      </c>
      <c r="GX37" s="97">
        <v>84</v>
      </c>
      <c r="GY37" s="97">
        <v>56</v>
      </c>
      <c r="GZ37" s="97">
        <v>84</v>
      </c>
      <c r="HA37" s="97">
        <v>42</v>
      </c>
      <c r="HB37" s="99">
        <v>394</v>
      </c>
      <c r="HC37" s="100">
        <v>528</v>
      </c>
      <c r="HD37" s="101">
        <v>1</v>
      </c>
      <c r="HE37" s="102">
        <v>3</v>
      </c>
      <c r="HF37" s="103">
        <v>4</v>
      </c>
      <c r="HG37" s="416">
        <v>0</v>
      </c>
      <c r="HH37" s="102">
        <v>6</v>
      </c>
      <c r="HI37" s="102">
        <v>1</v>
      </c>
      <c r="HJ37" s="102">
        <v>4</v>
      </c>
      <c r="HK37" s="102">
        <v>2</v>
      </c>
      <c r="HL37" s="102">
        <v>3</v>
      </c>
      <c r="HM37" s="103">
        <v>16</v>
      </c>
      <c r="HN37" s="104">
        <v>20</v>
      </c>
      <c r="HO37" s="101">
        <v>1</v>
      </c>
      <c r="HP37" s="102">
        <v>2</v>
      </c>
      <c r="HQ37" s="103">
        <v>3</v>
      </c>
      <c r="HR37" s="413">
        <v>0</v>
      </c>
      <c r="HS37" s="102">
        <v>5</v>
      </c>
      <c r="HT37" s="102">
        <v>8</v>
      </c>
      <c r="HU37" s="102">
        <v>3</v>
      </c>
      <c r="HV37" s="102">
        <v>2</v>
      </c>
      <c r="HW37" s="102">
        <v>2</v>
      </c>
      <c r="HX37" s="103">
        <v>20</v>
      </c>
      <c r="HY37" s="104">
        <v>23</v>
      </c>
      <c r="HZ37" s="101">
        <v>13</v>
      </c>
      <c r="IA37" s="102">
        <v>9</v>
      </c>
      <c r="IB37" s="103">
        <v>22</v>
      </c>
      <c r="IC37" s="413">
        <v>0</v>
      </c>
      <c r="ID37" s="102">
        <v>12</v>
      </c>
      <c r="IE37" s="102">
        <v>8</v>
      </c>
      <c r="IF37" s="102">
        <v>8</v>
      </c>
      <c r="IG37" s="102">
        <v>11</v>
      </c>
      <c r="IH37" s="102">
        <v>3</v>
      </c>
      <c r="II37" s="103">
        <v>42</v>
      </c>
      <c r="IJ37" s="104">
        <v>64</v>
      </c>
      <c r="IK37" s="101">
        <v>15</v>
      </c>
      <c r="IL37" s="102">
        <v>13</v>
      </c>
      <c r="IM37" s="103">
        <v>28</v>
      </c>
      <c r="IN37" s="413">
        <v>0</v>
      </c>
      <c r="IO37" s="102">
        <v>29</v>
      </c>
      <c r="IP37" s="102">
        <v>15</v>
      </c>
      <c r="IQ37" s="102">
        <v>19</v>
      </c>
      <c r="IR37" s="102">
        <v>12</v>
      </c>
      <c r="IS37" s="102">
        <v>11</v>
      </c>
      <c r="IT37" s="103">
        <v>86</v>
      </c>
      <c r="IU37" s="104">
        <v>114</v>
      </c>
      <c r="IV37" s="101">
        <v>18</v>
      </c>
      <c r="IW37" s="102">
        <v>31</v>
      </c>
      <c r="IX37" s="103">
        <v>49</v>
      </c>
      <c r="IY37" s="413">
        <v>0</v>
      </c>
      <c r="IZ37" s="102">
        <v>40</v>
      </c>
      <c r="JA37" s="102">
        <v>21</v>
      </c>
      <c r="JB37" s="102">
        <v>9</v>
      </c>
      <c r="JC37" s="102">
        <v>18</v>
      </c>
      <c r="JD37" s="102">
        <v>8</v>
      </c>
      <c r="JE37" s="103">
        <v>96</v>
      </c>
      <c r="JF37" s="104">
        <v>145</v>
      </c>
      <c r="JG37" s="101">
        <v>13</v>
      </c>
      <c r="JH37" s="102">
        <v>15</v>
      </c>
      <c r="JI37" s="103">
        <v>28</v>
      </c>
      <c r="JJ37" s="413">
        <v>0</v>
      </c>
      <c r="JK37" s="102">
        <v>36</v>
      </c>
      <c r="JL37" s="102">
        <v>31</v>
      </c>
      <c r="JM37" s="102">
        <v>13</v>
      </c>
      <c r="JN37" s="102">
        <v>39</v>
      </c>
      <c r="JO37" s="102">
        <v>15</v>
      </c>
      <c r="JP37" s="103">
        <v>134</v>
      </c>
      <c r="JQ37" s="104">
        <v>162</v>
      </c>
      <c r="JR37" s="101">
        <v>0</v>
      </c>
      <c r="JS37" s="102">
        <v>0</v>
      </c>
      <c r="JT37" s="103">
        <v>0</v>
      </c>
      <c r="JU37" s="413">
        <v>0</v>
      </c>
      <c r="JV37" s="102">
        <v>2</v>
      </c>
      <c r="JW37" s="102">
        <v>1</v>
      </c>
      <c r="JX37" s="102">
        <v>1</v>
      </c>
      <c r="JY37" s="102">
        <v>1</v>
      </c>
      <c r="JZ37" s="102">
        <v>3</v>
      </c>
      <c r="KA37" s="103">
        <v>8</v>
      </c>
      <c r="KB37" s="104">
        <v>8</v>
      </c>
      <c r="KC37" s="101">
        <v>61</v>
      </c>
      <c r="KD37" s="102">
        <v>73</v>
      </c>
      <c r="KE37" s="103">
        <v>134</v>
      </c>
      <c r="KF37" s="413">
        <v>0</v>
      </c>
      <c r="KG37" s="102">
        <v>130</v>
      </c>
      <c r="KH37" s="102">
        <v>85</v>
      </c>
      <c r="KI37" s="102">
        <v>57</v>
      </c>
      <c r="KJ37" s="102">
        <v>85</v>
      </c>
      <c r="KK37" s="102">
        <v>45</v>
      </c>
      <c r="KL37" s="103">
        <v>402</v>
      </c>
      <c r="KM37" s="104">
        <v>536</v>
      </c>
    </row>
    <row r="38" spans="2:299" s="70" customFormat="1" ht="21" customHeight="1" x14ac:dyDescent="0.2">
      <c r="B38" s="106" t="s">
        <v>35</v>
      </c>
      <c r="C38" s="96">
        <v>58</v>
      </c>
      <c r="D38" s="97">
        <v>61</v>
      </c>
      <c r="E38" s="98">
        <v>119</v>
      </c>
      <c r="F38" s="413">
        <v>0</v>
      </c>
      <c r="G38" s="97">
        <v>144</v>
      </c>
      <c r="H38" s="97">
        <v>106</v>
      </c>
      <c r="I38" s="97">
        <v>41</v>
      </c>
      <c r="J38" s="97">
        <v>53</v>
      </c>
      <c r="K38" s="97">
        <v>28</v>
      </c>
      <c r="L38" s="99">
        <v>372</v>
      </c>
      <c r="M38" s="100">
        <v>491</v>
      </c>
      <c r="N38" s="101">
        <v>3</v>
      </c>
      <c r="O38" s="102">
        <v>1</v>
      </c>
      <c r="P38" s="103">
        <v>4</v>
      </c>
      <c r="Q38" s="413">
        <v>0</v>
      </c>
      <c r="R38" s="102">
        <v>7</v>
      </c>
      <c r="S38" s="102">
        <v>11</v>
      </c>
      <c r="T38" s="102">
        <v>4</v>
      </c>
      <c r="U38" s="102">
        <v>2</v>
      </c>
      <c r="V38" s="102">
        <v>1</v>
      </c>
      <c r="W38" s="103">
        <v>25</v>
      </c>
      <c r="X38" s="104">
        <v>29</v>
      </c>
      <c r="Y38" s="101">
        <v>3</v>
      </c>
      <c r="Z38" s="102">
        <v>2</v>
      </c>
      <c r="AA38" s="103">
        <v>5</v>
      </c>
      <c r="AB38" s="413">
        <v>0</v>
      </c>
      <c r="AC38" s="102">
        <v>15</v>
      </c>
      <c r="AD38" s="102">
        <v>8</v>
      </c>
      <c r="AE38" s="102">
        <v>9</v>
      </c>
      <c r="AF38" s="102">
        <v>1</v>
      </c>
      <c r="AG38" s="102">
        <v>5</v>
      </c>
      <c r="AH38" s="103">
        <v>38</v>
      </c>
      <c r="AI38" s="104">
        <v>43</v>
      </c>
      <c r="AJ38" s="101">
        <v>16</v>
      </c>
      <c r="AK38" s="102">
        <v>12</v>
      </c>
      <c r="AL38" s="103">
        <v>28</v>
      </c>
      <c r="AM38" s="413">
        <v>0</v>
      </c>
      <c r="AN38" s="102">
        <v>21</v>
      </c>
      <c r="AO38" s="102">
        <v>14</v>
      </c>
      <c r="AP38" s="102">
        <v>9</v>
      </c>
      <c r="AQ38" s="102">
        <v>10</v>
      </c>
      <c r="AR38" s="102">
        <v>7</v>
      </c>
      <c r="AS38" s="103">
        <v>61</v>
      </c>
      <c r="AT38" s="104">
        <v>89</v>
      </c>
      <c r="AU38" s="101">
        <v>13</v>
      </c>
      <c r="AV38" s="102">
        <v>21</v>
      </c>
      <c r="AW38" s="103">
        <v>34</v>
      </c>
      <c r="AX38" s="413">
        <v>0</v>
      </c>
      <c r="AY38" s="102">
        <v>46</v>
      </c>
      <c r="AZ38" s="102">
        <v>23</v>
      </c>
      <c r="BA38" s="102">
        <v>4</v>
      </c>
      <c r="BB38" s="102">
        <v>19</v>
      </c>
      <c r="BC38" s="102">
        <v>2</v>
      </c>
      <c r="BD38" s="103">
        <v>94</v>
      </c>
      <c r="BE38" s="104">
        <v>128</v>
      </c>
      <c r="BF38" s="101">
        <v>15</v>
      </c>
      <c r="BG38" s="102">
        <v>13</v>
      </c>
      <c r="BH38" s="103">
        <v>28</v>
      </c>
      <c r="BI38" s="413">
        <v>0</v>
      </c>
      <c r="BJ38" s="102">
        <v>37</v>
      </c>
      <c r="BK38" s="102">
        <v>25</v>
      </c>
      <c r="BL38" s="102">
        <v>8</v>
      </c>
      <c r="BM38" s="102">
        <v>8</v>
      </c>
      <c r="BN38" s="102">
        <v>5</v>
      </c>
      <c r="BO38" s="103">
        <v>83</v>
      </c>
      <c r="BP38" s="104">
        <v>111</v>
      </c>
      <c r="BQ38" s="101">
        <v>8</v>
      </c>
      <c r="BR38" s="102">
        <v>12</v>
      </c>
      <c r="BS38" s="103">
        <v>20</v>
      </c>
      <c r="BT38" s="413">
        <v>0</v>
      </c>
      <c r="BU38" s="102">
        <v>18</v>
      </c>
      <c r="BV38" s="102">
        <v>25</v>
      </c>
      <c r="BW38" s="102">
        <v>7</v>
      </c>
      <c r="BX38" s="102">
        <v>13</v>
      </c>
      <c r="BY38" s="102">
        <v>8</v>
      </c>
      <c r="BZ38" s="103">
        <v>71</v>
      </c>
      <c r="CA38" s="104">
        <v>91</v>
      </c>
      <c r="CB38" s="101">
        <v>0</v>
      </c>
      <c r="CC38" s="102">
        <v>1</v>
      </c>
      <c r="CD38" s="103">
        <v>1</v>
      </c>
      <c r="CE38" s="413">
        <v>0</v>
      </c>
      <c r="CF38" s="102">
        <v>4</v>
      </c>
      <c r="CG38" s="102">
        <v>4</v>
      </c>
      <c r="CH38" s="102">
        <v>1</v>
      </c>
      <c r="CI38" s="102">
        <v>4</v>
      </c>
      <c r="CJ38" s="102">
        <v>0</v>
      </c>
      <c r="CK38" s="103">
        <v>13</v>
      </c>
      <c r="CL38" s="104">
        <v>14</v>
      </c>
      <c r="CM38" s="101">
        <v>58</v>
      </c>
      <c r="CN38" s="102">
        <v>62</v>
      </c>
      <c r="CO38" s="103">
        <v>120</v>
      </c>
      <c r="CP38" s="413">
        <v>0</v>
      </c>
      <c r="CQ38" s="102">
        <v>148</v>
      </c>
      <c r="CR38" s="102">
        <v>110</v>
      </c>
      <c r="CS38" s="102">
        <v>42</v>
      </c>
      <c r="CT38" s="102">
        <v>57</v>
      </c>
      <c r="CU38" s="102">
        <v>28</v>
      </c>
      <c r="CV38" s="103">
        <v>385</v>
      </c>
      <c r="CW38" s="104">
        <v>505</v>
      </c>
      <c r="CX38" s="105">
        <v>148</v>
      </c>
      <c r="CY38" s="97">
        <v>172</v>
      </c>
      <c r="CZ38" s="98">
        <v>320</v>
      </c>
      <c r="DA38" s="413">
        <v>0</v>
      </c>
      <c r="DB38" s="97">
        <v>322</v>
      </c>
      <c r="DC38" s="97">
        <v>167</v>
      </c>
      <c r="DD38" s="97">
        <v>151</v>
      </c>
      <c r="DE38" s="97">
        <v>163</v>
      </c>
      <c r="DF38" s="97">
        <v>99</v>
      </c>
      <c r="DG38" s="99">
        <v>902</v>
      </c>
      <c r="DH38" s="100">
        <v>1222</v>
      </c>
      <c r="DI38" s="101">
        <v>3</v>
      </c>
      <c r="DJ38" s="102">
        <v>3</v>
      </c>
      <c r="DK38" s="103">
        <v>6</v>
      </c>
      <c r="DL38" s="413">
        <v>0</v>
      </c>
      <c r="DM38" s="102">
        <v>3</v>
      </c>
      <c r="DN38" s="102">
        <v>3</v>
      </c>
      <c r="DO38" s="102">
        <v>3</v>
      </c>
      <c r="DP38" s="102">
        <v>3</v>
      </c>
      <c r="DQ38" s="102">
        <v>1</v>
      </c>
      <c r="DR38" s="103">
        <v>13</v>
      </c>
      <c r="DS38" s="104">
        <v>19</v>
      </c>
      <c r="DT38" s="101">
        <v>10</v>
      </c>
      <c r="DU38" s="102">
        <v>10</v>
      </c>
      <c r="DV38" s="103">
        <v>20</v>
      </c>
      <c r="DW38" s="413">
        <v>0</v>
      </c>
      <c r="DX38" s="102">
        <v>9</v>
      </c>
      <c r="DY38" s="102">
        <v>10</v>
      </c>
      <c r="DZ38" s="102">
        <v>8</v>
      </c>
      <c r="EA38" s="102">
        <v>7</v>
      </c>
      <c r="EB38" s="102">
        <v>5</v>
      </c>
      <c r="EC38" s="103">
        <v>39</v>
      </c>
      <c r="ED38" s="104">
        <v>59</v>
      </c>
      <c r="EE38" s="101">
        <v>26</v>
      </c>
      <c r="EF38" s="102">
        <v>17</v>
      </c>
      <c r="EG38" s="103">
        <v>43</v>
      </c>
      <c r="EH38" s="413">
        <v>0</v>
      </c>
      <c r="EI38" s="102">
        <v>32</v>
      </c>
      <c r="EJ38" s="102">
        <v>12</v>
      </c>
      <c r="EK38" s="102">
        <v>5</v>
      </c>
      <c r="EL38" s="102">
        <v>9</v>
      </c>
      <c r="EM38" s="102">
        <v>8</v>
      </c>
      <c r="EN38" s="103">
        <v>66</v>
      </c>
      <c r="EO38" s="104">
        <v>109</v>
      </c>
      <c r="EP38" s="101">
        <v>43</v>
      </c>
      <c r="EQ38" s="102">
        <v>55</v>
      </c>
      <c r="ER38" s="103">
        <v>98</v>
      </c>
      <c r="ES38" s="413">
        <v>0</v>
      </c>
      <c r="ET38" s="102">
        <v>73</v>
      </c>
      <c r="EU38" s="102">
        <v>33</v>
      </c>
      <c r="EV38" s="102">
        <v>26</v>
      </c>
      <c r="EW38" s="102">
        <v>27</v>
      </c>
      <c r="EX38" s="102">
        <v>18</v>
      </c>
      <c r="EY38" s="103">
        <v>177</v>
      </c>
      <c r="EZ38" s="104">
        <v>275</v>
      </c>
      <c r="FA38" s="101">
        <v>35</v>
      </c>
      <c r="FB38" s="102">
        <v>58</v>
      </c>
      <c r="FC38" s="103">
        <v>93</v>
      </c>
      <c r="FD38" s="413">
        <v>0</v>
      </c>
      <c r="FE38" s="102">
        <v>96</v>
      </c>
      <c r="FF38" s="102">
        <v>47</v>
      </c>
      <c r="FG38" s="102">
        <v>39</v>
      </c>
      <c r="FH38" s="102">
        <v>46</v>
      </c>
      <c r="FI38" s="102">
        <v>19</v>
      </c>
      <c r="FJ38" s="103">
        <v>247</v>
      </c>
      <c r="FK38" s="104">
        <v>340</v>
      </c>
      <c r="FL38" s="101">
        <v>31</v>
      </c>
      <c r="FM38" s="102">
        <v>29</v>
      </c>
      <c r="FN38" s="103">
        <v>60</v>
      </c>
      <c r="FO38" s="413">
        <v>0</v>
      </c>
      <c r="FP38" s="102">
        <v>109</v>
      </c>
      <c r="FQ38" s="102">
        <v>62</v>
      </c>
      <c r="FR38" s="102">
        <v>70</v>
      </c>
      <c r="FS38" s="102">
        <v>71</v>
      </c>
      <c r="FT38" s="102">
        <v>48</v>
      </c>
      <c r="FU38" s="103">
        <v>360</v>
      </c>
      <c r="FV38" s="104">
        <v>420</v>
      </c>
      <c r="FW38" s="101">
        <v>0</v>
      </c>
      <c r="FX38" s="102">
        <v>0</v>
      </c>
      <c r="FY38" s="103">
        <v>0</v>
      </c>
      <c r="FZ38" s="413">
        <v>0</v>
      </c>
      <c r="GA38" s="102">
        <v>2</v>
      </c>
      <c r="GB38" s="102">
        <v>2</v>
      </c>
      <c r="GC38" s="102">
        <v>0</v>
      </c>
      <c r="GD38" s="102">
        <v>1</v>
      </c>
      <c r="GE38" s="102">
        <v>1</v>
      </c>
      <c r="GF38" s="103">
        <v>6</v>
      </c>
      <c r="GG38" s="104">
        <v>6</v>
      </c>
      <c r="GH38" s="101">
        <v>148</v>
      </c>
      <c r="GI38" s="102">
        <v>172</v>
      </c>
      <c r="GJ38" s="103">
        <v>320</v>
      </c>
      <c r="GK38" s="413">
        <v>0</v>
      </c>
      <c r="GL38" s="102">
        <v>324</v>
      </c>
      <c r="GM38" s="102">
        <v>169</v>
      </c>
      <c r="GN38" s="102">
        <v>151</v>
      </c>
      <c r="GO38" s="102">
        <v>164</v>
      </c>
      <c r="GP38" s="102">
        <v>100</v>
      </c>
      <c r="GQ38" s="103">
        <v>908</v>
      </c>
      <c r="GR38" s="104">
        <v>1228</v>
      </c>
      <c r="GS38" s="105">
        <v>206</v>
      </c>
      <c r="GT38" s="97">
        <v>233</v>
      </c>
      <c r="GU38" s="98">
        <v>439</v>
      </c>
      <c r="GV38" s="413">
        <v>0</v>
      </c>
      <c r="GW38" s="97">
        <v>466</v>
      </c>
      <c r="GX38" s="97">
        <v>273</v>
      </c>
      <c r="GY38" s="97">
        <v>192</v>
      </c>
      <c r="GZ38" s="97">
        <v>216</v>
      </c>
      <c r="HA38" s="97">
        <v>127</v>
      </c>
      <c r="HB38" s="99">
        <v>1274</v>
      </c>
      <c r="HC38" s="100">
        <v>1713</v>
      </c>
      <c r="HD38" s="101">
        <v>6</v>
      </c>
      <c r="HE38" s="102">
        <v>4</v>
      </c>
      <c r="HF38" s="103">
        <v>10</v>
      </c>
      <c r="HG38" s="416">
        <v>0</v>
      </c>
      <c r="HH38" s="102">
        <v>10</v>
      </c>
      <c r="HI38" s="102">
        <v>14</v>
      </c>
      <c r="HJ38" s="102">
        <v>7</v>
      </c>
      <c r="HK38" s="102">
        <v>5</v>
      </c>
      <c r="HL38" s="102">
        <v>2</v>
      </c>
      <c r="HM38" s="103">
        <v>38</v>
      </c>
      <c r="HN38" s="104">
        <v>48</v>
      </c>
      <c r="HO38" s="101">
        <v>13</v>
      </c>
      <c r="HP38" s="102">
        <v>12</v>
      </c>
      <c r="HQ38" s="103">
        <v>25</v>
      </c>
      <c r="HR38" s="413">
        <v>0</v>
      </c>
      <c r="HS38" s="102">
        <v>24</v>
      </c>
      <c r="HT38" s="102">
        <v>18</v>
      </c>
      <c r="HU38" s="102">
        <v>17</v>
      </c>
      <c r="HV38" s="102">
        <v>8</v>
      </c>
      <c r="HW38" s="102">
        <v>10</v>
      </c>
      <c r="HX38" s="103">
        <v>77</v>
      </c>
      <c r="HY38" s="104">
        <v>102</v>
      </c>
      <c r="HZ38" s="101">
        <v>42</v>
      </c>
      <c r="IA38" s="102">
        <v>29</v>
      </c>
      <c r="IB38" s="103">
        <v>71</v>
      </c>
      <c r="IC38" s="413">
        <v>0</v>
      </c>
      <c r="ID38" s="102">
        <v>53</v>
      </c>
      <c r="IE38" s="102">
        <v>26</v>
      </c>
      <c r="IF38" s="102">
        <v>14</v>
      </c>
      <c r="IG38" s="102">
        <v>19</v>
      </c>
      <c r="IH38" s="102">
        <v>15</v>
      </c>
      <c r="II38" s="103">
        <v>127</v>
      </c>
      <c r="IJ38" s="104">
        <v>198</v>
      </c>
      <c r="IK38" s="101">
        <v>56</v>
      </c>
      <c r="IL38" s="102">
        <v>76</v>
      </c>
      <c r="IM38" s="103">
        <v>132</v>
      </c>
      <c r="IN38" s="413">
        <v>0</v>
      </c>
      <c r="IO38" s="102">
        <v>119</v>
      </c>
      <c r="IP38" s="102">
        <v>56</v>
      </c>
      <c r="IQ38" s="102">
        <v>30</v>
      </c>
      <c r="IR38" s="102">
        <v>46</v>
      </c>
      <c r="IS38" s="102">
        <v>20</v>
      </c>
      <c r="IT38" s="103">
        <v>271</v>
      </c>
      <c r="IU38" s="104">
        <v>403</v>
      </c>
      <c r="IV38" s="101">
        <v>50</v>
      </c>
      <c r="IW38" s="102">
        <v>71</v>
      </c>
      <c r="IX38" s="103">
        <v>121</v>
      </c>
      <c r="IY38" s="413">
        <v>0</v>
      </c>
      <c r="IZ38" s="102">
        <v>133</v>
      </c>
      <c r="JA38" s="102">
        <v>72</v>
      </c>
      <c r="JB38" s="102">
        <v>47</v>
      </c>
      <c r="JC38" s="102">
        <v>54</v>
      </c>
      <c r="JD38" s="102">
        <v>24</v>
      </c>
      <c r="JE38" s="103">
        <v>330</v>
      </c>
      <c r="JF38" s="104">
        <v>451</v>
      </c>
      <c r="JG38" s="101">
        <v>39</v>
      </c>
      <c r="JH38" s="102">
        <v>41</v>
      </c>
      <c r="JI38" s="103">
        <v>80</v>
      </c>
      <c r="JJ38" s="413">
        <v>0</v>
      </c>
      <c r="JK38" s="102">
        <v>127</v>
      </c>
      <c r="JL38" s="102">
        <v>87</v>
      </c>
      <c r="JM38" s="102">
        <v>77</v>
      </c>
      <c r="JN38" s="102">
        <v>84</v>
      </c>
      <c r="JO38" s="102">
        <v>56</v>
      </c>
      <c r="JP38" s="103">
        <v>431</v>
      </c>
      <c r="JQ38" s="104">
        <v>511</v>
      </c>
      <c r="JR38" s="101">
        <v>0</v>
      </c>
      <c r="JS38" s="102">
        <v>1</v>
      </c>
      <c r="JT38" s="103">
        <v>1</v>
      </c>
      <c r="JU38" s="413">
        <v>0</v>
      </c>
      <c r="JV38" s="102">
        <v>6</v>
      </c>
      <c r="JW38" s="102">
        <v>6</v>
      </c>
      <c r="JX38" s="102">
        <v>1</v>
      </c>
      <c r="JY38" s="102">
        <v>5</v>
      </c>
      <c r="JZ38" s="102">
        <v>1</v>
      </c>
      <c r="KA38" s="103">
        <v>19</v>
      </c>
      <c r="KB38" s="104">
        <v>20</v>
      </c>
      <c r="KC38" s="101">
        <v>206</v>
      </c>
      <c r="KD38" s="102">
        <v>234</v>
      </c>
      <c r="KE38" s="103">
        <v>440</v>
      </c>
      <c r="KF38" s="413">
        <v>0</v>
      </c>
      <c r="KG38" s="102">
        <v>472</v>
      </c>
      <c r="KH38" s="102">
        <v>279</v>
      </c>
      <c r="KI38" s="102">
        <v>193</v>
      </c>
      <c r="KJ38" s="102">
        <v>221</v>
      </c>
      <c r="KK38" s="102">
        <v>128</v>
      </c>
      <c r="KL38" s="103">
        <v>1293</v>
      </c>
      <c r="KM38" s="104">
        <v>1733</v>
      </c>
    </row>
    <row r="39" spans="2:299" s="70" customFormat="1" ht="21" customHeight="1" x14ac:dyDescent="0.2">
      <c r="B39" s="106" t="s">
        <v>36</v>
      </c>
      <c r="C39" s="96">
        <v>65</v>
      </c>
      <c r="D39" s="97">
        <v>86</v>
      </c>
      <c r="E39" s="98">
        <v>151</v>
      </c>
      <c r="F39" s="413">
        <v>0</v>
      </c>
      <c r="G39" s="97">
        <v>180</v>
      </c>
      <c r="H39" s="97">
        <v>125</v>
      </c>
      <c r="I39" s="97">
        <v>124</v>
      </c>
      <c r="J39" s="97">
        <v>81</v>
      </c>
      <c r="K39" s="97">
        <v>48</v>
      </c>
      <c r="L39" s="99">
        <v>558</v>
      </c>
      <c r="M39" s="100">
        <v>709</v>
      </c>
      <c r="N39" s="101">
        <v>5</v>
      </c>
      <c r="O39" s="102">
        <v>6</v>
      </c>
      <c r="P39" s="103">
        <v>11</v>
      </c>
      <c r="Q39" s="413">
        <v>0</v>
      </c>
      <c r="R39" s="102">
        <v>10</v>
      </c>
      <c r="S39" s="102">
        <v>7</v>
      </c>
      <c r="T39" s="102">
        <v>11</v>
      </c>
      <c r="U39" s="102">
        <v>4</v>
      </c>
      <c r="V39" s="102">
        <v>3</v>
      </c>
      <c r="W39" s="103">
        <v>35</v>
      </c>
      <c r="X39" s="104">
        <v>46</v>
      </c>
      <c r="Y39" s="101">
        <v>3</v>
      </c>
      <c r="Z39" s="102">
        <v>5</v>
      </c>
      <c r="AA39" s="103">
        <v>8</v>
      </c>
      <c r="AB39" s="413">
        <v>0</v>
      </c>
      <c r="AC39" s="102">
        <v>20</v>
      </c>
      <c r="AD39" s="102">
        <v>23</v>
      </c>
      <c r="AE39" s="102">
        <v>14</v>
      </c>
      <c r="AF39" s="102">
        <v>13</v>
      </c>
      <c r="AG39" s="102">
        <v>7</v>
      </c>
      <c r="AH39" s="103">
        <v>77</v>
      </c>
      <c r="AI39" s="104">
        <v>85</v>
      </c>
      <c r="AJ39" s="101">
        <v>19</v>
      </c>
      <c r="AK39" s="102">
        <v>15</v>
      </c>
      <c r="AL39" s="103">
        <v>34</v>
      </c>
      <c r="AM39" s="413">
        <v>0</v>
      </c>
      <c r="AN39" s="102">
        <v>38</v>
      </c>
      <c r="AO39" s="102">
        <v>22</v>
      </c>
      <c r="AP39" s="102">
        <v>23</v>
      </c>
      <c r="AQ39" s="102">
        <v>17</v>
      </c>
      <c r="AR39" s="102">
        <v>11</v>
      </c>
      <c r="AS39" s="103">
        <v>111</v>
      </c>
      <c r="AT39" s="104">
        <v>145</v>
      </c>
      <c r="AU39" s="101">
        <v>19</v>
      </c>
      <c r="AV39" s="102">
        <v>30</v>
      </c>
      <c r="AW39" s="103">
        <v>49</v>
      </c>
      <c r="AX39" s="413">
        <v>0</v>
      </c>
      <c r="AY39" s="102">
        <v>41</v>
      </c>
      <c r="AZ39" s="102">
        <v>22</v>
      </c>
      <c r="BA39" s="102">
        <v>37</v>
      </c>
      <c r="BB39" s="102">
        <v>20</v>
      </c>
      <c r="BC39" s="102">
        <v>12</v>
      </c>
      <c r="BD39" s="103">
        <v>132</v>
      </c>
      <c r="BE39" s="104">
        <v>181</v>
      </c>
      <c r="BF39" s="101">
        <v>14</v>
      </c>
      <c r="BG39" s="102">
        <v>12</v>
      </c>
      <c r="BH39" s="103">
        <v>26</v>
      </c>
      <c r="BI39" s="413">
        <v>0</v>
      </c>
      <c r="BJ39" s="102">
        <v>47</v>
      </c>
      <c r="BK39" s="102">
        <v>34</v>
      </c>
      <c r="BL39" s="102">
        <v>25</v>
      </c>
      <c r="BM39" s="102">
        <v>15</v>
      </c>
      <c r="BN39" s="102">
        <v>12</v>
      </c>
      <c r="BO39" s="103">
        <v>133</v>
      </c>
      <c r="BP39" s="104">
        <v>159</v>
      </c>
      <c r="BQ39" s="101">
        <v>5</v>
      </c>
      <c r="BR39" s="102">
        <v>18</v>
      </c>
      <c r="BS39" s="103">
        <v>23</v>
      </c>
      <c r="BT39" s="413">
        <v>0</v>
      </c>
      <c r="BU39" s="102">
        <v>24</v>
      </c>
      <c r="BV39" s="102">
        <v>17</v>
      </c>
      <c r="BW39" s="102">
        <v>14</v>
      </c>
      <c r="BX39" s="102">
        <v>12</v>
      </c>
      <c r="BY39" s="102">
        <v>3</v>
      </c>
      <c r="BZ39" s="103">
        <v>70</v>
      </c>
      <c r="CA39" s="104">
        <v>93</v>
      </c>
      <c r="CB39" s="101">
        <v>3</v>
      </c>
      <c r="CC39" s="102">
        <v>4</v>
      </c>
      <c r="CD39" s="103">
        <v>7</v>
      </c>
      <c r="CE39" s="413">
        <v>0</v>
      </c>
      <c r="CF39" s="102">
        <v>7</v>
      </c>
      <c r="CG39" s="102">
        <v>5</v>
      </c>
      <c r="CH39" s="102">
        <v>9</v>
      </c>
      <c r="CI39" s="102">
        <v>8</v>
      </c>
      <c r="CJ39" s="102">
        <v>1</v>
      </c>
      <c r="CK39" s="103">
        <v>30</v>
      </c>
      <c r="CL39" s="104">
        <v>37</v>
      </c>
      <c r="CM39" s="101">
        <v>68</v>
      </c>
      <c r="CN39" s="102">
        <v>90</v>
      </c>
      <c r="CO39" s="103">
        <v>158</v>
      </c>
      <c r="CP39" s="413">
        <v>0</v>
      </c>
      <c r="CQ39" s="102">
        <v>187</v>
      </c>
      <c r="CR39" s="102">
        <v>130</v>
      </c>
      <c r="CS39" s="102">
        <v>133</v>
      </c>
      <c r="CT39" s="102">
        <v>89</v>
      </c>
      <c r="CU39" s="102">
        <v>49</v>
      </c>
      <c r="CV39" s="103">
        <v>588</v>
      </c>
      <c r="CW39" s="104">
        <v>746</v>
      </c>
      <c r="CX39" s="105">
        <v>97</v>
      </c>
      <c r="CY39" s="97">
        <v>198</v>
      </c>
      <c r="CZ39" s="98">
        <v>295</v>
      </c>
      <c r="DA39" s="413">
        <v>0</v>
      </c>
      <c r="DB39" s="97">
        <v>252</v>
      </c>
      <c r="DC39" s="97">
        <v>232</v>
      </c>
      <c r="DD39" s="97">
        <v>201</v>
      </c>
      <c r="DE39" s="97">
        <v>158</v>
      </c>
      <c r="DF39" s="97">
        <v>121</v>
      </c>
      <c r="DG39" s="99">
        <v>964</v>
      </c>
      <c r="DH39" s="100">
        <v>1259</v>
      </c>
      <c r="DI39" s="101">
        <v>2</v>
      </c>
      <c r="DJ39" s="102">
        <v>4</v>
      </c>
      <c r="DK39" s="103">
        <v>6</v>
      </c>
      <c r="DL39" s="413">
        <v>0</v>
      </c>
      <c r="DM39" s="102">
        <v>4</v>
      </c>
      <c r="DN39" s="102">
        <v>9</v>
      </c>
      <c r="DO39" s="102">
        <v>4</v>
      </c>
      <c r="DP39" s="102">
        <v>4</v>
      </c>
      <c r="DQ39" s="102">
        <v>2</v>
      </c>
      <c r="DR39" s="103">
        <v>23</v>
      </c>
      <c r="DS39" s="104">
        <v>29</v>
      </c>
      <c r="DT39" s="101">
        <v>2</v>
      </c>
      <c r="DU39" s="102">
        <v>21</v>
      </c>
      <c r="DV39" s="103">
        <v>23</v>
      </c>
      <c r="DW39" s="413">
        <v>0</v>
      </c>
      <c r="DX39" s="102">
        <v>23</v>
      </c>
      <c r="DY39" s="102">
        <v>13</v>
      </c>
      <c r="DZ39" s="102">
        <v>13</v>
      </c>
      <c r="EA39" s="102">
        <v>11</v>
      </c>
      <c r="EB39" s="102">
        <v>6</v>
      </c>
      <c r="EC39" s="103">
        <v>66</v>
      </c>
      <c r="ED39" s="104">
        <v>89</v>
      </c>
      <c r="EE39" s="101">
        <v>21</v>
      </c>
      <c r="EF39" s="102">
        <v>36</v>
      </c>
      <c r="EG39" s="103">
        <v>57</v>
      </c>
      <c r="EH39" s="413">
        <v>0</v>
      </c>
      <c r="EI39" s="102">
        <v>30</v>
      </c>
      <c r="EJ39" s="102">
        <v>26</v>
      </c>
      <c r="EK39" s="102">
        <v>22</v>
      </c>
      <c r="EL39" s="102">
        <v>20</v>
      </c>
      <c r="EM39" s="102">
        <v>23</v>
      </c>
      <c r="EN39" s="103">
        <v>121</v>
      </c>
      <c r="EO39" s="104">
        <v>178</v>
      </c>
      <c r="EP39" s="101">
        <v>43</v>
      </c>
      <c r="EQ39" s="102">
        <v>58</v>
      </c>
      <c r="ER39" s="103">
        <v>101</v>
      </c>
      <c r="ES39" s="413">
        <v>0</v>
      </c>
      <c r="ET39" s="102">
        <v>67</v>
      </c>
      <c r="EU39" s="102">
        <v>64</v>
      </c>
      <c r="EV39" s="102">
        <v>31</v>
      </c>
      <c r="EW39" s="102">
        <v>34</v>
      </c>
      <c r="EX39" s="102">
        <v>27</v>
      </c>
      <c r="EY39" s="103">
        <v>223</v>
      </c>
      <c r="EZ39" s="104">
        <v>324</v>
      </c>
      <c r="FA39" s="101">
        <v>21</v>
      </c>
      <c r="FB39" s="102">
        <v>56</v>
      </c>
      <c r="FC39" s="103">
        <v>77</v>
      </c>
      <c r="FD39" s="413">
        <v>0</v>
      </c>
      <c r="FE39" s="102">
        <v>72</v>
      </c>
      <c r="FF39" s="102">
        <v>61</v>
      </c>
      <c r="FG39" s="102">
        <v>55</v>
      </c>
      <c r="FH39" s="102">
        <v>32</v>
      </c>
      <c r="FI39" s="102">
        <v>30</v>
      </c>
      <c r="FJ39" s="103">
        <v>250</v>
      </c>
      <c r="FK39" s="104">
        <v>327</v>
      </c>
      <c r="FL39" s="101">
        <v>8</v>
      </c>
      <c r="FM39" s="102">
        <v>23</v>
      </c>
      <c r="FN39" s="103">
        <v>31</v>
      </c>
      <c r="FO39" s="413">
        <v>0</v>
      </c>
      <c r="FP39" s="102">
        <v>56</v>
      </c>
      <c r="FQ39" s="102">
        <v>59</v>
      </c>
      <c r="FR39" s="102">
        <v>76</v>
      </c>
      <c r="FS39" s="102">
        <v>57</v>
      </c>
      <c r="FT39" s="102">
        <v>33</v>
      </c>
      <c r="FU39" s="103">
        <v>281</v>
      </c>
      <c r="FV39" s="104">
        <v>312</v>
      </c>
      <c r="FW39" s="101">
        <v>1</v>
      </c>
      <c r="FX39" s="102">
        <v>1</v>
      </c>
      <c r="FY39" s="103">
        <v>2</v>
      </c>
      <c r="FZ39" s="413">
        <v>0</v>
      </c>
      <c r="GA39" s="102">
        <v>5</v>
      </c>
      <c r="GB39" s="102">
        <v>2</v>
      </c>
      <c r="GC39" s="102">
        <v>3</v>
      </c>
      <c r="GD39" s="102">
        <v>7</v>
      </c>
      <c r="GE39" s="102">
        <v>4</v>
      </c>
      <c r="GF39" s="103">
        <v>21</v>
      </c>
      <c r="GG39" s="104">
        <v>23</v>
      </c>
      <c r="GH39" s="101">
        <v>98</v>
      </c>
      <c r="GI39" s="102">
        <v>199</v>
      </c>
      <c r="GJ39" s="103">
        <v>297</v>
      </c>
      <c r="GK39" s="413">
        <v>0</v>
      </c>
      <c r="GL39" s="102">
        <v>257</v>
      </c>
      <c r="GM39" s="102">
        <v>234</v>
      </c>
      <c r="GN39" s="102">
        <v>204</v>
      </c>
      <c r="GO39" s="102">
        <v>165</v>
      </c>
      <c r="GP39" s="102">
        <v>125</v>
      </c>
      <c r="GQ39" s="103">
        <v>985</v>
      </c>
      <c r="GR39" s="104">
        <v>1282</v>
      </c>
      <c r="GS39" s="105">
        <v>162</v>
      </c>
      <c r="GT39" s="97">
        <v>284</v>
      </c>
      <c r="GU39" s="98">
        <v>446</v>
      </c>
      <c r="GV39" s="413">
        <v>0</v>
      </c>
      <c r="GW39" s="97">
        <v>432</v>
      </c>
      <c r="GX39" s="97">
        <v>357</v>
      </c>
      <c r="GY39" s="97">
        <v>325</v>
      </c>
      <c r="GZ39" s="97">
        <v>239</v>
      </c>
      <c r="HA39" s="97">
        <v>169</v>
      </c>
      <c r="HB39" s="99">
        <v>1522</v>
      </c>
      <c r="HC39" s="100">
        <v>1968</v>
      </c>
      <c r="HD39" s="101">
        <v>7</v>
      </c>
      <c r="HE39" s="102">
        <v>10</v>
      </c>
      <c r="HF39" s="103">
        <v>17</v>
      </c>
      <c r="HG39" s="416">
        <v>0</v>
      </c>
      <c r="HH39" s="102">
        <v>14</v>
      </c>
      <c r="HI39" s="102">
        <v>16</v>
      </c>
      <c r="HJ39" s="102">
        <v>15</v>
      </c>
      <c r="HK39" s="102">
        <v>8</v>
      </c>
      <c r="HL39" s="102">
        <v>5</v>
      </c>
      <c r="HM39" s="103">
        <v>58</v>
      </c>
      <c r="HN39" s="104">
        <v>75</v>
      </c>
      <c r="HO39" s="101">
        <v>5</v>
      </c>
      <c r="HP39" s="102">
        <v>26</v>
      </c>
      <c r="HQ39" s="103">
        <v>31</v>
      </c>
      <c r="HR39" s="413">
        <v>0</v>
      </c>
      <c r="HS39" s="102">
        <v>43</v>
      </c>
      <c r="HT39" s="102">
        <v>36</v>
      </c>
      <c r="HU39" s="102">
        <v>27</v>
      </c>
      <c r="HV39" s="102">
        <v>24</v>
      </c>
      <c r="HW39" s="102">
        <v>13</v>
      </c>
      <c r="HX39" s="103">
        <v>143</v>
      </c>
      <c r="HY39" s="104">
        <v>174</v>
      </c>
      <c r="HZ39" s="101">
        <v>40</v>
      </c>
      <c r="IA39" s="102">
        <v>51</v>
      </c>
      <c r="IB39" s="103">
        <v>91</v>
      </c>
      <c r="IC39" s="413">
        <v>0</v>
      </c>
      <c r="ID39" s="102">
        <v>68</v>
      </c>
      <c r="IE39" s="102">
        <v>48</v>
      </c>
      <c r="IF39" s="102">
        <v>45</v>
      </c>
      <c r="IG39" s="102">
        <v>37</v>
      </c>
      <c r="IH39" s="102">
        <v>34</v>
      </c>
      <c r="II39" s="103">
        <v>232</v>
      </c>
      <c r="IJ39" s="104">
        <v>323</v>
      </c>
      <c r="IK39" s="101">
        <v>62</v>
      </c>
      <c r="IL39" s="102">
        <v>88</v>
      </c>
      <c r="IM39" s="103">
        <v>150</v>
      </c>
      <c r="IN39" s="413">
        <v>0</v>
      </c>
      <c r="IO39" s="102">
        <v>108</v>
      </c>
      <c r="IP39" s="102">
        <v>86</v>
      </c>
      <c r="IQ39" s="102">
        <v>68</v>
      </c>
      <c r="IR39" s="102">
        <v>54</v>
      </c>
      <c r="IS39" s="102">
        <v>39</v>
      </c>
      <c r="IT39" s="103">
        <v>355</v>
      </c>
      <c r="IU39" s="104">
        <v>505</v>
      </c>
      <c r="IV39" s="101">
        <v>35</v>
      </c>
      <c r="IW39" s="102">
        <v>68</v>
      </c>
      <c r="IX39" s="103">
        <v>103</v>
      </c>
      <c r="IY39" s="413">
        <v>0</v>
      </c>
      <c r="IZ39" s="102">
        <v>119</v>
      </c>
      <c r="JA39" s="102">
        <v>95</v>
      </c>
      <c r="JB39" s="102">
        <v>80</v>
      </c>
      <c r="JC39" s="102">
        <v>47</v>
      </c>
      <c r="JD39" s="102">
        <v>42</v>
      </c>
      <c r="JE39" s="103">
        <v>383</v>
      </c>
      <c r="JF39" s="104">
        <v>486</v>
      </c>
      <c r="JG39" s="101">
        <v>13</v>
      </c>
      <c r="JH39" s="102">
        <v>41</v>
      </c>
      <c r="JI39" s="103">
        <v>54</v>
      </c>
      <c r="JJ39" s="413">
        <v>0</v>
      </c>
      <c r="JK39" s="102">
        <v>80</v>
      </c>
      <c r="JL39" s="102">
        <v>76</v>
      </c>
      <c r="JM39" s="102">
        <v>90</v>
      </c>
      <c r="JN39" s="102">
        <v>69</v>
      </c>
      <c r="JO39" s="102">
        <v>36</v>
      </c>
      <c r="JP39" s="103">
        <v>351</v>
      </c>
      <c r="JQ39" s="104">
        <v>405</v>
      </c>
      <c r="JR39" s="101">
        <v>4</v>
      </c>
      <c r="JS39" s="102">
        <v>5</v>
      </c>
      <c r="JT39" s="103">
        <v>9</v>
      </c>
      <c r="JU39" s="413">
        <v>0</v>
      </c>
      <c r="JV39" s="102">
        <v>12</v>
      </c>
      <c r="JW39" s="102">
        <v>7</v>
      </c>
      <c r="JX39" s="102">
        <v>12</v>
      </c>
      <c r="JY39" s="102">
        <v>15</v>
      </c>
      <c r="JZ39" s="102">
        <v>5</v>
      </c>
      <c r="KA39" s="103">
        <v>51</v>
      </c>
      <c r="KB39" s="104">
        <v>60</v>
      </c>
      <c r="KC39" s="101">
        <v>166</v>
      </c>
      <c r="KD39" s="102">
        <v>289</v>
      </c>
      <c r="KE39" s="103">
        <v>455</v>
      </c>
      <c r="KF39" s="413">
        <v>0</v>
      </c>
      <c r="KG39" s="102">
        <v>444</v>
      </c>
      <c r="KH39" s="102">
        <v>364</v>
      </c>
      <c r="KI39" s="102">
        <v>337</v>
      </c>
      <c r="KJ39" s="102">
        <v>254</v>
      </c>
      <c r="KK39" s="102">
        <v>174</v>
      </c>
      <c r="KL39" s="103">
        <v>1573</v>
      </c>
      <c r="KM39" s="104">
        <v>2028</v>
      </c>
    </row>
    <row r="40" spans="2:299" s="70" customFormat="1" ht="21" customHeight="1" thickBot="1" x14ac:dyDescent="0.25">
      <c r="B40" s="108" t="s">
        <v>37</v>
      </c>
      <c r="C40" s="109">
        <v>2</v>
      </c>
      <c r="D40" s="110">
        <v>2</v>
      </c>
      <c r="E40" s="111">
        <v>4</v>
      </c>
      <c r="F40" s="414">
        <v>0</v>
      </c>
      <c r="G40" s="110">
        <v>11</v>
      </c>
      <c r="H40" s="110">
        <v>15</v>
      </c>
      <c r="I40" s="110">
        <v>8</v>
      </c>
      <c r="J40" s="110">
        <v>4</v>
      </c>
      <c r="K40" s="110">
        <v>6</v>
      </c>
      <c r="L40" s="112">
        <v>44</v>
      </c>
      <c r="M40" s="113">
        <v>48</v>
      </c>
      <c r="N40" s="114">
        <v>1</v>
      </c>
      <c r="O40" s="115">
        <v>1</v>
      </c>
      <c r="P40" s="116">
        <v>2</v>
      </c>
      <c r="Q40" s="414">
        <v>0</v>
      </c>
      <c r="R40" s="115">
        <v>0</v>
      </c>
      <c r="S40" s="115">
        <v>0</v>
      </c>
      <c r="T40" s="115">
        <v>0</v>
      </c>
      <c r="U40" s="115">
        <v>0</v>
      </c>
      <c r="V40" s="115">
        <v>0</v>
      </c>
      <c r="W40" s="116">
        <v>0</v>
      </c>
      <c r="X40" s="117">
        <v>2</v>
      </c>
      <c r="Y40" s="114">
        <v>1</v>
      </c>
      <c r="Z40" s="115">
        <v>1</v>
      </c>
      <c r="AA40" s="116">
        <v>2</v>
      </c>
      <c r="AB40" s="414">
        <v>0</v>
      </c>
      <c r="AC40" s="115">
        <v>0</v>
      </c>
      <c r="AD40" s="115">
        <v>0</v>
      </c>
      <c r="AE40" s="115">
        <v>2</v>
      </c>
      <c r="AF40" s="115">
        <v>2</v>
      </c>
      <c r="AG40" s="115">
        <v>1</v>
      </c>
      <c r="AH40" s="116">
        <v>5</v>
      </c>
      <c r="AI40" s="117">
        <v>7</v>
      </c>
      <c r="AJ40" s="114">
        <v>0</v>
      </c>
      <c r="AK40" s="115">
        <v>0</v>
      </c>
      <c r="AL40" s="116">
        <v>0</v>
      </c>
      <c r="AM40" s="414">
        <v>0</v>
      </c>
      <c r="AN40" s="115">
        <v>1</v>
      </c>
      <c r="AO40" s="115">
        <v>6</v>
      </c>
      <c r="AP40" s="115">
        <v>2</v>
      </c>
      <c r="AQ40" s="115">
        <v>1</v>
      </c>
      <c r="AR40" s="115">
        <v>0</v>
      </c>
      <c r="AS40" s="116">
        <v>10</v>
      </c>
      <c r="AT40" s="117">
        <v>10</v>
      </c>
      <c r="AU40" s="114">
        <v>0</v>
      </c>
      <c r="AV40" s="115">
        <v>0</v>
      </c>
      <c r="AW40" s="116">
        <v>0</v>
      </c>
      <c r="AX40" s="414">
        <v>0</v>
      </c>
      <c r="AY40" s="115">
        <v>5</v>
      </c>
      <c r="AZ40" s="115">
        <v>4</v>
      </c>
      <c r="BA40" s="115">
        <v>1</v>
      </c>
      <c r="BB40" s="115">
        <v>0</v>
      </c>
      <c r="BC40" s="115">
        <v>0</v>
      </c>
      <c r="BD40" s="116">
        <v>10</v>
      </c>
      <c r="BE40" s="117">
        <v>10</v>
      </c>
      <c r="BF40" s="114">
        <v>0</v>
      </c>
      <c r="BG40" s="115">
        <v>0</v>
      </c>
      <c r="BH40" s="116">
        <v>0</v>
      </c>
      <c r="BI40" s="414">
        <v>0</v>
      </c>
      <c r="BJ40" s="115">
        <v>2</v>
      </c>
      <c r="BK40" s="115">
        <v>1</v>
      </c>
      <c r="BL40" s="115">
        <v>2</v>
      </c>
      <c r="BM40" s="115">
        <v>1</v>
      </c>
      <c r="BN40" s="115">
        <v>3</v>
      </c>
      <c r="BO40" s="116">
        <v>9</v>
      </c>
      <c r="BP40" s="117">
        <v>9</v>
      </c>
      <c r="BQ40" s="114">
        <v>0</v>
      </c>
      <c r="BR40" s="115">
        <v>0</v>
      </c>
      <c r="BS40" s="116">
        <v>0</v>
      </c>
      <c r="BT40" s="414">
        <v>0</v>
      </c>
      <c r="BU40" s="115">
        <v>3</v>
      </c>
      <c r="BV40" s="115">
        <v>4</v>
      </c>
      <c r="BW40" s="115">
        <v>1</v>
      </c>
      <c r="BX40" s="115">
        <v>0</v>
      </c>
      <c r="BY40" s="115">
        <v>2</v>
      </c>
      <c r="BZ40" s="116">
        <v>10</v>
      </c>
      <c r="CA40" s="117">
        <v>10</v>
      </c>
      <c r="CB40" s="114">
        <v>0</v>
      </c>
      <c r="CC40" s="115">
        <v>0</v>
      </c>
      <c r="CD40" s="116">
        <v>0</v>
      </c>
      <c r="CE40" s="414">
        <v>0</v>
      </c>
      <c r="CF40" s="115">
        <v>0</v>
      </c>
      <c r="CG40" s="115">
        <v>2</v>
      </c>
      <c r="CH40" s="115">
        <v>0</v>
      </c>
      <c r="CI40" s="115">
        <v>2</v>
      </c>
      <c r="CJ40" s="115">
        <v>0</v>
      </c>
      <c r="CK40" s="116">
        <v>4</v>
      </c>
      <c r="CL40" s="117">
        <v>4</v>
      </c>
      <c r="CM40" s="114">
        <v>2</v>
      </c>
      <c r="CN40" s="115">
        <v>2</v>
      </c>
      <c r="CO40" s="116">
        <v>4</v>
      </c>
      <c r="CP40" s="414">
        <v>0</v>
      </c>
      <c r="CQ40" s="115">
        <v>11</v>
      </c>
      <c r="CR40" s="115">
        <v>17</v>
      </c>
      <c r="CS40" s="115">
        <v>8</v>
      </c>
      <c r="CT40" s="115">
        <v>6</v>
      </c>
      <c r="CU40" s="115">
        <v>6</v>
      </c>
      <c r="CV40" s="116">
        <v>48</v>
      </c>
      <c r="CW40" s="117">
        <v>52</v>
      </c>
      <c r="CX40" s="118">
        <v>11</v>
      </c>
      <c r="CY40" s="110">
        <v>6</v>
      </c>
      <c r="CZ40" s="111">
        <v>17</v>
      </c>
      <c r="DA40" s="414">
        <v>0</v>
      </c>
      <c r="DB40" s="110">
        <v>21</v>
      </c>
      <c r="DC40" s="110">
        <v>18</v>
      </c>
      <c r="DD40" s="110">
        <v>19</v>
      </c>
      <c r="DE40" s="110">
        <v>17</v>
      </c>
      <c r="DF40" s="110">
        <v>15</v>
      </c>
      <c r="DG40" s="112">
        <v>90</v>
      </c>
      <c r="DH40" s="113">
        <v>107</v>
      </c>
      <c r="DI40" s="114">
        <v>0</v>
      </c>
      <c r="DJ40" s="115">
        <v>0</v>
      </c>
      <c r="DK40" s="116">
        <v>0</v>
      </c>
      <c r="DL40" s="414">
        <v>0</v>
      </c>
      <c r="DM40" s="115">
        <v>0</v>
      </c>
      <c r="DN40" s="115">
        <v>0</v>
      </c>
      <c r="DO40" s="115">
        <v>0</v>
      </c>
      <c r="DP40" s="115">
        <v>0</v>
      </c>
      <c r="DQ40" s="115">
        <v>1</v>
      </c>
      <c r="DR40" s="116">
        <v>1</v>
      </c>
      <c r="DS40" s="117">
        <v>1</v>
      </c>
      <c r="DT40" s="114">
        <v>2</v>
      </c>
      <c r="DU40" s="115">
        <v>0</v>
      </c>
      <c r="DV40" s="116">
        <v>2</v>
      </c>
      <c r="DW40" s="414">
        <v>0</v>
      </c>
      <c r="DX40" s="115">
        <v>0</v>
      </c>
      <c r="DY40" s="115">
        <v>0</v>
      </c>
      <c r="DZ40" s="115">
        <v>1</v>
      </c>
      <c r="EA40" s="115">
        <v>1</v>
      </c>
      <c r="EB40" s="115">
        <v>1</v>
      </c>
      <c r="EC40" s="116">
        <v>3</v>
      </c>
      <c r="ED40" s="117">
        <v>5</v>
      </c>
      <c r="EE40" s="114">
        <v>1</v>
      </c>
      <c r="EF40" s="115">
        <v>2</v>
      </c>
      <c r="EG40" s="116">
        <v>3</v>
      </c>
      <c r="EH40" s="414">
        <v>0</v>
      </c>
      <c r="EI40" s="115">
        <v>1</v>
      </c>
      <c r="EJ40" s="115">
        <v>3</v>
      </c>
      <c r="EK40" s="115">
        <v>2</v>
      </c>
      <c r="EL40" s="115">
        <v>2</v>
      </c>
      <c r="EM40" s="115">
        <v>0</v>
      </c>
      <c r="EN40" s="116">
        <v>8</v>
      </c>
      <c r="EO40" s="117">
        <v>11</v>
      </c>
      <c r="EP40" s="114">
        <v>1</v>
      </c>
      <c r="EQ40" s="115">
        <v>2</v>
      </c>
      <c r="ER40" s="116">
        <v>3</v>
      </c>
      <c r="ES40" s="414">
        <v>0</v>
      </c>
      <c r="ET40" s="115">
        <v>5</v>
      </c>
      <c r="EU40" s="115">
        <v>3</v>
      </c>
      <c r="EV40" s="115">
        <v>2</v>
      </c>
      <c r="EW40" s="115">
        <v>3</v>
      </c>
      <c r="EX40" s="115">
        <v>3</v>
      </c>
      <c r="EY40" s="116">
        <v>16</v>
      </c>
      <c r="EZ40" s="117">
        <v>19</v>
      </c>
      <c r="FA40" s="114">
        <v>5</v>
      </c>
      <c r="FB40" s="115">
        <v>1</v>
      </c>
      <c r="FC40" s="116">
        <v>6</v>
      </c>
      <c r="FD40" s="414">
        <v>0</v>
      </c>
      <c r="FE40" s="115">
        <v>8</v>
      </c>
      <c r="FF40" s="115">
        <v>5</v>
      </c>
      <c r="FG40" s="115">
        <v>9</v>
      </c>
      <c r="FH40" s="115">
        <v>2</v>
      </c>
      <c r="FI40" s="115">
        <v>5</v>
      </c>
      <c r="FJ40" s="116">
        <v>29</v>
      </c>
      <c r="FK40" s="117">
        <v>35</v>
      </c>
      <c r="FL40" s="114">
        <v>2</v>
      </c>
      <c r="FM40" s="115">
        <v>1</v>
      </c>
      <c r="FN40" s="116">
        <v>3</v>
      </c>
      <c r="FO40" s="414">
        <v>0</v>
      </c>
      <c r="FP40" s="115">
        <v>7</v>
      </c>
      <c r="FQ40" s="115">
        <v>7</v>
      </c>
      <c r="FR40" s="115">
        <v>5</v>
      </c>
      <c r="FS40" s="115">
        <v>9</v>
      </c>
      <c r="FT40" s="115">
        <v>5</v>
      </c>
      <c r="FU40" s="116">
        <v>33</v>
      </c>
      <c r="FV40" s="117">
        <v>36</v>
      </c>
      <c r="FW40" s="114">
        <v>0</v>
      </c>
      <c r="FX40" s="115">
        <v>0</v>
      </c>
      <c r="FY40" s="116">
        <v>0</v>
      </c>
      <c r="FZ40" s="414">
        <v>0</v>
      </c>
      <c r="GA40" s="115">
        <v>0</v>
      </c>
      <c r="GB40" s="115">
        <v>1</v>
      </c>
      <c r="GC40" s="115">
        <v>0</v>
      </c>
      <c r="GD40" s="115">
        <v>0</v>
      </c>
      <c r="GE40" s="115">
        <v>0</v>
      </c>
      <c r="GF40" s="116">
        <v>1</v>
      </c>
      <c r="GG40" s="117">
        <v>1</v>
      </c>
      <c r="GH40" s="114">
        <v>11</v>
      </c>
      <c r="GI40" s="115">
        <v>6</v>
      </c>
      <c r="GJ40" s="116">
        <v>17</v>
      </c>
      <c r="GK40" s="414">
        <v>0</v>
      </c>
      <c r="GL40" s="115">
        <v>21</v>
      </c>
      <c r="GM40" s="115">
        <v>19</v>
      </c>
      <c r="GN40" s="115">
        <v>19</v>
      </c>
      <c r="GO40" s="115">
        <v>17</v>
      </c>
      <c r="GP40" s="115">
        <v>15</v>
      </c>
      <c r="GQ40" s="116">
        <v>91</v>
      </c>
      <c r="GR40" s="117">
        <v>108</v>
      </c>
      <c r="GS40" s="118">
        <v>13</v>
      </c>
      <c r="GT40" s="110">
        <v>8</v>
      </c>
      <c r="GU40" s="111">
        <v>21</v>
      </c>
      <c r="GV40" s="414">
        <v>0</v>
      </c>
      <c r="GW40" s="110">
        <v>32</v>
      </c>
      <c r="GX40" s="110">
        <v>33</v>
      </c>
      <c r="GY40" s="110">
        <v>27</v>
      </c>
      <c r="GZ40" s="110">
        <v>21</v>
      </c>
      <c r="HA40" s="110">
        <v>21</v>
      </c>
      <c r="HB40" s="112">
        <v>134</v>
      </c>
      <c r="HC40" s="113">
        <v>155</v>
      </c>
      <c r="HD40" s="114">
        <v>1</v>
      </c>
      <c r="HE40" s="115">
        <v>1</v>
      </c>
      <c r="HF40" s="116">
        <v>2</v>
      </c>
      <c r="HG40" s="417">
        <v>0</v>
      </c>
      <c r="HH40" s="115">
        <v>0</v>
      </c>
      <c r="HI40" s="115">
        <v>0</v>
      </c>
      <c r="HJ40" s="115">
        <v>0</v>
      </c>
      <c r="HK40" s="115">
        <v>0</v>
      </c>
      <c r="HL40" s="115">
        <v>1</v>
      </c>
      <c r="HM40" s="116">
        <v>1</v>
      </c>
      <c r="HN40" s="117">
        <v>3</v>
      </c>
      <c r="HO40" s="114">
        <v>3</v>
      </c>
      <c r="HP40" s="115">
        <v>1</v>
      </c>
      <c r="HQ40" s="116">
        <v>4</v>
      </c>
      <c r="HR40" s="414">
        <v>0</v>
      </c>
      <c r="HS40" s="115">
        <v>0</v>
      </c>
      <c r="HT40" s="115">
        <v>0</v>
      </c>
      <c r="HU40" s="115">
        <v>3</v>
      </c>
      <c r="HV40" s="115">
        <v>3</v>
      </c>
      <c r="HW40" s="115">
        <v>2</v>
      </c>
      <c r="HX40" s="116">
        <v>8</v>
      </c>
      <c r="HY40" s="117">
        <v>12</v>
      </c>
      <c r="HZ40" s="114">
        <v>1</v>
      </c>
      <c r="IA40" s="115">
        <v>2</v>
      </c>
      <c r="IB40" s="116">
        <v>3</v>
      </c>
      <c r="IC40" s="414">
        <v>0</v>
      </c>
      <c r="ID40" s="115">
        <v>2</v>
      </c>
      <c r="IE40" s="115">
        <v>9</v>
      </c>
      <c r="IF40" s="115">
        <v>4</v>
      </c>
      <c r="IG40" s="115">
        <v>3</v>
      </c>
      <c r="IH40" s="115">
        <v>0</v>
      </c>
      <c r="II40" s="116">
        <v>18</v>
      </c>
      <c r="IJ40" s="117">
        <v>21</v>
      </c>
      <c r="IK40" s="114">
        <v>1</v>
      </c>
      <c r="IL40" s="115">
        <v>2</v>
      </c>
      <c r="IM40" s="116">
        <v>3</v>
      </c>
      <c r="IN40" s="414">
        <v>0</v>
      </c>
      <c r="IO40" s="115">
        <v>10</v>
      </c>
      <c r="IP40" s="115">
        <v>7</v>
      </c>
      <c r="IQ40" s="115">
        <v>3</v>
      </c>
      <c r="IR40" s="115">
        <v>3</v>
      </c>
      <c r="IS40" s="115">
        <v>3</v>
      </c>
      <c r="IT40" s="116">
        <v>26</v>
      </c>
      <c r="IU40" s="117">
        <v>29</v>
      </c>
      <c r="IV40" s="114">
        <v>5</v>
      </c>
      <c r="IW40" s="115">
        <v>1</v>
      </c>
      <c r="IX40" s="116">
        <v>6</v>
      </c>
      <c r="IY40" s="414">
        <v>0</v>
      </c>
      <c r="IZ40" s="115">
        <v>10</v>
      </c>
      <c r="JA40" s="115">
        <v>6</v>
      </c>
      <c r="JB40" s="115">
        <v>11</v>
      </c>
      <c r="JC40" s="115">
        <v>3</v>
      </c>
      <c r="JD40" s="115">
        <v>8</v>
      </c>
      <c r="JE40" s="116">
        <v>38</v>
      </c>
      <c r="JF40" s="117">
        <v>44</v>
      </c>
      <c r="JG40" s="114">
        <v>2</v>
      </c>
      <c r="JH40" s="115">
        <v>1</v>
      </c>
      <c r="JI40" s="116">
        <v>3</v>
      </c>
      <c r="JJ40" s="414">
        <v>0</v>
      </c>
      <c r="JK40" s="115">
        <v>10</v>
      </c>
      <c r="JL40" s="115">
        <v>11</v>
      </c>
      <c r="JM40" s="115">
        <v>6</v>
      </c>
      <c r="JN40" s="115">
        <v>9</v>
      </c>
      <c r="JO40" s="115">
        <v>7</v>
      </c>
      <c r="JP40" s="116">
        <v>43</v>
      </c>
      <c r="JQ40" s="117">
        <v>46</v>
      </c>
      <c r="JR40" s="114">
        <v>0</v>
      </c>
      <c r="JS40" s="115">
        <v>0</v>
      </c>
      <c r="JT40" s="116">
        <v>0</v>
      </c>
      <c r="JU40" s="414">
        <v>0</v>
      </c>
      <c r="JV40" s="115">
        <v>0</v>
      </c>
      <c r="JW40" s="115">
        <v>3</v>
      </c>
      <c r="JX40" s="115">
        <v>0</v>
      </c>
      <c r="JY40" s="115">
        <v>2</v>
      </c>
      <c r="JZ40" s="115">
        <v>0</v>
      </c>
      <c r="KA40" s="116">
        <v>5</v>
      </c>
      <c r="KB40" s="117">
        <v>5</v>
      </c>
      <c r="KC40" s="114">
        <v>13</v>
      </c>
      <c r="KD40" s="115">
        <v>8</v>
      </c>
      <c r="KE40" s="116">
        <v>21</v>
      </c>
      <c r="KF40" s="414">
        <v>0</v>
      </c>
      <c r="KG40" s="115">
        <v>32</v>
      </c>
      <c r="KH40" s="115">
        <v>36</v>
      </c>
      <c r="KI40" s="115">
        <v>27</v>
      </c>
      <c r="KJ40" s="115">
        <v>23</v>
      </c>
      <c r="KK40" s="115">
        <v>21</v>
      </c>
      <c r="KL40" s="116">
        <v>139</v>
      </c>
      <c r="KM40" s="117">
        <v>160</v>
      </c>
    </row>
    <row r="41" spans="2:299" ht="32.25" customHeight="1" x14ac:dyDescent="0.2"/>
  </sheetData>
  <mergeCells count="36">
    <mergeCell ref="GS3:KM3"/>
    <mergeCell ref="GS4:JQ4"/>
    <mergeCell ref="JR4:KB5"/>
    <mergeCell ref="KC4:KM5"/>
    <mergeCell ref="GS5:HC5"/>
    <mergeCell ref="HD5:HN5"/>
    <mergeCell ref="HO5:HY5"/>
    <mergeCell ref="HZ5:IJ5"/>
    <mergeCell ref="IK5:IU5"/>
    <mergeCell ref="IV5:JF5"/>
    <mergeCell ref="JG5:JQ5"/>
    <mergeCell ref="B3:B5"/>
    <mergeCell ref="CX3:GR3"/>
    <mergeCell ref="CX4:FV4"/>
    <mergeCell ref="FW4:GG5"/>
    <mergeCell ref="GH4:GR5"/>
    <mergeCell ref="CX5:DH5"/>
    <mergeCell ref="DI5:DS5"/>
    <mergeCell ref="DT5:ED5"/>
    <mergeCell ref="EE5:EO5"/>
    <mergeCell ref="EP5:EZ5"/>
    <mergeCell ref="FA5:FK5"/>
    <mergeCell ref="FL5:FV5"/>
    <mergeCell ref="I1:J1"/>
    <mergeCell ref="CB4:CL5"/>
    <mergeCell ref="CM4:CW5"/>
    <mergeCell ref="C5:M5"/>
    <mergeCell ref="N5:X5"/>
    <mergeCell ref="Y5:AI5"/>
    <mergeCell ref="AJ5:AT5"/>
    <mergeCell ref="AU5:BE5"/>
    <mergeCell ref="BF5:BP5"/>
    <mergeCell ref="BQ5:CA5"/>
    <mergeCell ref="C3:CW3"/>
    <mergeCell ref="C4:CA4"/>
    <mergeCell ref="F1:G1"/>
  </mergeCells>
  <phoneticPr fontId="4"/>
  <printOptions horizontalCentered="1"/>
  <pageMargins left="0.59055118110236227" right="0.39370078740157483" top="0.59055118110236227" bottom="0.55118110236220474" header="0.23622047244094491" footer="0.27559055118110237"/>
  <pageSetup paperSize="9" scale="44" orientation="landscape" r:id="rId1"/>
  <headerFooter alignWithMargins="0">
    <oddFooter>&amp;L&amp;20&amp;X&amp;A&amp;C&amp;P/&amp;N</oddFooter>
  </headerFooter>
  <colBreaks count="8" manualBreakCount="8">
    <brk id="35" max="40" man="1"/>
    <brk id="68" max="1048575" man="1"/>
    <brk id="101" max="1048575" man="1"/>
    <brk id="133" max="40" man="1"/>
    <brk id="167" max="40" man="1"/>
    <brk id="200" max="40" man="1"/>
    <brk id="233" max="40" man="1"/>
    <brk id="266" max="40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AQ218"/>
  <sheetViews>
    <sheetView zoomScaleNormal="100" zoomScaleSheetLayoutView="55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3" width="8.88671875" style="71" customWidth="1"/>
    <col min="4" max="4" width="8.109375" style="71" customWidth="1"/>
    <col min="5" max="5" width="10.109375" style="71" bestFit="1" customWidth="1"/>
    <col min="6" max="6" width="9.6640625" style="71" bestFit="1" customWidth="1"/>
    <col min="7" max="7" width="9.109375" style="71" bestFit="1" customWidth="1"/>
    <col min="8" max="8" width="9.6640625" style="71" bestFit="1" customWidth="1"/>
    <col min="9" max="9" width="9.109375" style="71" bestFit="1" customWidth="1"/>
    <col min="10" max="11" width="9" style="71"/>
    <col min="12" max="12" width="9.6640625" style="71" customWidth="1"/>
    <col min="13" max="22" width="8.77734375" style="71" customWidth="1"/>
    <col min="23" max="42" width="9.6640625" style="71" customWidth="1"/>
    <col min="43" max="16384" width="9" style="71"/>
  </cols>
  <sheetData>
    <row r="1" spans="2:43" ht="24" customHeight="1" x14ac:dyDescent="0.2">
      <c r="B1" s="10" t="s">
        <v>56</v>
      </c>
      <c r="F1" s="63">
        <f>第１表!F2</f>
        <v>7</v>
      </c>
      <c r="G1" s="16">
        <f>第１表!G2</f>
        <v>3</v>
      </c>
      <c r="H1" s="447">
        <f>IF(G1&lt;3,G1-2+12,G1-2)</f>
        <v>1</v>
      </c>
      <c r="I1" s="447"/>
    </row>
    <row r="2" spans="2:43" ht="24" customHeight="1" thickBot="1" x14ac:dyDescent="0.25">
      <c r="B2" s="10" t="s">
        <v>154</v>
      </c>
      <c r="F2" s="10" t="s">
        <v>136</v>
      </c>
    </row>
    <row r="3" spans="2:43" ht="21" customHeight="1" x14ac:dyDescent="0.2">
      <c r="B3" s="504"/>
      <c r="C3" s="507" t="s">
        <v>57</v>
      </c>
      <c r="D3" s="508"/>
      <c r="E3" s="508"/>
      <c r="F3" s="508"/>
      <c r="G3" s="508"/>
      <c r="H3" s="508"/>
      <c r="I3" s="508"/>
      <c r="J3" s="508"/>
      <c r="K3" s="508"/>
      <c r="L3" s="508"/>
      <c r="M3" s="507" t="s">
        <v>58</v>
      </c>
      <c r="N3" s="510"/>
      <c r="O3" s="510"/>
      <c r="P3" s="510"/>
      <c r="Q3" s="510"/>
      <c r="R3" s="510"/>
      <c r="S3" s="510"/>
      <c r="T3" s="510"/>
      <c r="U3" s="510"/>
      <c r="V3" s="510"/>
      <c r="W3" s="507" t="s">
        <v>59</v>
      </c>
      <c r="X3" s="508"/>
      <c r="Y3" s="508"/>
      <c r="Z3" s="508"/>
      <c r="AA3" s="508"/>
      <c r="AB3" s="508"/>
      <c r="AC3" s="508"/>
      <c r="AD3" s="508"/>
      <c r="AE3" s="508"/>
      <c r="AF3" s="508"/>
      <c r="AG3" s="507" t="s">
        <v>147</v>
      </c>
      <c r="AH3" s="508"/>
      <c r="AI3" s="508"/>
      <c r="AJ3" s="508"/>
      <c r="AK3" s="508"/>
      <c r="AL3" s="508"/>
      <c r="AM3" s="508"/>
      <c r="AN3" s="508"/>
      <c r="AO3" s="508"/>
      <c r="AP3" s="509"/>
    </row>
    <row r="4" spans="2:43" ht="21" customHeight="1" x14ac:dyDescent="0.2">
      <c r="B4" s="506"/>
      <c r="C4" s="512" t="s">
        <v>61</v>
      </c>
      <c r="D4" s="513"/>
      <c r="E4" s="514"/>
      <c r="F4" s="515" t="s">
        <v>62</v>
      </c>
      <c r="G4" s="516"/>
      <c r="H4" s="516"/>
      <c r="I4" s="516"/>
      <c r="J4" s="516"/>
      <c r="K4" s="517"/>
      <c r="L4" s="527" t="s">
        <v>52</v>
      </c>
      <c r="M4" s="512" t="s">
        <v>61</v>
      </c>
      <c r="N4" s="513"/>
      <c r="O4" s="514"/>
      <c r="P4" s="515" t="s">
        <v>62</v>
      </c>
      <c r="Q4" s="516"/>
      <c r="R4" s="516"/>
      <c r="S4" s="516"/>
      <c r="T4" s="516"/>
      <c r="U4" s="517"/>
      <c r="V4" s="518" t="s">
        <v>52</v>
      </c>
      <c r="W4" s="512" t="s">
        <v>61</v>
      </c>
      <c r="X4" s="513"/>
      <c r="Y4" s="514"/>
      <c r="Z4" s="515" t="s">
        <v>62</v>
      </c>
      <c r="AA4" s="516"/>
      <c r="AB4" s="516"/>
      <c r="AC4" s="516"/>
      <c r="AD4" s="516"/>
      <c r="AE4" s="517"/>
      <c r="AF4" s="527" t="s">
        <v>52</v>
      </c>
      <c r="AG4" s="512" t="s">
        <v>61</v>
      </c>
      <c r="AH4" s="513"/>
      <c r="AI4" s="514"/>
      <c r="AJ4" s="515" t="s">
        <v>62</v>
      </c>
      <c r="AK4" s="516"/>
      <c r="AL4" s="516"/>
      <c r="AM4" s="516"/>
      <c r="AN4" s="516"/>
      <c r="AO4" s="517"/>
      <c r="AP4" s="518" t="s">
        <v>52</v>
      </c>
    </row>
    <row r="5" spans="2:43" ht="30" customHeight="1" thickBot="1" x14ac:dyDescent="0.25">
      <c r="B5" s="72" t="s">
        <v>42</v>
      </c>
      <c r="C5" s="229" t="s">
        <v>43</v>
      </c>
      <c r="D5" s="230" t="s">
        <v>44</v>
      </c>
      <c r="E5" s="230" t="s">
        <v>45</v>
      </c>
      <c r="F5" s="231" t="s">
        <v>47</v>
      </c>
      <c r="G5" s="232" t="s">
        <v>48</v>
      </c>
      <c r="H5" s="232" t="s">
        <v>49</v>
      </c>
      <c r="I5" s="233" t="s">
        <v>50</v>
      </c>
      <c r="J5" s="230" t="s">
        <v>51</v>
      </c>
      <c r="K5" s="234" t="s">
        <v>95</v>
      </c>
      <c r="L5" s="526"/>
      <c r="M5" s="229" t="s">
        <v>43</v>
      </c>
      <c r="N5" s="230" t="s">
        <v>44</v>
      </c>
      <c r="O5" s="234" t="s">
        <v>45</v>
      </c>
      <c r="P5" s="235" t="s">
        <v>47</v>
      </c>
      <c r="Q5" s="232" t="s">
        <v>48</v>
      </c>
      <c r="R5" s="232" t="s">
        <v>49</v>
      </c>
      <c r="S5" s="233" t="s">
        <v>50</v>
      </c>
      <c r="T5" s="230" t="s">
        <v>51</v>
      </c>
      <c r="U5" s="234" t="s">
        <v>45</v>
      </c>
      <c r="V5" s="519"/>
      <c r="W5" s="229" t="s">
        <v>43</v>
      </c>
      <c r="X5" s="230" t="s">
        <v>44</v>
      </c>
      <c r="Y5" s="230" t="s">
        <v>45</v>
      </c>
      <c r="Z5" s="231" t="s">
        <v>47</v>
      </c>
      <c r="AA5" s="232" t="s">
        <v>48</v>
      </c>
      <c r="AB5" s="232" t="s">
        <v>49</v>
      </c>
      <c r="AC5" s="233" t="s">
        <v>50</v>
      </c>
      <c r="AD5" s="230" t="s">
        <v>51</v>
      </c>
      <c r="AE5" s="234" t="s">
        <v>45</v>
      </c>
      <c r="AF5" s="526"/>
      <c r="AG5" s="229" t="s">
        <v>43</v>
      </c>
      <c r="AH5" s="230" t="s">
        <v>44</v>
      </c>
      <c r="AI5" s="230" t="s">
        <v>45</v>
      </c>
      <c r="AJ5" s="231" t="s">
        <v>47</v>
      </c>
      <c r="AK5" s="232" t="s">
        <v>48</v>
      </c>
      <c r="AL5" s="232" t="s">
        <v>49</v>
      </c>
      <c r="AM5" s="233" t="s">
        <v>50</v>
      </c>
      <c r="AN5" s="230" t="s">
        <v>51</v>
      </c>
      <c r="AO5" s="234" t="s">
        <v>45</v>
      </c>
      <c r="AP5" s="519"/>
    </row>
    <row r="6" spans="2:43" ht="21" customHeight="1" x14ac:dyDescent="0.2">
      <c r="B6" s="84" t="s">
        <v>4</v>
      </c>
      <c r="C6" s="211">
        <v>0</v>
      </c>
      <c r="D6" s="213">
        <v>0</v>
      </c>
      <c r="E6" s="213">
        <v>0</v>
      </c>
      <c r="F6" s="214">
        <v>20</v>
      </c>
      <c r="G6" s="212">
        <v>67</v>
      </c>
      <c r="H6" s="212">
        <v>477</v>
      </c>
      <c r="I6" s="212">
        <v>674</v>
      </c>
      <c r="J6" s="213">
        <v>340</v>
      </c>
      <c r="K6" s="236">
        <v>1578</v>
      </c>
      <c r="L6" s="237">
        <v>1578</v>
      </c>
      <c r="M6" s="211">
        <v>0</v>
      </c>
      <c r="N6" s="213">
        <v>0</v>
      </c>
      <c r="O6" s="236">
        <v>0</v>
      </c>
      <c r="P6" s="216">
        <v>83</v>
      </c>
      <c r="Q6" s="212">
        <v>174</v>
      </c>
      <c r="R6" s="212">
        <v>285</v>
      </c>
      <c r="S6" s="212">
        <v>316</v>
      </c>
      <c r="T6" s="213">
        <v>147</v>
      </c>
      <c r="U6" s="236">
        <v>1005</v>
      </c>
      <c r="V6" s="215">
        <v>1005</v>
      </c>
      <c r="W6" s="216">
        <v>0</v>
      </c>
      <c r="X6" s="213">
        <v>0</v>
      </c>
      <c r="Y6" s="213">
        <v>0</v>
      </c>
      <c r="Z6" s="214">
        <v>0</v>
      </c>
      <c r="AA6" s="212">
        <v>0</v>
      </c>
      <c r="AB6" s="212">
        <v>0</v>
      </c>
      <c r="AC6" s="212">
        <v>0</v>
      </c>
      <c r="AD6" s="213">
        <v>0</v>
      </c>
      <c r="AE6" s="236">
        <v>0</v>
      </c>
      <c r="AF6" s="237">
        <v>0</v>
      </c>
      <c r="AG6" s="211">
        <v>0</v>
      </c>
      <c r="AH6" s="213">
        <v>0</v>
      </c>
      <c r="AI6" s="213">
        <v>0</v>
      </c>
      <c r="AJ6" s="214">
        <v>0</v>
      </c>
      <c r="AK6" s="212">
        <v>1</v>
      </c>
      <c r="AL6" s="212">
        <v>4</v>
      </c>
      <c r="AM6" s="212">
        <v>18</v>
      </c>
      <c r="AN6" s="213">
        <v>19</v>
      </c>
      <c r="AO6" s="236">
        <v>42</v>
      </c>
      <c r="AP6" s="238">
        <v>42</v>
      </c>
      <c r="AQ6" s="239"/>
    </row>
    <row r="7" spans="2:43" ht="21" customHeight="1" x14ac:dyDescent="0.2">
      <c r="B7" s="95" t="s">
        <v>5</v>
      </c>
      <c r="C7" s="217">
        <v>0</v>
      </c>
      <c r="D7" s="219">
        <v>0</v>
      </c>
      <c r="E7" s="219">
        <v>0</v>
      </c>
      <c r="F7" s="220">
        <v>11</v>
      </c>
      <c r="G7" s="218">
        <v>50</v>
      </c>
      <c r="H7" s="218">
        <v>232</v>
      </c>
      <c r="I7" s="218">
        <v>304</v>
      </c>
      <c r="J7" s="219">
        <v>157</v>
      </c>
      <c r="K7" s="240">
        <v>754</v>
      </c>
      <c r="L7" s="241">
        <v>754</v>
      </c>
      <c r="M7" s="217">
        <v>0</v>
      </c>
      <c r="N7" s="219">
        <v>0</v>
      </c>
      <c r="O7" s="240">
        <v>0</v>
      </c>
      <c r="P7" s="222">
        <v>33</v>
      </c>
      <c r="Q7" s="218">
        <v>85</v>
      </c>
      <c r="R7" s="218">
        <v>141</v>
      </c>
      <c r="S7" s="218">
        <v>169</v>
      </c>
      <c r="T7" s="219">
        <v>77</v>
      </c>
      <c r="U7" s="240">
        <v>505</v>
      </c>
      <c r="V7" s="221">
        <v>505</v>
      </c>
      <c r="W7" s="222">
        <v>0</v>
      </c>
      <c r="X7" s="219">
        <v>0</v>
      </c>
      <c r="Y7" s="219">
        <v>0</v>
      </c>
      <c r="Z7" s="220">
        <v>0</v>
      </c>
      <c r="AA7" s="218">
        <v>0</v>
      </c>
      <c r="AB7" s="218">
        <v>0</v>
      </c>
      <c r="AC7" s="218">
        <v>0</v>
      </c>
      <c r="AD7" s="219">
        <v>0</v>
      </c>
      <c r="AE7" s="240">
        <v>0</v>
      </c>
      <c r="AF7" s="241">
        <v>0</v>
      </c>
      <c r="AG7" s="217">
        <v>0</v>
      </c>
      <c r="AH7" s="219">
        <v>0</v>
      </c>
      <c r="AI7" s="219">
        <v>0</v>
      </c>
      <c r="AJ7" s="220">
        <v>0</v>
      </c>
      <c r="AK7" s="218">
        <v>0</v>
      </c>
      <c r="AL7" s="218">
        <v>1</v>
      </c>
      <c r="AM7" s="218">
        <v>10</v>
      </c>
      <c r="AN7" s="219">
        <v>7</v>
      </c>
      <c r="AO7" s="240">
        <v>18</v>
      </c>
      <c r="AP7" s="242">
        <v>18</v>
      </c>
      <c r="AQ7" s="239"/>
    </row>
    <row r="8" spans="2:43" ht="21" customHeight="1" x14ac:dyDescent="0.2">
      <c r="B8" s="106" t="s">
        <v>6</v>
      </c>
      <c r="C8" s="217">
        <v>0</v>
      </c>
      <c r="D8" s="219">
        <v>0</v>
      </c>
      <c r="E8" s="219">
        <v>0</v>
      </c>
      <c r="F8" s="220">
        <v>5</v>
      </c>
      <c r="G8" s="218">
        <v>8</v>
      </c>
      <c r="H8" s="218">
        <v>49</v>
      </c>
      <c r="I8" s="218">
        <v>65</v>
      </c>
      <c r="J8" s="219">
        <v>40</v>
      </c>
      <c r="K8" s="240">
        <v>167</v>
      </c>
      <c r="L8" s="241">
        <v>167</v>
      </c>
      <c r="M8" s="217">
        <v>0</v>
      </c>
      <c r="N8" s="219">
        <v>0</v>
      </c>
      <c r="O8" s="240">
        <v>0</v>
      </c>
      <c r="P8" s="222">
        <v>8</v>
      </c>
      <c r="Q8" s="218">
        <v>14</v>
      </c>
      <c r="R8" s="218">
        <v>32</v>
      </c>
      <c r="S8" s="218">
        <v>33</v>
      </c>
      <c r="T8" s="219">
        <v>18</v>
      </c>
      <c r="U8" s="240">
        <v>105</v>
      </c>
      <c r="V8" s="221">
        <v>105</v>
      </c>
      <c r="W8" s="222">
        <v>0</v>
      </c>
      <c r="X8" s="219">
        <v>0</v>
      </c>
      <c r="Y8" s="219">
        <v>0</v>
      </c>
      <c r="Z8" s="220">
        <v>0</v>
      </c>
      <c r="AA8" s="218">
        <v>0</v>
      </c>
      <c r="AB8" s="218">
        <v>0</v>
      </c>
      <c r="AC8" s="218">
        <v>0</v>
      </c>
      <c r="AD8" s="219">
        <v>0</v>
      </c>
      <c r="AE8" s="240">
        <v>0</v>
      </c>
      <c r="AF8" s="241">
        <v>0</v>
      </c>
      <c r="AG8" s="217">
        <v>0</v>
      </c>
      <c r="AH8" s="219">
        <v>0</v>
      </c>
      <c r="AI8" s="219">
        <v>0</v>
      </c>
      <c r="AJ8" s="220">
        <v>0</v>
      </c>
      <c r="AK8" s="218">
        <v>0</v>
      </c>
      <c r="AL8" s="218">
        <v>0</v>
      </c>
      <c r="AM8" s="218">
        <v>0</v>
      </c>
      <c r="AN8" s="219">
        <v>0</v>
      </c>
      <c r="AO8" s="240">
        <v>0</v>
      </c>
      <c r="AP8" s="242">
        <v>0</v>
      </c>
      <c r="AQ8" s="239"/>
    </row>
    <row r="9" spans="2:43" ht="21" customHeight="1" x14ac:dyDescent="0.2">
      <c r="B9" s="106" t="s">
        <v>14</v>
      </c>
      <c r="C9" s="217">
        <v>0</v>
      </c>
      <c r="D9" s="219">
        <v>0</v>
      </c>
      <c r="E9" s="219">
        <v>0</v>
      </c>
      <c r="F9" s="220">
        <v>0</v>
      </c>
      <c r="G9" s="218">
        <v>1</v>
      </c>
      <c r="H9" s="218">
        <v>43</v>
      </c>
      <c r="I9" s="218">
        <v>54</v>
      </c>
      <c r="J9" s="219">
        <v>25</v>
      </c>
      <c r="K9" s="240">
        <v>123</v>
      </c>
      <c r="L9" s="241">
        <v>123</v>
      </c>
      <c r="M9" s="217">
        <v>0</v>
      </c>
      <c r="N9" s="219">
        <v>0</v>
      </c>
      <c r="O9" s="240">
        <v>0</v>
      </c>
      <c r="P9" s="222">
        <v>1</v>
      </c>
      <c r="Q9" s="218">
        <v>12</v>
      </c>
      <c r="R9" s="218">
        <v>18</v>
      </c>
      <c r="S9" s="218">
        <v>23</v>
      </c>
      <c r="T9" s="219">
        <v>10</v>
      </c>
      <c r="U9" s="240">
        <v>64</v>
      </c>
      <c r="V9" s="221">
        <v>64</v>
      </c>
      <c r="W9" s="222">
        <v>0</v>
      </c>
      <c r="X9" s="219">
        <v>0</v>
      </c>
      <c r="Y9" s="219">
        <v>0</v>
      </c>
      <c r="Z9" s="220">
        <v>0</v>
      </c>
      <c r="AA9" s="218">
        <v>0</v>
      </c>
      <c r="AB9" s="218">
        <v>0</v>
      </c>
      <c r="AC9" s="218">
        <v>0</v>
      </c>
      <c r="AD9" s="219">
        <v>0</v>
      </c>
      <c r="AE9" s="240">
        <v>0</v>
      </c>
      <c r="AF9" s="241">
        <v>0</v>
      </c>
      <c r="AG9" s="217">
        <v>0</v>
      </c>
      <c r="AH9" s="219">
        <v>0</v>
      </c>
      <c r="AI9" s="219">
        <v>0</v>
      </c>
      <c r="AJ9" s="220">
        <v>0</v>
      </c>
      <c r="AK9" s="218">
        <v>0</v>
      </c>
      <c r="AL9" s="218">
        <v>2</v>
      </c>
      <c r="AM9" s="218">
        <v>3</v>
      </c>
      <c r="AN9" s="219">
        <v>5</v>
      </c>
      <c r="AO9" s="240">
        <v>10</v>
      </c>
      <c r="AP9" s="242">
        <v>10</v>
      </c>
      <c r="AQ9" s="239"/>
    </row>
    <row r="10" spans="2:43" ht="21" customHeight="1" x14ac:dyDescent="0.2">
      <c r="B10" s="106" t="s">
        <v>7</v>
      </c>
      <c r="C10" s="217">
        <v>0</v>
      </c>
      <c r="D10" s="219">
        <v>0</v>
      </c>
      <c r="E10" s="219">
        <v>0</v>
      </c>
      <c r="F10" s="220">
        <v>0</v>
      </c>
      <c r="G10" s="218">
        <v>1</v>
      </c>
      <c r="H10" s="218">
        <v>35</v>
      </c>
      <c r="I10" s="218">
        <v>52</v>
      </c>
      <c r="J10" s="219">
        <v>22</v>
      </c>
      <c r="K10" s="240">
        <v>110</v>
      </c>
      <c r="L10" s="241">
        <v>110</v>
      </c>
      <c r="M10" s="217">
        <v>0</v>
      </c>
      <c r="N10" s="219">
        <v>0</v>
      </c>
      <c r="O10" s="240">
        <v>0</v>
      </c>
      <c r="P10" s="222">
        <v>14</v>
      </c>
      <c r="Q10" s="218">
        <v>11</v>
      </c>
      <c r="R10" s="218">
        <v>14</v>
      </c>
      <c r="S10" s="218">
        <v>15</v>
      </c>
      <c r="T10" s="219">
        <v>2</v>
      </c>
      <c r="U10" s="240">
        <v>56</v>
      </c>
      <c r="V10" s="221">
        <v>56</v>
      </c>
      <c r="W10" s="222">
        <v>0</v>
      </c>
      <c r="X10" s="219">
        <v>0</v>
      </c>
      <c r="Y10" s="219">
        <v>0</v>
      </c>
      <c r="Z10" s="220">
        <v>0</v>
      </c>
      <c r="AA10" s="218">
        <v>0</v>
      </c>
      <c r="AB10" s="218">
        <v>0</v>
      </c>
      <c r="AC10" s="218">
        <v>0</v>
      </c>
      <c r="AD10" s="219">
        <v>0</v>
      </c>
      <c r="AE10" s="240">
        <v>0</v>
      </c>
      <c r="AF10" s="241">
        <v>0</v>
      </c>
      <c r="AG10" s="217">
        <v>0</v>
      </c>
      <c r="AH10" s="219">
        <v>0</v>
      </c>
      <c r="AI10" s="219">
        <v>0</v>
      </c>
      <c r="AJ10" s="220">
        <v>0</v>
      </c>
      <c r="AK10" s="218">
        <v>0</v>
      </c>
      <c r="AL10" s="218">
        <v>0</v>
      </c>
      <c r="AM10" s="218">
        <v>1</v>
      </c>
      <c r="AN10" s="219">
        <v>0</v>
      </c>
      <c r="AO10" s="240">
        <v>1</v>
      </c>
      <c r="AP10" s="242">
        <v>1</v>
      </c>
      <c r="AQ10" s="239"/>
    </row>
    <row r="11" spans="2:43" ht="21" customHeight="1" x14ac:dyDescent="0.2">
      <c r="B11" s="106" t="s">
        <v>8</v>
      </c>
      <c r="C11" s="217">
        <v>0</v>
      </c>
      <c r="D11" s="219">
        <v>0</v>
      </c>
      <c r="E11" s="219">
        <v>0</v>
      </c>
      <c r="F11" s="220">
        <v>0</v>
      </c>
      <c r="G11" s="218">
        <v>2</v>
      </c>
      <c r="H11" s="218">
        <v>18</v>
      </c>
      <c r="I11" s="218">
        <v>9</v>
      </c>
      <c r="J11" s="219">
        <v>5</v>
      </c>
      <c r="K11" s="240">
        <v>34</v>
      </c>
      <c r="L11" s="241">
        <v>34</v>
      </c>
      <c r="M11" s="217">
        <v>0</v>
      </c>
      <c r="N11" s="219">
        <v>0</v>
      </c>
      <c r="O11" s="240">
        <v>0</v>
      </c>
      <c r="P11" s="222">
        <v>2</v>
      </c>
      <c r="Q11" s="218">
        <v>0</v>
      </c>
      <c r="R11" s="218">
        <v>6</v>
      </c>
      <c r="S11" s="218">
        <v>4</v>
      </c>
      <c r="T11" s="219">
        <v>3</v>
      </c>
      <c r="U11" s="240">
        <v>15</v>
      </c>
      <c r="V11" s="221">
        <v>15</v>
      </c>
      <c r="W11" s="222">
        <v>0</v>
      </c>
      <c r="X11" s="219">
        <v>0</v>
      </c>
      <c r="Y11" s="219">
        <v>0</v>
      </c>
      <c r="Z11" s="220">
        <v>0</v>
      </c>
      <c r="AA11" s="218">
        <v>0</v>
      </c>
      <c r="AB11" s="218">
        <v>0</v>
      </c>
      <c r="AC11" s="218">
        <v>0</v>
      </c>
      <c r="AD11" s="219">
        <v>0</v>
      </c>
      <c r="AE11" s="240">
        <v>0</v>
      </c>
      <c r="AF11" s="241">
        <v>0</v>
      </c>
      <c r="AG11" s="217">
        <v>0</v>
      </c>
      <c r="AH11" s="219">
        <v>0</v>
      </c>
      <c r="AI11" s="219">
        <v>0</v>
      </c>
      <c r="AJ11" s="220">
        <v>0</v>
      </c>
      <c r="AK11" s="218">
        <v>0</v>
      </c>
      <c r="AL11" s="218">
        <v>0</v>
      </c>
      <c r="AM11" s="218">
        <v>0</v>
      </c>
      <c r="AN11" s="219">
        <v>0</v>
      </c>
      <c r="AO11" s="240">
        <v>0</v>
      </c>
      <c r="AP11" s="242">
        <v>0</v>
      </c>
      <c r="AQ11" s="239"/>
    </row>
    <row r="12" spans="2:43" ht="21" customHeight="1" x14ac:dyDescent="0.2">
      <c r="B12" s="106" t="s">
        <v>9</v>
      </c>
      <c r="C12" s="217">
        <v>0</v>
      </c>
      <c r="D12" s="219">
        <v>0</v>
      </c>
      <c r="E12" s="219">
        <v>0</v>
      </c>
      <c r="F12" s="220">
        <v>0</v>
      </c>
      <c r="G12" s="218">
        <v>0</v>
      </c>
      <c r="H12" s="218">
        <v>13</v>
      </c>
      <c r="I12" s="218">
        <v>21</v>
      </c>
      <c r="J12" s="219">
        <v>8</v>
      </c>
      <c r="K12" s="240">
        <v>42</v>
      </c>
      <c r="L12" s="241">
        <v>42</v>
      </c>
      <c r="M12" s="217">
        <v>0</v>
      </c>
      <c r="N12" s="219">
        <v>0</v>
      </c>
      <c r="O12" s="240">
        <v>0</v>
      </c>
      <c r="P12" s="222">
        <v>1</v>
      </c>
      <c r="Q12" s="218">
        <v>5</v>
      </c>
      <c r="R12" s="218">
        <v>3</v>
      </c>
      <c r="S12" s="218">
        <v>13</v>
      </c>
      <c r="T12" s="219">
        <v>5</v>
      </c>
      <c r="U12" s="240">
        <v>27</v>
      </c>
      <c r="V12" s="221">
        <v>27</v>
      </c>
      <c r="W12" s="222">
        <v>0</v>
      </c>
      <c r="X12" s="219">
        <v>0</v>
      </c>
      <c r="Y12" s="219">
        <v>0</v>
      </c>
      <c r="Z12" s="220">
        <v>0</v>
      </c>
      <c r="AA12" s="218">
        <v>0</v>
      </c>
      <c r="AB12" s="218">
        <v>0</v>
      </c>
      <c r="AC12" s="218">
        <v>0</v>
      </c>
      <c r="AD12" s="219">
        <v>0</v>
      </c>
      <c r="AE12" s="240">
        <v>0</v>
      </c>
      <c r="AF12" s="241">
        <v>0</v>
      </c>
      <c r="AG12" s="217">
        <v>0</v>
      </c>
      <c r="AH12" s="219">
        <v>0</v>
      </c>
      <c r="AI12" s="219">
        <v>0</v>
      </c>
      <c r="AJ12" s="220">
        <v>0</v>
      </c>
      <c r="AK12" s="218">
        <v>0</v>
      </c>
      <c r="AL12" s="218">
        <v>0</v>
      </c>
      <c r="AM12" s="218">
        <v>0</v>
      </c>
      <c r="AN12" s="219">
        <v>1</v>
      </c>
      <c r="AO12" s="240">
        <v>1</v>
      </c>
      <c r="AP12" s="242">
        <v>1</v>
      </c>
      <c r="AQ12" s="239"/>
    </row>
    <row r="13" spans="2:43" ht="21" customHeight="1" x14ac:dyDescent="0.2">
      <c r="B13" s="106" t="s">
        <v>10</v>
      </c>
      <c r="C13" s="217">
        <v>0</v>
      </c>
      <c r="D13" s="219">
        <v>0</v>
      </c>
      <c r="E13" s="219">
        <v>0</v>
      </c>
      <c r="F13" s="220">
        <v>1</v>
      </c>
      <c r="G13" s="218">
        <v>0</v>
      </c>
      <c r="H13" s="218">
        <v>13</v>
      </c>
      <c r="I13" s="218">
        <v>32</v>
      </c>
      <c r="J13" s="219">
        <v>13</v>
      </c>
      <c r="K13" s="240">
        <v>59</v>
      </c>
      <c r="L13" s="241">
        <v>59</v>
      </c>
      <c r="M13" s="217">
        <v>0</v>
      </c>
      <c r="N13" s="219">
        <v>0</v>
      </c>
      <c r="O13" s="240">
        <v>0</v>
      </c>
      <c r="P13" s="222">
        <v>2</v>
      </c>
      <c r="Q13" s="218">
        <v>5</v>
      </c>
      <c r="R13" s="218">
        <v>5</v>
      </c>
      <c r="S13" s="218">
        <v>4</v>
      </c>
      <c r="T13" s="219">
        <v>5</v>
      </c>
      <c r="U13" s="240">
        <v>21</v>
      </c>
      <c r="V13" s="221">
        <v>21</v>
      </c>
      <c r="W13" s="222">
        <v>0</v>
      </c>
      <c r="X13" s="219">
        <v>0</v>
      </c>
      <c r="Y13" s="219">
        <v>0</v>
      </c>
      <c r="Z13" s="220">
        <v>0</v>
      </c>
      <c r="AA13" s="218">
        <v>0</v>
      </c>
      <c r="AB13" s="218">
        <v>0</v>
      </c>
      <c r="AC13" s="218">
        <v>0</v>
      </c>
      <c r="AD13" s="219">
        <v>0</v>
      </c>
      <c r="AE13" s="240">
        <v>0</v>
      </c>
      <c r="AF13" s="241">
        <v>0</v>
      </c>
      <c r="AG13" s="217">
        <v>0</v>
      </c>
      <c r="AH13" s="219">
        <v>0</v>
      </c>
      <c r="AI13" s="219">
        <v>0</v>
      </c>
      <c r="AJ13" s="220">
        <v>0</v>
      </c>
      <c r="AK13" s="218">
        <v>0</v>
      </c>
      <c r="AL13" s="218">
        <v>0</v>
      </c>
      <c r="AM13" s="218">
        <v>1</v>
      </c>
      <c r="AN13" s="219">
        <v>1</v>
      </c>
      <c r="AO13" s="240">
        <v>2</v>
      </c>
      <c r="AP13" s="242">
        <v>2</v>
      </c>
      <c r="AQ13" s="239"/>
    </row>
    <row r="14" spans="2:43" ht="21" customHeight="1" x14ac:dyDescent="0.2">
      <c r="B14" s="106" t="s">
        <v>11</v>
      </c>
      <c r="C14" s="217">
        <v>0</v>
      </c>
      <c r="D14" s="219">
        <v>0</v>
      </c>
      <c r="E14" s="219">
        <v>0</v>
      </c>
      <c r="F14" s="220">
        <v>1</v>
      </c>
      <c r="G14" s="218">
        <v>0</v>
      </c>
      <c r="H14" s="218">
        <v>5</v>
      </c>
      <c r="I14" s="218">
        <v>12</v>
      </c>
      <c r="J14" s="219">
        <v>5</v>
      </c>
      <c r="K14" s="240">
        <v>23</v>
      </c>
      <c r="L14" s="241">
        <v>23</v>
      </c>
      <c r="M14" s="217">
        <v>0</v>
      </c>
      <c r="N14" s="219">
        <v>0</v>
      </c>
      <c r="O14" s="240">
        <v>0</v>
      </c>
      <c r="P14" s="222">
        <v>1</v>
      </c>
      <c r="Q14" s="218">
        <v>2</v>
      </c>
      <c r="R14" s="218">
        <v>8</v>
      </c>
      <c r="S14" s="218">
        <v>2</v>
      </c>
      <c r="T14" s="219">
        <v>5</v>
      </c>
      <c r="U14" s="240">
        <v>18</v>
      </c>
      <c r="V14" s="221">
        <v>18</v>
      </c>
      <c r="W14" s="222">
        <v>0</v>
      </c>
      <c r="X14" s="219">
        <v>0</v>
      </c>
      <c r="Y14" s="219">
        <v>0</v>
      </c>
      <c r="Z14" s="220">
        <v>0</v>
      </c>
      <c r="AA14" s="218">
        <v>0</v>
      </c>
      <c r="AB14" s="218">
        <v>0</v>
      </c>
      <c r="AC14" s="218">
        <v>0</v>
      </c>
      <c r="AD14" s="219">
        <v>0</v>
      </c>
      <c r="AE14" s="240">
        <v>0</v>
      </c>
      <c r="AF14" s="241">
        <v>0</v>
      </c>
      <c r="AG14" s="217">
        <v>0</v>
      </c>
      <c r="AH14" s="219">
        <v>0</v>
      </c>
      <c r="AI14" s="219">
        <v>0</v>
      </c>
      <c r="AJ14" s="220">
        <v>0</v>
      </c>
      <c r="AK14" s="218">
        <v>1</v>
      </c>
      <c r="AL14" s="218">
        <v>0</v>
      </c>
      <c r="AM14" s="218">
        <v>1</v>
      </c>
      <c r="AN14" s="219">
        <v>1</v>
      </c>
      <c r="AO14" s="240">
        <v>3</v>
      </c>
      <c r="AP14" s="242">
        <v>3</v>
      </c>
      <c r="AQ14" s="239"/>
    </row>
    <row r="15" spans="2:43" ht="21" customHeight="1" x14ac:dyDescent="0.2">
      <c r="B15" s="106" t="s">
        <v>12</v>
      </c>
      <c r="C15" s="217">
        <v>0</v>
      </c>
      <c r="D15" s="219">
        <v>0</v>
      </c>
      <c r="E15" s="219">
        <v>0</v>
      </c>
      <c r="F15" s="220">
        <v>0</v>
      </c>
      <c r="G15" s="218">
        <v>1</v>
      </c>
      <c r="H15" s="218">
        <v>5</v>
      </c>
      <c r="I15" s="218">
        <v>14</v>
      </c>
      <c r="J15" s="219">
        <v>6</v>
      </c>
      <c r="K15" s="240">
        <v>26</v>
      </c>
      <c r="L15" s="241">
        <v>26</v>
      </c>
      <c r="M15" s="217">
        <v>0</v>
      </c>
      <c r="N15" s="219">
        <v>0</v>
      </c>
      <c r="O15" s="240">
        <v>0</v>
      </c>
      <c r="P15" s="222">
        <v>1</v>
      </c>
      <c r="Q15" s="218">
        <v>4</v>
      </c>
      <c r="R15" s="218">
        <v>10</v>
      </c>
      <c r="S15" s="218">
        <v>9</v>
      </c>
      <c r="T15" s="219">
        <v>4</v>
      </c>
      <c r="U15" s="240">
        <v>28</v>
      </c>
      <c r="V15" s="221">
        <v>28</v>
      </c>
      <c r="W15" s="222">
        <v>0</v>
      </c>
      <c r="X15" s="219">
        <v>0</v>
      </c>
      <c r="Y15" s="219">
        <v>0</v>
      </c>
      <c r="Z15" s="220">
        <v>0</v>
      </c>
      <c r="AA15" s="218">
        <v>0</v>
      </c>
      <c r="AB15" s="218">
        <v>0</v>
      </c>
      <c r="AC15" s="218">
        <v>0</v>
      </c>
      <c r="AD15" s="219">
        <v>0</v>
      </c>
      <c r="AE15" s="240">
        <v>0</v>
      </c>
      <c r="AF15" s="241">
        <v>0</v>
      </c>
      <c r="AG15" s="217">
        <v>0</v>
      </c>
      <c r="AH15" s="219">
        <v>0</v>
      </c>
      <c r="AI15" s="219">
        <v>0</v>
      </c>
      <c r="AJ15" s="220">
        <v>0</v>
      </c>
      <c r="AK15" s="218">
        <v>0</v>
      </c>
      <c r="AL15" s="218">
        <v>0</v>
      </c>
      <c r="AM15" s="218">
        <v>0</v>
      </c>
      <c r="AN15" s="219">
        <v>0</v>
      </c>
      <c r="AO15" s="240">
        <v>0</v>
      </c>
      <c r="AP15" s="242">
        <v>0</v>
      </c>
      <c r="AQ15" s="239"/>
    </row>
    <row r="16" spans="2:43" ht="21" customHeight="1" x14ac:dyDescent="0.2">
      <c r="B16" s="106" t="s">
        <v>13</v>
      </c>
      <c r="C16" s="217">
        <v>0</v>
      </c>
      <c r="D16" s="219">
        <v>0</v>
      </c>
      <c r="E16" s="219">
        <v>0</v>
      </c>
      <c r="F16" s="220">
        <v>0</v>
      </c>
      <c r="G16" s="218">
        <v>1</v>
      </c>
      <c r="H16" s="218">
        <v>6</v>
      </c>
      <c r="I16" s="218">
        <v>8</v>
      </c>
      <c r="J16" s="219">
        <v>5</v>
      </c>
      <c r="K16" s="240">
        <v>20</v>
      </c>
      <c r="L16" s="241">
        <v>20</v>
      </c>
      <c r="M16" s="217">
        <v>0</v>
      </c>
      <c r="N16" s="219">
        <v>0</v>
      </c>
      <c r="O16" s="240">
        <v>0</v>
      </c>
      <c r="P16" s="222">
        <v>0</v>
      </c>
      <c r="Q16" s="218">
        <v>2</v>
      </c>
      <c r="R16" s="218">
        <v>1</v>
      </c>
      <c r="S16" s="218">
        <v>5</v>
      </c>
      <c r="T16" s="219">
        <v>0</v>
      </c>
      <c r="U16" s="240">
        <v>8</v>
      </c>
      <c r="V16" s="221">
        <v>8</v>
      </c>
      <c r="W16" s="222">
        <v>0</v>
      </c>
      <c r="X16" s="219">
        <v>0</v>
      </c>
      <c r="Y16" s="219">
        <v>0</v>
      </c>
      <c r="Z16" s="220">
        <v>0</v>
      </c>
      <c r="AA16" s="218">
        <v>0</v>
      </c>
      <c r="AB16" s="218">
        <v>0</v>
      </c>
      <c r="AC16" s="218">
        <v>0</v>
      </c>
      <c r="AD16" s="219">
        <v>0</v>
      </c>
      <c r="AE16" s="240">
        <v>0</v>
      </c>
      <c r="AF16" s="241">
        <v>0</v>
      </c>
      <c r="AG16" s="217">
        <v>0</v>
      </c>
      <c r="AH16" s="219">
        <v>0</v>
      </c>
      <c r="AI16" s="219">
        <v>0</v>
      </c>
      <c r="AJ16" s="220">
        <v>0</v>
      </c>
      <c r="AK16" s="218">
        <v>0</v>
      </c>
      <c r="AL16" s="218">
        <v>0</v>
      </c>
      <c r="AM16" s="218">
        <v>0</v>
      </c>
      <c r="AN16" s="219">
        <v>0</v>
      </c>
      <c r="AO16" s="240">
        <v>0</v>
      </c>
      <c r="AP16" s="242">
        <v>0</v>
      </c>
      <c r="AQ16" s="239"/>
    </row>
    <row r="17" spans="2:43" ht="21" customHeight="1" x14ac:dyDescent="0.2">
      <c r="B17" s="106" t="s">
        <v>15</v>
      </c>
      <c r="C17" s="217">
        <v>0</v>
      </c>
      <c r="D17" s="219">
        <v>0</v>
      </c>
      <c r="E17" s="219">
        <v>0</v>
      </c>
      <c r="F17" s="220">
        <v>0</v>
      </c>
      <c r="G17" s="218">
        <v>0</v>
      </c>
      <c r="H17" s="218">
        <v>1</v>
      </c>
      <c r="I17" s="218">
        <v>10</v>
      </c>
      <c r="J17" s="219">
        <v>2</v>
      </c>
      <c r="K17" s="240">
        <v>13</v>
      </c>
      <c r="L17" s="241">
        <v>13</v>
      </c>
      <c r="M17" s="217">
        <v>0</v>
      </c>
      <c r="N17" s="219">
        <v>0</v>
      </c>
      <c r="O17" s="240">
        <v>0</v>
      </c>
      <c r="P17" s="222">
        <v>1</v>
      </c>
      <c r="Q17" s="218">
        <v>3</v>
      </c>
      <c r="R17" s="218">
        <v>1</v>
      </c>
      <c r="S17" s="218">
        <v>3</v>
      </c>
      <c r="T17" s="219">
        <v>2</v>
      </c>
      <c r="U17" s="240">
        <v>10</v>
      </c>
      <c r="V17" s="221">
        <v>10</v>
      </c>
      <c r="W17" s="222">
        <v>0</v>
      </c>
      <c r="X17" s="219">
        <v>0</v>
      </c>
      <c r="Y17" s="219">
        <v>0</v>
      </c>
      <c r="Z17" s="220">
        <v>0</v>
      </c>
      <c r="AA17" s="218">
        <v>0</v>
      </c>
      <c r="AB17" s="218">
        <v>0</v>
      </c>
      <c r="AC17" s="218">
        <v>0</v>
      </c>
      <c r="AD17" s="219">
        <v>0</v>
      </c>
      <c r="AE17" s="240">
        <v>0</v>
      </c>
      <c r="AF17" s="241">
        <v>0</v>
      </c>
      <c r="AG17" s="217">
        <v>0</v>
      </c>
      <c r="AH17" s="219">
        <v>0</v>
      </c>
      <c r="AI17" s="219">
        <v>0</v>
      </c>
      <c r="AJ17" s="220">
        <v>0</v>
      </c>
      <c r="AK17" s="218">
        <v>0</v>
      </c>
      <c r="AL17" s="218">
        <v>0</v>
      </c>
      <c r="AM17" s="218">
        <v>0</v>
      </c>
      <c r="AN17" s="219">
        <v>0</v>
      </c>
      <c r="AO17" s="240">
        <v>0</v>
      </c>
      <c r="AP17" s="242">
        <v>0</v>
      </c>
      <c r="AQ17" s="239"/>
    </row>
    <row r="18" spans="2:43" ht="21" customHeight="1" x14ac:dyDescent="0.2">
      <c r="B18" s="106" t="s">
        <v>16</v>
      </c>
      <c r="C18" s="217">
        <v>0</v>
      </c>
      <c r="D18" s="219">
        <v>0</v>
      </c>
      <c r="E18" s="219">
        <v>0</v>
      </c>
      <c r="F18" s="220">
        <v>0</v>
      </c>
      <c r="G18" s="218">
        <v>0</v>
      </c>
      <c r="H18" s="218">
        <v>7</v>
      </c>
      <c r="I18" s="218">
        <v>15</v>
      </c>
      <c r="J18" s="219">
        <v>4</v>
      </c>
      <c r="K18" s="240">
        <v>26</v>
      </c>
      <c r="L18" s="241">
        <v>26</v>
      </c>
      <c r="M18" s="217">
        <v>0</v>
      </c>
      <c r="N18" s="219">
        <v>0</v>
      </c>
      <c r="O18" s="240">
        <v>0</v>
      </c>
      <c r="P18" s="222">
        <v>3</v>
      </c>
      <c r="Q18" s="218">
        <v>6</v>
      </c>
      <c r="R18" s="218">
        <v>5</v>
      </c>
      <c r="S18" s="218">
        <v>8</v>
      </c>
      <c r="T18" s="219">
        <v>3</v>
      </c>
      <c r="U18" s="240">
        <v>25</v>
      </c>
      <c r="V18" s="221">
        <v>25</v>
      </c>
      <c r="W18" s="222">
        <v>0</v>
      </c>
      <c r="X18" s="219">
        <v>0</v>
      </c>
      <c r="Y18" s="219">
        <v>0</v>
      </c>
      <c r="Z18" s="220">
        <v>0</v>
      </c>
      <c r="AA18" s="218">
        <v>0</v>
      </c>
      <c r="AB18" s="218">
        <v>0</v>
      </c>
      <c r="AC18" s="218">
        <v>0</v>
      </c>
      <c r="AD18" s="219">
        <v>0</v>
      </c>
      <c r="AE18" s="240">
        <v>0</v>
      </c>
      <c r="AF18" s="241">
        <v>0</v>
      </c>
      <c r="AG18" s="217">
        <v>0</v>
      </c>
      <c r="AH18" s="219">
        <v>0</v>
      </c>
      <c r="AI18" s="219">
        <v>0</v>
      </c>
      <c r="AJ18" s="220">
        <v>0</v>
      </c>
      <c r="AK18" s="218">
        <v>0</v>
      </c>
      <c r="AL18" s="218">
        <v>0</v>
      </c>
      <c r="AM18" s="218">
        <v>0</v>
      </c>
      <c r="AN18" s="219">
        <v>1</v>
      </c>
      <c r="AO18" s="240">
        <v>1</v>
      </c>
      <c r="AP18" s="242">
        <v>1</v>
      </c>
      <c r="AQ18" s="239"/>
    </row>
    <row r="19" spans="2:43" ht="21" customHeight="1" x14ac:dyDescent="0.2">
      <c r="B19" s="106" t="s">
        <v>17</v>
      </c>
      <c r="C19" s="217">
        <v>0</v>
      </c>
      <c r="D19" s="219">
        <v>0</v>
      </c>
      <c r="E19" s="219">
        <v>0</v>
      </c>
      <c r="F19" s="220">
        <v>0</v>
      </c>
      <c r="G19" s="218">
        <v>0</v>
      </c>
      <c r="H19" s="218">
        <v>6</v>
      </c>
      <c r="I19" s="218">
        <v>10</v>
      </c>
      <c r="J19" s="219">
        <v>11</v>
      </c>
      <c r="K19" s="240">
        <v>27</v>
      </c>
      <c r="L19" s="241">
        <v>27</v>
      </c>
      <c r="M19" s="217">
        <v>0</v>
      </c>
      <c r="N19" s="219">
        <v>0</v>
      </c>
      <c r="O19" s="240">
        <v>0</v>
      </c>
      <c r="P19" s="222">
        <v>2</v>
      </c>
      <c r="Q19" s="218">
        <v>5</v>
      </c>
      <c r="R19" s="218">
        <v>5</v>
      </c>
      <c r="S19" s="218">
        <v>2</v>
      </c>
      <c r="T19" s="219">
        <v>4</v>
      </c>
      <c r="U19" s="240">
        <v>18</v>
      </c>
      <c r="V19" s="221">
        <v>18</v>
      </c>
      <c r="W19" s="222">
        <v>0</v>
      </c>
      <c r="X19" s="219">
        <v>0</v>
      </c>
      <c r="Y19" s="219">
        <v>0</v>
      </c>
      <c r="Z19" s="220">
        <v>0</v>
      </c>
      <c r="AA19" s="218">
        <v>0</v>
      </c>
      <c r="AB19" s="218">
        <v>0</v>
      </c>
      <c r="AC19" s="218">
        <v>0</v>
      </c>
      <c r="AD19" s="219">
        <v>0</v>
      </c>
      <c r="AE19" s="240">
        <v>0</v>
      </c>
      <c r="AF19" s="241">
        <v>0</v>
      </c>
      <c r="AG19" s="217">
        <v>0</v>
      </c>
      <c r="AH19" s="219">
        <v>0</v>
      </c>
      <c r="AI19" s="219">
        <v>0</v>
      </c>
      <c r="AJ19" s="220">
        <v>0</v>
      </c>
      <c r="AK19" s="218">
        <v>0</v>
      </c>
      <c r="AL19" s="218">
        <v>0</v>
      </c>
      <c r="AM19" s="218">
        <v>0</v>
      </c>
      <c r="AN19" s="219">
        <v>0</v>
      </c>
      <c r="AO19" s="240">
        <v>0</v>
      </c>
      <c r="AP19" s="242">
        <v>0</v>
      </c>
      <c r="AQ19" s="239"/>
    </row>
    <row r="20" spans="2:43" ht="21" customHeight="1" x14ac:dyDescent="0.2">
      <c r="B20" s="106" t="s">
        <v>18</v>
      </c>
      <c r="C20" s="217">
        <v>0</v>
      </c>
      <c r="D20" s="219">
        <v>0</v>
      </c>
      <c r="E20" s="219">
        <v>0</v>
      </c>
      <c r="F20" s="220">
        <v>0</v>
      </c>
      <c r="G20" s="218">
        <v>0</v>
      </c>
      <c r="H20" s="218">
        <v>7</v>
      </c>
      <c r="I20" s="218">
        <v>17</v>
      </c>
      <c r="J20" s="219">
        <v>4</v>
      </c>
      <c r="K20" s="240">
        <v>28</v>
      </c>
      <c r="L20" s="241">
        <v>28</v>
      </c>
      <c r="M20" s="217">
        <v>0</v>
      </c>
      <c r="N20" s="219">
        <v>0</v>
      </c>
      <c r="O20" s="240">
        <v>0</v>
      </c>
      <c r="P20" s="222">
        <v>4</v>
      </c>
      <c r="Q20" s="218">
        <v>7</v>
      </c>
      <c r="R20" s="218">
        <v>8</v>
      </c>
      <c r="S20" s="218">
        <v>4</v>
      </c>
      <c r="T20" s="219">
        <v>2</v>
      </c>
      <c r="U20" s="240">
        <v>25</v>
      </c>
      <c r="V20" s="221">
        <v>25</v>
      </c>
      <c r="W20" s="222">
        <v>0</v>
      </c>
      <c r="X20" s="219">
        <v>0</v>
      </c>
      <c r="Y20" s="219">
        <v>0</v>
      </c>
      <c r="Z20" s="220">
        <v>0</v>
      </c>
      <c r="AA20" s="218">
        <v>0</v>
      </c>
      <c r="AB20" s="218">
        <v>0</v>
      </c>
      <c r="AC20" s="218">
        <v>0</v>
      </c>
      <c r="AD20" s="219">
        <v>0</v>
      </c>
      <c r="AE20" s="240">
        <v>0</v>
      </c>
      <c r="AF20" s="241">
        <v>0</v>
      </c>
      <c r="AG20" s="217">
        <v>0</v>
      </c>
      <c r="AH20" s="219">
        <v>0</v>
      </c>
      <c r="AI20" s="219">
        <v>0</v>
      </c>
      <c r="AJ20" s="220">
        <v>0</v>
      </c>
      <c r="AK20" s="218">
        <v>0</v>
      </c>
      <c r="AL20" s="218">
        <v>0</v>
      </c>
      <c r="AM20" s="218">
        <v>0</v>
      </c>
      <c r="AN20" s="219">
        <v>1</v>
      </c>
      <c r="AO20" s="240">
        <v>1</v>
      </c>
      <c r="AP20" s="242">
        <v>1</v>
      </c>
      <c r="AQ20" s="239"/>
    </row>
    <row r="21" spans="2:43" ht="21" customHeight="1" x14ac:dyDescent="0.2">
      <c r="B21" s="106" t="s">
        <v>19</v>
      </c>
      <c r="C21" s="217">
        <v>0</v>
      </c>
      <c r="D21" s="219">
        <v>0</v>
      </c>
      <c r="E21" s="219">
        <v>0</v>
      </c>
      <c r="F21" s="220">
        <v>0</v>
      </c>
      <c r="G21" s="218">
        <v>0</v>
      </c>
      <c r="H21" s="218">
        <v>4</v>
      </c>
      <c r="I21" s="218">
        <v>6</v>
      </c>
      <c r="J21" s="219">
        <v>5</v>
      </c>
      <c r="K21" s="240">
        <v>15</v>
      </c>
      <c r="L21" s="241">
        <v>15</v>
      </c>
      <c r="M21" s="217">
        <v>0</v>
      </c>
      <c r="N21" s="219">
        <v>0</v>
      </c>
      <c r="O21" s="240">
        <v>0</v>
      </c>
      <c r="P21" s="222">
        <v>3</v>
      </c>
      <c r="Q21" s="218">
        <v>2</v>
      </c>
      <c r="R21" s="218">
        <v>4</v>
      </c>
      <c r="S21" s="218">
        <v>3</v>
      </c>
      <c r="T21" s="219">
        <v>0</v>
      </c>
      <c r="U21" s="240">
        <v>12</v>
      </c>
      <c r="V21" s="221">
        <v>12</v>
      </c>
      <c r="W21" s="222">
        <v>0</v>
      </c>
      <c r="X21" s="219">
        <v>0</v>
      </c>
      <c r="Y21" s="219">
        <v>0</v>
      </c>
      <c r="Z21" s="220">
        <v>0</v>
      </c>
      <c r="AA21" s="218">
        <v>0</v>
      </c>
      <c r="AB21" s="218">
        <v>0</v>
      </c>
      <c r="AC21" s="218">
        <v>0</v>
      </c>
      <c r="AD21" s="219">
        <v>0</v>
      </c>
      <c r="AE21" s="240">
        <v>0</v>
      </c>
      <c r="AF21" s="241">
        <v>0</v>
      </c>
      <c r="AG21" s="217">
        <v>0</v>
      </c>
      <c r="AH21" s="219">
        <v>0</v>
      </c>
      <c r="AI21" s="219">
        <v>0</v>
      </c>
      <c r="AJ21" s="220">
        <v>0</v>
      </c>
      <c r="AK21" s="218">
        <v>0</v>
      </c>
      <c r="AL21" s="218">
        <v>0</v>
      </c>
      <c r="AM21" s="218">
        <v>0</v>
      </c>
      <c r="AN21" s="219">
        <v>0</v>
      </c>
      <c r="AO21" s="240">
        <v>0</v>
      </c>
      <c r="AP21" s="242">
        <v>0</v>
      </c>
      <c r="AQ21" s="239"/>
    </row>
    <row r="22" spans="2:43" ht="21" customHeight="1" x14ac:dyDescent="0.2">
      <c r="B22" s="106" t="s">
        <v>20</v>
      </c>
      <c r="C22" s="217">
        <v>0</v>
      </c>
      <c r="D22" s="219">
        <v>0</v>
      </c>
      <c r="E22" s="219">
        <v>0</v>
      </c>
      <c r="F22" s="220">
        <v>1</v>
      </c>
      <c r="G22" s="218">
        <v>2</v>
      </c>
      <c r="H22" s="218">
        <v>6</v>
      </c>
      <c r="I22" s="218">
        <v>10</v>
      </c>
      <c r="J22" s="219">
        <v>6</v>
      </c>
      <c r="K22" s="240">
        <v>25</v>
      </c>
      <c r="L22" s="241">
        <v>25</v>
      </c>
      <c r="M22" s="217">
        <v>0</v>
      </c>
      <c r="N22" s="219">
        <v>0</v>
      </c>
      <c r="O22" s="240">
        <v>0</v>
      </c>
      <c r="P22" s="222">
        <v>0</v>
      </c>
      <c r="Q22" s="218">
        <v>2</v>
      </c>
      <c r="R22" s="218">
        <v>2</v>
      </c>
      <c r="S22" s="218">
        <v>1</v>
      </c>
      <c r="T22" s="219">
        <v>0</v>
      </c>
      <c r="U22" s="240">
        <v>5</v>
      </c>
      <c r="V22" s="221">
        <v>5</v>
      </c>
      <c r="W22" s="222">
        <v>0</v>
      </c>
      <c r="X22" s="219">
        <v>0</v>
      </c>
      <c r="Y22" s="219">
        <v>0</v>
      </c>
      <c r="Z22" s="220">
        <v>0</v>
      </c>
      <c r="AA22" s="218">
        <v>0</v>
      </c>
      <c r="AB22" s="218">
        <v>0</v>
      </c>
      <c r="AC22" s="218">
        <v>0</v>
      </c>
      <c r="AD22" s="219">
        <v>0</v>
      </c>
      <c r="AE22" s="240">
        <v>0</v>
      </c>
      <c r="AF22" s="241">
        <v>0</v>
      </c>
      <c r="AG22" s="217">
        <v>0</v>
      </c>
      <c r="AH22" s="219">
        <v>0</v>
      </c>
      <c r="AI22" s="219">
        <v>0</v>
      </c>
      <c r="AJ22" s="220">
        <v>0</v>
      </c>
      <c r="AK22" s="218">
        <v>0</v>
      </c>
      <c r="AL22" s="218">
        <v>0</v>
      </c>
      <c r="AM22" s="218">
        <v>0</v>
      </c>
      <c r="AN22" s="219">
        <v>1</v>
      </c>
      <c r="AO22" s="240">
        <v>1</v>
      </c>
      <c r="AP22" s="242">
        <v>1</v>
      </c>
      <c r="AQ22" s="239"/>
    </row>
    <row r="23" spans="2:43" ht="21" customHeight="1" x14ac:dyDescent="0.2">
      <c r="B23" s="106" t="s">
        <v>21</v>
      </c>
      <c r="C23" s="217">
        <v>0</v>
      </c>
      <c r="D23" s="219">
        <v>0</v>
      </c>
      <c r="E23" s="219">
        <v>0</v>
      </c>
      <c r="F23" s="220">
        <v>0</v>
      </c>
      <c r="G23" s="218">
        <v>0</v>
      </c>
      <c r="H23" s="218">
        <v>3</v>
      </c>
      <c r="I23" s="218">
        <v>7</v>
      </c>
      <c r="J23" s="219">
        <v>4</v>
      </c>
      <c r="K23" s="240">
        <v>14</v>
      </c>
      <c r="L23" s="241">
        <v>14</v>
      </c>
      <c r="M23" s="217">
        <v>0</v>
      </c>
      <c r="N23" s="219">
        <v>0</v>
      </c>
      <c r="O23" s="240">
        <v>0</v>
      </c>
      <c r="P23" s="222">
        <v>2</v>
      </c>
      <c r="Q23" s="218">
        <v>0</v>
      </c>
      <c r="R23" s="218">
        <v>3</v>
      </c>
      <c r="S23" s="218">
        <v>1</v>
      </c>
      <c r="T23" s="219">
        <v>0</v>
      </c>
      <c r="U23" s="240">
        <v>6</v>
      </c>
      <c r="V23" s="221">
        <v>6</v>
      </c>
      <c r="W23" s="222">
        <v>0</v>
      </c>
      <c r="X23" s="219">
        <v>0</v>
      </c>
      <c r="Y23" s="219">
        <v>0</v>
      </c>
      <c r="Z23" s="220">
        <v>0</v>
      </c>
      <c r="AA23" s="218">
        <v>0</v>
      </c>
      <c r="AB23" s="218">
        <v>0</v>
      </c>
      <c r="AC23" s="218">
        <v>0</v>
      </c>
      <c r="AD23" s="219">
        <v>0</v>
      </c>
      <c r="AE23" s="240">
        <v>0</v>
      </c>
      <c r="AF23" s="241">
        <v>0</v>
      </c>
      <c r="AG23" s="217">
        <v>0</v>
      </c>
      <c r="AH23" s="219">
        <v>0</v>
      </c>
      <c r="AI23" s="219">
        <v>0</v>
      </c>
      <c r="AJ23" s="220">
        <v>0</v>
      </c>
      <c r="AK23" s="218">
        <v>0</v>
      </c>
      <c r="AL23" s="218">
        <v>0</v>
      </c>
      <c r="AM23" s="218">
        <v>1</v>
      </c>
      <c r="AN23" s="219">
        <v>1</v>
      </c>
      <c r="AO23" s="240">
        <v>2</v>
      </c>
      <c r="AP23" s="242">
        <v>2</v>
      </c>
      <c r="AQ23" s="239"/>
    </row>
    <row r="24" spans="2:43" ht="21" customHeight="1" x14ac:dyDescent="0.2">
      <c r="B24" s="106" t="s">
        <v>22</v>
      </c>
      <c r="C24" s="217">
        <v>0</v>
      </c>
      <c r="D24" s="219">
        <v>0</v>
      </c>
      <c r="E24" s="219">
        <v>0</v>
      </c>
      <c r="F24" s="220">
        <v>0</v>
      </c>
      <c r="G24" s="218">
        <v>0</v>
      </c>
      <c r="H24" s="218">
        <v>4</v>
      </c>
      <c r="I24" s="218">
        <v>3</v>
      </c>
      <c r="J24" s="219">
        <v>0</v>
      </c>
      <c r="K24" s="240">
        <v>7</v>
      </c>
      <c r="L24" s="241">
        <v>7</v>
      </c>
      <c r="M24" s="217">
        <v>0</v>
      </c>
      <c r="N24" s="219">
        <v>0</v>
      </c>
      <c r="O24" s="240">
        <v>0</v>
      </c>
      <c r="P24" s="222">
        <v>0</v>
      </c>
      <c r="Q24" s="218">
        <v>3</v>
      </c>
      <c r="R24" s="218">
        <v>2</v>
      </c>
      <c r="S24" s="218">
        <v>1</v>
      </c>
      <c r="T24" s="219">
        <v>0</v>
      </c>
      <c r="U24" s="240">
        <v>6</v>
      </c>
      <c r="V24" s="221">
        <v>6</v>
      </c>
      <c r="W24" s="222">
        <v>0</v>
      </c>
      <c r="X24" s="219">
        <v>0</v>
      </c>
      <c r="Y24" s="219">
        <v>0</v>
      </c>
      <c r="Z24" s="220">
        <v>0</v>
      </c>
      <c r="AA24" s="218">
        <v>0</v>
      </c>
      <c r="AB24" s="218">
        <v>0</v>
      </c>
      <c r="AC24" s="218">
        <v>0</v>
      </c>
      <c r="AD24" s="219">
        <v>0</v>
      </c>
      <c r="AE24" s="240">
        <v>0</v>
      </c>
      <c r="AF24" s="241">
        <v>0</v>
      </c>
      <c r="AG24" s="217">
        <v>0</v>
      </c>
      <c r="AH24" s="219">
        <v>0</v>
      </c>
      <c r="AI24" s="219">
        <v>0</v>
      </c>
      <c r="AJ24" s="220">
        <v>0</v>
      </c>
      <c r="AK24" s="218">
        <v>0</v>
      </c>
      <c r="AL24" s="218">
        <v>0</v>
      </c>
      <c r="AM24" s="218">
        <v>1</v>
      </c>
      <c r="AN24" s="219">
        <v>0</v>
      </c>
      <c r="AO24" s="240">
        <v>1</v>
      </c>
      <c r="AP24" s="242">
        <v>1</v>
      </c>
      <c r="AQ24" s="239"/>
    </row>
    <row r="25" spans="2:43" ht="21" customHeight="1" x14ac:dyDescent="0.2">
      <c r="B25" s="106" t="s">
        <v>23</v>
      </c>
      <c r="C25" s="217">
        <v>0</v>
      </c>
      <c r="D25" s="219">
        <v>0</v>
      </c>
      <c r="E25" s="219">
        <v>0</v>
      </c>
      <c r="F25" s="220">
        <v>0</v>
      </c>
      <c r="G25" s="218">
        <v>0</v>
      </c>
      <c r="H25" s="218">
        <v>6</v>
      </c>
      <c r="I25" s="218">
        <v>7</v>
      </c>
      <c r="J25" s="219">
        <v>3</v>
      </c>
      <c r="K25" s="240">
        <v>16</v>
      </c>
      <c r="L25" s="241">
        <v>16</v>
      </c>
      <c r="M25" s="217">
        <v>0</v>
      </c>
      <c r="N25" s="219">
        <v>0</v>
      </c>
      <c r="O25" s="240">
        <v>0</v>
      </c>
      <c r="P25" s="222">
        <v>0</v>
      </c>
      <c r="Q25" s="218">
        <v>0</v>
      </c>
      <c r="R25" s="218">
        <v>1</v>
      </c>
      <c r="S25" s="218">
        <v>1</v>
      </c>
      <c r="T25" s="219">
        <v>2</v>
      </c>
      <c r="U25" s="240">
        <v>4</v>
      </c>
      <c r="V25" s="221">
        <v>4</v>
      </c>
      <c r="W25" s="222">
        <v>0</v>
      </c>
      <c r="X25" s="219">
        <v>0</v>
      </c>
      <c r="Y25" s="219">
        <v>0</v>
      </c>
      <c r="Z25" s="220">
        <v>0</v>
      </c>
      <c r="AA25" s="218">
        <v>0</v>
      </c>
      <c r="AB25" s="218">
        <v>0</v>
      </c>
      <c r="AC25" s="218">
        <v>0</v>
      </c>
      <c r="AD25" s="219">
        <v>0</v>
      </c>
      <c r="AE25" s="240">
        <v>0</v>
      </c>
      <c r="AF25" s="241">
        <v>0</v>
      </c>
      <c r="AG25" s="217">
        <v>0</v>
      </c>
      <c r="AH25" s="219">
        <v>0</v>
      </c>
      <c r="AI25" s="219">
        <v>0</v>
      </c>
      <c r="AJ25" s="220">
        <v>0</v>
      </c>
      <c r="AK25" s="218">
        <v>0</v>
      </c>
      <c r="AL25" s="218">
        <v>0</v>
      </c>
      <c r="AM25" s="218">
        <v>0</v>
      </c>
      <c r="AN25" s="219">
        <v>0</v>
      </c>
      <c r="AO25" s="240">
        <v>0</v>
      </c>
      <c r="AP25" s="242">
        <v>0</v>
      </c>
      <c r="AQ25" s="239"/>
    </row>
    <row r="26" spans="2:43" ht="21" customHeight="1" x14ac:dyDescent="0.2">
      <c r="B26" s="106" t="s">
        <v>24</v>
      </c>
      <c r="C26" s="217">
        <v>0</v>
      </c>
      <c r="D26" s="219">
        <v>0</v>
      </c>
      <c r="E26" s="219">
        <v>0</v>
      </c>
      <c r="F26" s="220">
        <v>0</v>
      </c>
      <c r="G26" s="218">
        <v>0</v>
      </c>
      <c r="H26" s="218">
        <v>3</v>
      </c>
      <c r="I26" s="218">
        <v>4</v>
      </c>
      <c r="J26" s="219">
        <v>2</v>
      </c>
      <c r="K26" s="240">
        <v>9</v>
      </c>
      <c r="L26" s="241">
        <v>9</v>
      </c>
      <c r="M26" s="217">
        <v>0</v>
      </c>
      <c r="N26" s="219">
        <v>0</v>
      </c>
      <c r="O26" s="240">
        <v>0</v>
      </c>
      <c r="P26" s="222">
        <v>2</v>
      </c>
      <c r="Q26" s="218">
        <v>1</v>
      </c>
      <c r="R26" s="218">
        <v>5</v>
      </c>
      <c r="S26" s="218">
        <v>3</v>
      </c>
      <c r="T26" s="219">
        <v>1</v>
      </c>
      <c r="U26" s="240">
        <v>12</v>
      </c>
      <c r="V26" s="221">
        <v>12</v>
      </c>
      <c r="W26" s="222">
        <v>0</v>
      </c>
      <c r="X26" s="219">
        <v>0</v>
      </c>
      <c r="Y26" s="219">
        <v>0</v>
      </c>
      <c r="Z26" s="220">
        <v>0</v>
      </c>
      <c r="AA26" s="218">
        <v>0</v>
      </c>
      <c r="AB26" s="218">
        <v>0</v>
      </c>
      <c r="AC26" s="218">
        <v>0</v>
      </c>
      <c r="AD26" s="219">
        <v>0</v>
      </c>
      <c r="AE26" s="240">
        <v>0</v>
      </c>
      <c r="AF26" s="241">
        <v>0</v>
      </c>
      <c r="AG26" s="217">
        <v>0</v>
      </c>
      <c r="AH26" s="219">
        <v>0</v>
      </c>
      <c r="AI26" s="219">
        <v>0</v>
      </c>
      <c r="AJ26" s="220">
        <v>0</v>
      </c>
      <c r="AK26" s="218">
        <v>0</v>
      </c>
      <c r="AL26" s="218">
        <v>0</v>
      </c>
      <c r="AM26" s="218">
        <v>0</v>
      </c>
      <c r="AN26" s="219">
        <v>0</v>
      </c>
      <c r="AO26" s="240">
        <v>0</v>
      </c>
      <c r="AP26" s="242">
        <v>0</v>
      </c>
      <c r="AQ26" s="239"/>
    </row>
    <row r="27" spans="2:43" ht="21" customHeight="1" x14ac:dyDescent="0.2">
      <c r="B27" s="106" t="s">
        <v>25</v>
      </c>
      <c r="C27" s="217">
        <v>0</v>
      </c>
      <c r="D27" s="219">
        <v>0</v>
      </c>
      <c r="E27" s="219">
        <v>0</v>
      </c>
      <c r="F27" s="220">
        <v>1</v>
      </c>
      <c r="G27" s="218">
        <v>0</v>
      </c>
      <c r="H27" s="218">
        <v>3</v>
      </c>
      <c r="I27" s="218">
        <v>1</v>
      </c>
      <c r="J27" s="219">
        <v>1</v>
      </c>
      <c r="K27" s="240">
        <v>6</v>
      </c>
      <c r="L27" s="241">
        <v>6</v>
      </c>
      <c r="M27" s="217">
        <v>0</v>
      </c>
      <c r="N27" s="219">
        <v>0</v>
      </c>
      <c r="O27" s="240">
        <v>0</v>
      </c>
      <c r="P27" s="222">
        <v>2</v>
      </c>
      <c r="Q27" s="218">
        <v>1</v>
      </c>
      <c r="R27" s="218">
        <v>1</v>
      </c>
      <c r="S27" s="218">
        <v>1</v>
      </c>
      <c r="T27" s="219">
        <v>1</v>
      </c>
      <c r="U27" s="240">
        <v>6</v>
      </c>
      <c r="V27" s="221">
        <v>6</v>
      </c>
      <c r="W27" s="222">
        <v>0</v>
      </c>
      <c r="X27" s="219">
        <v>0</v>
      </c>
      <c r="Y27" s="219">
        <v>0</v>
      </c>
      <c r="Z27" s="220">
        <v>0</v>
      </c>
      <c r="AA27" s="218">
        <v>0</v>
      </c>
      <c r="AB27" s="218">
        <v>0</v>
      </c>
      <c r="AC27" s="218">
        <v>0</v>
      </c>
      <c r="AD27" s="219">
        <v>0</v>
      </c>
      <c r="AE27" s="240">
        <v>0</v>
      </c>
      <c r="AF27" s="241">
        <v>0</v>
      </c>
      <c r="AG27" s="217">
        <v>0</v>
      </c>
      <c r="AH27" s="219">
        <v>0</v>
      </c>
      <c r="AI27" s="219">
        <v>0</v>
      </c>
      <c r="AJ27" s="220">
        <v>0</v>
      </c>
      <c r="AK27" s="218">
        <v>0</v>
      </c>
      <c r="AL27" s="218">
        <v>0</v>
      </c>
      <c r="AM27" s="218">
        <v>0</v>
      </c>
      <c r="AN27" s="219">
        <v>0</v>
      </c>
      <c r="AO27" s="240">
        <v>0</v>
      </c>
      <c r="AP27" s="242">
        <v>0</v>
      </c>
      <c r="AQ27" s="239"/>
    </row>
    <row r="28" spans="2:43" ht="21" customHeight="1" x14ac:dyDescent="0.2">
      <c r="B28" s="106" t="s">
        <v>26</v>
      </c>
      <c r="C28" s="217">
        <v>0</v>
      </c>
      <c r="D28" s="219">
        <v>0</v>
      </c>
      <c r="E28" s="219">
        <v>0</v>
      </c>
      <c r="F28" s="220">
        <v>0</v>
      </c>
      <c r="G28" s="218">
        <v>0</v>
      </c>
      <c r="H28" s="218">
        <v>2</v>
      </c>
      <c r="I28" s="218">
        <v>2</v>
      </c>
      <c r="J28" s="219">
        <v>3</v>
      </c>
      <c r="K28" s="240">
        <v>7</v>
      </c>
      <c r="L28" s="241">
        <v>7</v>
      </c>
      <c r="M28" s="217">
        <v>0</v>
      </c>
      <c r="N28" s="219">
        <v>0</v>
      </c>
      <c r="O28" s="240">
        <v>0</v>
      </c>
      <c r="P28" s="222">
        <v>0</v>
      </c>
      <c r="Q28" s="218">
        <v>0</v>
      </c>
      <c r="R28" s="218">
        <v>2</v>
      </c>
      <c r="S28" s="218">
        <v>2</v>
      </c>
      <c r="T28" s="219">
        <v>1</v>
      </c>
      <c r="U28" s="240">
        <v>5</v>
      </c>
      <c r="V28" s="221">
        <v>5</v>
      </c>
      <c r="W28" s="222">
        <v>0</v>
      </c>
      <c r="X28" s="219">
        <v>0</v>
      </c>
      <c r="Y28" s="219">
        <v>0</v>
      </c>
      <c r="Z28" s="220">
        <v>0</v>
      </c>
      <c r="AA28" s="218">
        <v>0</v>
      </c>
      <c r="AB28" s="218">
        <v>0</v>
      </c>
      <c r="AC28" s="218">
        <v>0</v>
      </c>
      <c r="AD28" s="219">
        <v>0</v>
      </c>
      <c r="AE28" s="240">
        <v>0</v>
      </c>
      <c r="AF28" s="241">
        <v>0</v>
      </c>
      <c r="AG28" s="217">
        <v>0</v>
      </c>
      <c r="AH28" s="219">
        <v>0</v>
      </c>
      <c r="AI28" s="219">
        <v>0</v>
      </c>
      <c r="AJ28" s="220">
        <v>0</v>
      </c>
      <c r="AK28" s="218">
        <v>0</v>
      </c>
      <c r="AL28" s="218">
        <v>0</v>
      </c>
      <c r="AM28" s="218">
        <v>0</v>
      </c>
      <c r="AN28" s="219">
        <v>0</v>
      </c>
      <c r="AO28" s="240">
        <v>0</v>
      </c>
      <c r="AP28" s="242">
        <v>0</v>
      </c>
      <c r="AQ28" s="239"/>
    </row>
    <row r="29" spans="2:43" ht="21" customHeight="1" x14ac:dyDescent="0.2">
      <c r="B29" s="106" t="s">
        <v>27</v>
      </c>
      <c r="C29" s="217">
        <v>0</v>
      </c>
      <c r="D29" s="219">
        <v>0</v>
      </c>
      <c r="E29" s="219">
        <v>0</v>
      </c>
      <c r="F29" s="220">
        <v>0</v>
      </c>
      <c r="G29" s="218">
        <v>1</v>
      </c>
      <c r="H29" s="218">
        <v>1</v>
      </c>
      <c r="I29" s="218">
        <v>2</v>
      </c>
      <c r="J29" s="219">
        <v>2</v>
      </c>
      <c r="K29" s="240">
        <v>6</v>
      </c>
      <c r="L29" s="241">
        <v>6</v>
      </c>
      <c r="M29" s="217">
        <v>0</v>
      </c>
      <c r="N29" s="219">
        <v>0</v>
      </c>
      <c r="O29" s="240">
        <v>0</v>
      </c>
      <c r="P29" s="222">
        <v>0</v>
      </c>
      <c r="Q29" s="218">
        <v>2</v>
      </c>
      <c r="R29" s="218">
        <v>1</v>
      </c>
      <c r="S29" s="218">
        <v>4</v>
      </c>
      <c r="T29" s="219">
        <v>0</v>
      </c>
      <c r="U29" s="240">
        <v>7</v>
      </c>
      <c r="V29" s="221">
        <v>7</v>
      </c>
      <c r="W29" s="222">
        <v>0</v>
      </c>
      <c r="X29" s="219">
        <v>0</v>
      </c>
      <c r="Y29" s="219">
        <v>0</v>
      </c>
      <c r="Z29" s="220">
        <v>0</v>
      </c>
      <c r="AA29" s="218">
        <v>0</v>
      </c>
      <c r="AB29" s="218">
        <v>0</v>
      </c>
      <c r="AC29" s="218">
        <v>0</v>
      </c>
      <c r="AD29" s="219">
        <v>0</v>
      </c>
      <c r="AE29" s="240">
        <v>0</v>
      </c>
      <c r="AF29" s="241">
        <v>0</v>
      </c>
      <c r="AG29" s="217">
        <v>0</v>
      </c>
      <c r="AH29" s="219">
        <v>0</v>
      </c>
      <c r="AI29" s="219">
        <v>0</v>
      </c>
      <c r="AJ29" s="220">
        <v>0</v>
      </c>
      <c r="AK29" s="218">
        <v>0</v>
      </c>
      <c r="AL29" s="218">
        <v>0</v>
      </c>
      <c r="AM29" s="218">
        <v>0</v>
      </c>
      <c r="AN29" s="219">
        <v>0</v>
      </c>
      <c r="AO29" s="240">
        <v>0</v>
      </c>
      <c r="AP29" s="242">
        <v>0</v>
      </c>
      <c r="AQ29" s="239"/>
    </row>
    <row r="30" spans="2:43" ht="21" customHeight="1" x14ac:dyDescent="0.2">
      <c r="B30" s="106" t="s">
        <v>28</v>
      </c>
      <c r="C30" s="217">
        <v>0</v>
      </c>
      <c r="D30" s="219">
        <v>0</v>
      </c>
      <c r="E30" s="219">
        <v>0</v>
      </c>
      <c r="F30" s="220">
        <v>0</v>
      </c>
      <c r="G30" s="218">
        <v>0</v>
      </c>
      <c r="H30" s="218">
        <v>0</v>
      </c>
      <c r="I30" s="218">
        <v>1</v>
      </c>
      <c r="J30" s="219">
        <v>2</v>
      </c>
      <c r="K30" s="240">
        <v>3</v>
      </c>
      <c r="L30" s="241">
        <v>3</v>
      </c>
      <c r="M30" s="217">
        <v>0</v>
      </c>
      <c r="N30" s="219">
        <v>0</v>
      </c>
      <c r="O30" s="240">
        <v>0</v>
      </c>
      <c r="P30" s="222">
        <v>0</v>
      </c>
      <c r="Q30" s="218">
        <v>0</v>
      </c>
      <c r="R30" s="218">
        <v>0</v>
      </c>
      <c r="S30" s="218">
        <v>1</v>
      </c>
      <c r="T30" s="219">
        <v>0</v>
      </c>
      <c r="U30" s="240">
        <v>1</v>
      </c>
      <c r="V30" s="221">
        <v>1</v>
      </c>
      <c r="W30" s="222">
        <v>0</v>
      </c>
      <c r="X30" s="219">
        <v>0</v>
      </c>
      <c r="Y30" s="219">
        <v>0</v>
      </c>
      <c r="Z30" s="220">
        <v>0</v>
      </c>
      <c r="AA30" s="218">
        <v>0</v>
      </c>
      <c r="AB30" s="218">
        <v>0</v>
      </c>
      <c r="AC30" s="218">
        <v>0</v>
      </c>
      <c r="AD30" s="219">
        <v>0</v>
      </c>
      <c r="AE30" s="240">
        <v>0</v>
      </c>
      <c r="AF30" s="241">
        <v>0</v>
      </c>
      <c r="AG30" s="217">
        <v>0</v>
      </c>
      <c r="AH30" s="219">
        <v>0</v>
      </c>
      <c r="AI30" s="219">
        <v>0</v>
      </c>
      <c r="AJ30" s="220">
        <v>0</v>
      </c>
      <c r="AK30" s="218">
        <v>0</v>
      </c>
      <c r="AL30" s="218">
        <v>0</v>
      </c>
      <c r="AM30" s="218">
        <v>0</v>
      </c>
      <c r="AN30" s="219">
        <v>0</v>
      </c>
      <c r="AO30" s="240">
        <v>0</v>
      </c>
      <c r="AP30" s="242">
        <v>0</v>
      </c>
      <c r="AQ30" s="239"/>
    </row>
    <row r="31" spans="2:43" ht="21" customHeight="1" x14ac:dyDescent="0.2">
      <c r="B31" s="106" t="s">
        <v>29</v>
      </c>
      <c r="C31" s="217">
        <v>0</v>
      </c>
      <c r="D31" s="219">
        <v>0</v>
      </c>
      <c r="E31" s="219">
        <v>0</v>
      </c>
      <c r="F31" s="220">
        <v>0</v>
      </c>
      <c r="G31" s="218">
        <v>0</v>
      </c>
      <c r="H31" s="218">
        <v>0</v>
      </c>
      <c r="I31" s="218">
        <v>0</v>
      </c>
      <c r="J31" s="219">
        <v>1</v>
      </c>
      <c r="K31" s="240">
        <v>1</v>
      </c>
      <c r="L31" s="241">
        <v>1</v>
      </c>
      <c r="M31" s="217">
        <v>0</v>
      </c>
      <c r="N31" s="219">
        <v>0</v>
      </c>
      <c r="O31" s="240">
        <v>0</v>
      </c>
      <c r="P31" s="222">
        <v>0</v>
      </c>
      <c r="Q31" s="218">
        <v>0</v>
      </c>
      <c r="R31" s="218">
        <v>1</v>
      </c>
      <c r="S31" s="218">
        <v>0</v>
      </c>
      <c r="T31" s="219">
        <v>1</v>
      </c>
      <c r="U31" s="240">
        <v>2</v>
      </c>
      <c r="V31" s="221">
        <v>2</v>
      </c>
      <c r="W31" s="222">
        <v>0</v>
      </c>
      <c r="X31" s="219">
        <v>0</v>
      </c>
      <c r="Y31" s="219">
        <v>0</v>
      </c>
      <c r="Z31" s="220">
        <v>0</v>
      </c>
      <c r="AA31" s="218">
        <v>0</v>
      </c>
      <c r="AB31" s="218">
        <v>0</v>
      </c>
      <c r="AC31" s="218">
        <v>0</v>
      </c>
      <c r="AD31" s="219">
        <v>0</v>
      </c>
      <c r="AE31" s="240">
        <v>0</v>
      </c>
      <c r="AF31" s="241">
        <v>0</v>
      </c>
      <c r="AG31" s="217">
        <v>0</v>
      </c>
      <c r="AH31" s="219">
        <v>0</v>
      </c>
      <c r="AI31" s="219">
        <v>0</v>
      </c>
      <c r="AJ31" s="220">
        <v>0</v>
      </c>
      <c r="AK31" s="218">
        <v>0</v>
      </c>
      <c r="AL31" s="218">
        <v>0</v>
      </c>
      <c r="AM31" s="218">
        <v>0</v>
      </c>
      <c r="AN31" s="219">
        <v>0</v>
      </c>
      <c r="AO31" s="240">
        <v>0</v>
      </c>
      <c r="AP31" s="242">
        <v>0</v>
      </c>
      <c r="AQ31" s="239"/>
    </row>
    <row r="32" spans="2:43" ht="21" customHeight="1" x14ac:dyDescent="0.2">
      <c r="B32" s="106" t="s">
        <v>30</v>
      </c>
      <c r="C32" s="217">
        <v>0</v>
      </c>
      <c r="D32" s="219">
        <v>0</v>
      </c>
      <c r="E32" s="219">
        <v>0</v>
      </c>
      <c r="F32" s="220">
        <v>0</v>
      </c>
      <c r="G32" s="218">
        <v>0</v>
      </c>
      <c r="H32" s="218">
        <v>1</v>
      </c>
      <c r="I32" s="218">
        <v>2</v>
      </c>
      <c r="J32" s="219">
        <v>0</v>
      </c>
      <c r="K32" s="240">
        <v>3</v>
      </c>
      <c r="L32" s="241">
        <v>3</v>
      </c>
      <c r="M32" s="217">
        <v>0</v>
      </c>
      <c r="N32" s="219">
        <v>0</v>
      </c>
      <c r="O32" s="240">
        <v>0</v>
      </c>
      <c r="P32" s="222">
        <v>0</v>
      </c>
      <c r="Q32" s="218">
        <v>1</v>
      </c>
      <c r="R32" s="218">
        <v>1</v>
      </c>
      <c r="S32" s="218">
        <v>3</v>
      </c>
      <c r="T32" s="219">
        <v>0</v>
      </c>
      <c r="U32" s="240">
        <v>5</v>
      </c>
      <c r="V32" s="221">
        <v>5</v>
      </c>
      <c r="W32" s="222">
        <v>0</v>
      </c>
      <c r="X32" s="219">
        <v>0</v>
      </c>
      <c r="Y32" s="219">
        <v>0</v>
      </c>
      <c r="Z32" s="220">
        <v>0</v>
      </c>
      <c r="AA32" s="218">
        <v>0</v>
      </c>
      <c r="AB32" s="218">
        <v>0</v>
      </c>
      <c r="AC32" s="218">
        <v>0</v>
      </c>
      <c r="AD32" s="219">
        <v>0</v>
      </c>
      <c r="AE32" s="240">
        <v>0</v>
      </c>
      <c r="AF32" s="241">
        <v>0</v>
      </c>
      <c r="AG32" s="217">
        <v>0</v>
      </c>
      <c r="AH32" s="219">
        <v>0</v>
      </c>
      <c r="AI32" s="219">
        <v>0</v>
      </c>
      <c r="AJ32" s="220">
        <v>0</v>
      </c>
      <c r="AK32" s="218">
        <v>0</v>
      </c>
      <c r="AL32" s="218">
        <v>0</v>
      </c>
      <c r="AM32" s="218">
        <v>0</v>
      </c>
      <c r="AN32" s="219">
        <v>0</v>
      </c>
      <c r="AO32" s="240">
        <v>0</v>
      </c>
      <c r="AP32" s="242">
        <v>0</v>
      </c>
      <c r="AQ32" s="239"/>
    </row>
    <row r="33" spans="2:43" ht="21" customHeight="1" x14ac:dyDescent="0.2">
      <c r="B33" s="106" t="s">
        <v>31</v>
      </c>
      <c r="C33" s="217">
        <v>0</v>
      </c>
      <c r="D33" s="219">
        <v>0</v>
      </c>
      <c r="E33" s="219">
        <v>0</v>
      </c>
      <c r="F33" s="220">
        <v>0</v>
      </c>
      <c r="G33" s="218">
        <v>0</v>
      </c>
      <c r="H33" s="218">
        <v>2</v>
      </c>
      <c r="I33" s="218">
        <v>0</v>
      </c>
      <c r="J33" s="219">
        <v>1</v>
      </c>
      <c r="K33" s="240">
        <v>3</v>
      </c>
      <c r="L33" s="241">
        <v>3</v>
      </c>
      <c r="M33" s="217">
        <v>0</v>
      </c>
      <c r="N33" s="219">
        <v>0</v>
      </c>
      <c r="O33" s="240">
        <v>0</v>
      </c>
      <c r="P33" s="222">
        <v>0</v>
      </c>
      <c r="Q33" s="218">
        <v>1</v>
      </c>
      <c r="R33" s="218">
        <v>0</v>
      </c>
      <c r="S33" s="218">
        <v>0</v>
      </c>
      <c r="T33" s="219">
        <v>0</v>
      </c>
      <c r="U33" s="240">
        <v>1</v>
      </c>
      <c r="V33" s="221">
        <v>1</v>
      </c>
      <c r="W33" s="222">
        <v>0</v>
      </c>
      <c r="X33" s="219">
        <v>0</v>
      </c>
      <c r="Y33" s="219">
        <v>0</v>
      </c>
      <c r="Z33" s="220">
        <v>0</v>
      </c>
      <c r="AA33" s="218">
        <v>0</v>
      </c>
      <c r="AB33" s="218">
        <v>0</v>
      </c>
      <c r="AC33" s="218">
        <v>0</v>
      </c>
      <c r="AD33" s="219">
        <v>0</v>
      </c>
      <c r="AE33" s="240">
        <v>0</v>
      </c>
      <c r="AF33" s="241">
        <v>0</v>
      </c>
      <c r="AG33" s="217">
        <v>0</v>
      </c>
      <c r="AH33" s="219">
        <v>0</v>
      </c>
      <c r="AI33" s="219">
        <v>0</v>
      </c>
      <c r="AJ33" s="220">
        <v>0</v>
      </c>
      <c r="AK33" s="218">
        <v>0</v>
      </c>
      <c r="AL33" s="218">
        <v>0</v>
      </c>
      <c r="AM33" s="218">
        <v>0</v>
      </c>
      <c r="AN33" s="219">
        <v>0</v>
      </c>
      <c r="AO33" s="240">
        <v>0</v>
      </c>
      <c r="AP33" s="242">
        <v>0</v>
      </c>
      <c r="AQ33" s="239"/>
    </row>
    <row r="34" spans="2:43" ht="21" customHeight="1" x14ac:dyDescent="0.2">
      <c r="B34" s="106" t="s">
        <v>32</v>
      </c>
      <c r="C34" s="217">
        <v>0</v>
      </c>
      <c r="D34" s="219">
        <v>0</v>
      </c>
      <c r="E34" s="219">
        <v>0</v>
      </c>
      <c r="F34" s="220">
        <v>0</v>
      </c>
      <c r="G34" s="218">
        <v>0</v>
      </c>
      <c r="H34" s="218">
        <v>0</v>
      </c>
      <c r="I34" s="218">
        <v>1</v>
      </c>
      <c r="J34" s="219">
        <v>0</v>
      </c>
      <c r="K34" s="240">
        <v>1</v>
      </c>
      <c r="L34" s="241">
        <v>1</v>
      </c>
      <c r="M34" s="217">
        <v>0</v>
      </c>
      <c r="N34" s="219">
        <v>0</v>
      </c>
      <c r="O34" s="240">
        <v>0</v>
      </c>
      <c r="P34" s="222">
        <v>0</v>
      </c>
      <c r="Q34" s="218">
        <v>0</v>
      </c>
      <c r="R34" s="218">
        <v>0</v>
      </c>
      <c r="S34" s="218">
        <v>0</v>
      </c>
      <c r="T34" s="219">
        <v>0</v>
      </c>
      <c r="U34" s="240">
        <v>0</v>
      </c>
      <c r="V34" s="221">
        <v>0</v>
      </c>
      <c r="W34" s="222">
        <v>0</v>
      </c>
      <c r="X34" s="219">
        <v>0</v>
      </c>
      <c r="Y34" s="219">
        <v>0</v>
      </c>
      <c r="Z34" s="220">
        <v>0</v>
      </c>
      <c r="AA34" s="218">
        <v>0</v>
      </c>
      <c r="AB34" s="218">
        <v>0</v>
      </c>
      <c r="AC34" s="218">
        <v>0</v>
      </c>
      <c r="AD34" s="219">
        <v>0</v>
      </c>
      <c r="AE34" s="240">
        <v>0</v>
      </c>
      <c r="AF34" s="241">
        <v>0</v>
      </c>
      <c r="AG34" s="217">
        <v>0</v>
      </c>
      <c r="AH34" s="219">
        <v>0</v>
      </c>
      <c r="AI34" s="219">
        <v>0</v>
      </c>
      <c r="AJ34" s="220">
        <v>0</v>
      </c>
      <c r="AK34" s="218">
        <v>0</v>
      </c>
      <c r="AL34" s="218">
        <v>0</v>
      </c>
      <c r="AM34" s="218">
        <v>0</v>
      </c>
      <c r="AN34" s="219">
        <v>0</v>
      </c>
      <c r="AO34" s="240">
        <v>0</v>
      </c>
      <c r="AP34" s="242">
        <v>0</v>
      </c>
      <c r="AQ34" s="239"/>
    </row>
    <row r="35" spans="2:43" ht="21" customHeight="1" x14ac:dyDescent="0.2">
      <c r="B35" s="106" t="s">
        <v>33</v>
      </c>
      <c r="C35" s="217">
        <v>0</v>
      </c>
      <c r="D35" s="219">
        <v>0</v>
      </c>
      <c r="E35" s="219">
        <v>0</v>
      </c>
      <c r="F35" s="220">
        <v>0</v>
      </c>
      <c r="G35" s="218">
        <v>0</v>
      </c>
      <c r="H35" s="218">
        <v>0</v>
      </c>
      <c r="I35" s="218">
        <v>1</v>
      </c>
      <c r="J35" s="219">
        <v>0</v>
      </c>
      <c r="K35" s="240">
        <v>1</v>
      </c>
      <c r="L35" s="241">
        <v>1</v>
      </c>
      <c r="M35" s="217">
        <v>0</v>
      </c>
      <c r="N35" s="219">
        <v>0</v>
      </c>
      <c r="O35" s="240">
        <v>0</v>
      </c>
      <c r="P35" s="222">
        <v>0</v>
      </c>
      <c r="Q35" s="218">
        <v>0</v>
      </c>
      <c r="R35" s="218">
        <v>0</v>
      </c>
      <c r="S35" s="218">
        <v>0</v>
      </c>
      <c r="T35" s="219">
        <v>0</v>
      </c>
      <c r="U35" s="240">
        <v>0</v>
      </c>
      <c r="V35" s="221">
        <v>0</v>
      </c>
      <c r="W35" s="222">
        <v>0</v>
      </c>
      <c r="X35" s="219">
        <v>0</v>
      </c>
      <c r="Y35" s="219">
        <v>0</v>
      </c>
      <c r="Z35" s="220">
        <v>0</v>
      </c>
      <c r="AA35" s="218">
        <v>0</v>
      </c>
      <c r="AB35" s="218">
        <v>0</v>
      </c>
      <c r="AC35" s="218">
        <v>0</v>
      </c>
      <c r="AD35" s="219">
        <v>0</v>
      </c>
      <c r="AE35" s="240">
        <v>0</v>
      </c>
      <c r="AF35" s="241">
        <v>0</v>
      </c>
      <c r="AG35" s="217">
        <v>0</v>
      </c>
      <c r="AH35" s="219">
        <v>0</v>
      </c>
      <c r="AI35" s="219">
        <v>0</v>
      </c>
      <c r="AJ35" s="220">
        <v>0</v>
      </c>
      <c r="AK35" s="218">
        <v>0</v>
      </c>
      <c r="AL35" s="218">
        <v>1</v>
      </c>
      <c r="AM35" s="218">
        <v>0</v>
      </c>
      <c r="AN35" s="219">
        <v>0</v>
      </c>
      <c r="AO35" s="240">
        <v>1</v>
      </c>
      <c r="AP35" s="242">
        <v>1</v>
      </c>
      <c r="AQ35" s="239"/>
    </row>
    <row r="36" spans="2:43" ht="21" customHeight="1" x14ac:dyDescent="0.2">
      <c r="B36" s="106" t="s">
        <v>34</v>
      </c>
      <c r="C36" s="217">
        <v>0</v>
      </c>
      <c r="D36" s="219">
        <v>0</v>
      </c>
      <c r="E36" s="219">
        <v>0</v>
      </c>
      <c r="F36" s="220">
        <v>0</v>
      </c>
      <c r="G36" s="218">
        <v>0</v>
      </c>
      <c r="H36" s="218">
        <v>0</v>
      </c>
      <c r="I36" s="218">
        <v>1</v>
      </c>
      <c r="J36" s="219">
        <v>0</v>
      </c>
      <c r="K36" s="240">
        <v>1</v>
      </c>
      <c r="L36" s="241">
        <v>1</v>
      </c>
      <c r="M36" s="217">
        <v>0</v>
      </c>
      <c r="N36" s="219">
        <v>0</v>
      </c>
      <c r="O36" s="240">
        <v>0</v>
      </c>
      <c r="P36" s="222">
        <v>0</v>
      </c>
      <c r="Q36" s="218">
        <v>0</v>
      </c>
      <c r="R36" s="218">
        <v>1</v>
      </c>
      <c r="S36" s="218">
        <v>0</v>
      </c>
      <c r="T36" s="219">
        <v>0</v>
      </c>
      <c r="U36" s="240">
        <v>1</v>
      </c>
      <c r="V36" s="221">
        <v>1</v>
      </c>
      <c r="W36" s="222">
        <v>0</v>
      </c>
      <c r="X36" s="219">
        <v>0</v>
      </c>
      <c r="Y36" s="219">
        <v>0</v>
      </c>
      <c r="Z36" s="220">
        <v>0</v>
      </c>
      <c r="AA36" s="218">
        <v>0</v>
      </c>
      <c r="AB36" s="218">
        <v>0</v>
      </c>
      <c r="AC36" s="218">
        <v>0</v>
      </c>
      <c r="AD36" s="219">
        <v>0</v>
      </c>
      <c r="AE36" s="240">
        <v>0</v>
      </c>
      <c r="AF36" s="241">
        <v>0</v>
      </c>
      <c r="AG36" s="217">
        <v>0</v>
      </c>
      <c r="AH36" s="219">
        <v>0</v>
      </c>
      <c r="AI36" s="219">
        <v>0</v>
      </c>
      <c r="AJ36" s="220">
        <v>0</v>
      </c>
      <c r="AK36" s="218">
        <v>0</v>
      </c>
      <c r="AL36" s="218">
        <v>0</v>
      </c>
      <c r="AM36" s="218">
        <v>0</v>
      </c>
      <c r="AN36" s="219">
        <v>0</v>
      </c>
      <c r="AO36" s="240">
        <v>0</v>
      </c>
      <c r="AP36" s="242">
        <v>0</v>
      </c>
      <c r="AQ36" s="239"/>
    </row>
    <row r="37" spans="2:43" ht="21" customHeight="1" x14ac:dyDescent="0.2">
      <c r="B37" s="106" t="s">
        <v>35</v>
      </c>
      <c r="C37" s="217">
        <v>0</v>
      </c>
      <c r="D37" s="219">
        <v>0</v>
      </c>
      <c r="E37" s="219">
        <v>0</v>
      </c>
      <c r="F37" s="220">
        <v>0</v>
      </c>
      <c r="G37" s="218">
        <v>0</v>
      </c>
      <c r="H37" s="218">
        <v>0</v>
      </c>
      <c r="I37" s="218">
        <v>1</v>
      </c>
      <c r="J37" s="219">
        <v>3</v>
      </c>
      <c r="K37" s="240">
        <v>4</v>
      </c>
      <c r="L37" s="241">
        <v>4</v>
      </c>
      <c r="M37" s="217">
        <v>0</v>
      </c>
      <c r="N37" s="219">
        <v>0</v>
      </c>
      <c r="O37" s="240">
        <v>0</v>
      </c>
      <c r="P37" s="222">
        <v>1</v>
      </c>
      <c r="Q37" s="218">
        <v>0</v>
      </c>
      <c r="R37" s="218">
        <v>2</v>
      </c>
      <c r="S37" s="218">
        <v>0</v>
      </c>
      <c r="T37" s="219">
        <v>0</v>
      </c>
      <c r="U37" s="240">
        <v>3</v>
      </c>
      <c r="V37" s="221">
        <v>3</v>
      </c>
      <c r="W37" s="222">
        <v>0</v>
      </c>
      <c r="X37" s="219">
        <v>0</v>
      </c>
      <c r="Y37" s="219">
        <v>0</v>
      </c>
      <c r="Z37" s="220">
        <v>0</v>
      </c>
      <c r="AA37" s="218">
        <v>0</v>
      </c>
      <c r="AB37" s="218">
        <v>0</v>
      </c>
      <c r="AC37" s="218">
        <v>0</v>
      </c>
      <c r="AD37" s="219">
        <v>0</v>
      </c>
      <c r="AE37" s="240">
        <v>0</v>
      </c>
      <c r="AF37" s="241">
        <v>0</v>
      </c>
      <c r="AG37" s="217">
        <v>0</v>
      </c>
      <c r="AH37" s="219">
        <v>0</v>
      </c>
      <c r="AI37" s="219">
        <v>0</v>
      </c>
      <c r="AJ37" s="220">
        <v>0</v>
      </c>
      <c r="AK37" s="218">
        <v>0</v>
      </c>
      <c r="AL37" s="218">
        <v>0</v>
      </c>
      <c r="AM37" s="218">
        <v>0</v>
      </c>
      <c r="AN37" s="219">
        <v>0</v>
      </c>
      <c r="AO37" s="240">
        <v>0</v>
      </c>
      <c r="AP37" s="242">
        <v>0</v>
      </c>
      <c r="AQ37" s="239"/>
    </row>
    <row r="38" spans="2:43" ht="21" customHeight="1" x14ac:dyDescent="0.2">
      <c r="B38" s="106" t="s">
        <v>36</v>
      </c>
      <c r="C38" s="217">
        <v>0</v>
      </c>
      <c r="D38" s="219">
        <v>0</v>
      </c>
      <c r="E38" s="219">
        <v>0</v>
      </c>
      <c r="F38" s="220">
        <v>0</v>
      </c>
      <c r="G38" s="218">
        <v>0</v>
      </c>
      <c r="H38" s="218">
        <v>1</v>
      </c>
      <c r="I38" s="218">
        <v>2</v>
      </c>
      <c r="J38" s="219">
        <v>0</v>
      </c>
      <c r="K38" s="240">
        <v>3</v>
      </c>
      <c r="L38" s="241">
        <v>3</v>
      </c>
      <c r="M38" s="217">
        <v>0</v>
      </c>
      <c r="N38" s="219">
        <v>0</v>
      </c>
      <c r="O38" s="240">
        <v>0</v>
      </c>
      <c r="P38" s="222">
        <v>0</v>
      </c>
      <c r="Q38" s="218">
        <v>0</v>
      </c>
      <c r="R38" s="218">
        <v>2</v>
      </c>
      <c r="S38" s="218">
        <v>1</v>
      </c>
      <c r="T38" s="219">
        <v>1</v>
      </c>
      <c r="U38" s="240">
        <v>4</v>
      </c>
      <c r="V38" s="221">
        <v>4</v>
      </c>
      <c r="W38" s="222">
        <v>0</v>
      </c>
      <c r="X38" s="219">
        <v>0</v>
      </c>
      <c r="Y38" s="219">
        <v>0</v>
      </c>
      <c r="Z38" s="220">
        <v>0</v>
      </c>
      <c r="AA38" s="218">
        <v>0</v>
      </c>
      <c r="AB38" s="218">
        <v>0</v>
      </c>
      <c r="AC38" s="218">
        <v>0</v>
      </c>
      <c r="AD38" s="219">
        <v>0</v>
      </c>
      <c r="AE38" s="240">
        <v>0</v>
      </c>
      <c r="AF38" s="241">
        <v>0</v>
      </c>
      <c r="AG38" s="217">
        <v>0</v>
      </c>
      <c r="AH38" s="219">
        <v>0</v>
      </c>
      <c r="AI38" s="219">
        <v>0</v>
      </c>
      <c r="AJ38" s="220">
        <v>0</v>
      </c>
      <c r="AK38" s="218">
        <v>0</v>
      </c>
      <c r="AL38" s="218">
        <v>0</v>
      </c>
      <c r="AM38" s="218">
        <v>0</v>
      </c>
      <c r="AN38" s="219">
        <v>0</v>
      </c>
      <c r="AO38" s="240">
        <v>0</v>
      </c>
      <c r="AP38" s="242">
        <v>0</v>
      </c>
      <c r="AQ38" s="239"/>
    </row>
    <row r="39" spans="2:43" ht="21" customHeight="1" thickBot="1" x14ac:dyDescent="0.25">
      <c r="B39" s="108" t="s">
        <v>37</v>
      </c>
      <c r="C39" s="223">
        <v>0</v>
      </c>
      <c r="D39" s="225">
        <v>0</v>
      </c>
      <c r="E39" s="225">
        <v>0</v>
      </c>
      <c r="F39" s="226">
        <v>0</v>
      </c>
      <c r="G39" s="224">
        <v>0</v>
      </c>
      <c r="H39" s="224">
        <v>1</v>
      </c>
      <c r="I39" s="224">
        <v>0</v>
      </c>
      <c r="J39" s="225">
        <v>0</v>
      </c>
      <c r="K39" s="243">
        <v>1</v>
      </c>
      <c r="L39" s="244">
        <v>1</v>
      </c>
      <c r="M39" s="223">
        <v>0</v>
      </c>
      <c r="N39" s="225">
        <v>0</v>
      </c>
      <c r="O39" s="243">
        <v>0</v>
      </c>
      <c r="P39" s="228">
        <v>0</v>
      </c>
      <c r="Q39" s="224">
        <v>0</v>
      </c>
      <c r="R39" s="224">
        <v>0</v>
      </c>
      <c r="S39" s="224">
        <v>0</v>
      </c>
      <c r="T39" s="225">
        <v>0</v>
      </c>
      <c r="U39" s="243">
        <v>0</v>
      </c>
      <c r="V39" s="227">
        <v>0</v>
      </c>
      <c r="W39" s="228">
        <v>0</v>
      </c>
      <c r="X39" s="225">
        <v>0</v>
      </c>
      <c r="Y39" s="225">
        <v>0</v>
      </c>
      <c r="Z39" s="226">
        <v>0</v>
      </c>
      <c r="AA39" s="224">
        <v>0</v>
      </c>
      <c r="AB39" s="224">
        <v>0</v>
      </c>
      <c r="AC39" s="224">
        <v>0</v>
      </c>
      <c r="AD39" s="225">
        <v>0</v>
      </c>
      <c r="AE39" s="243">
        <v>0</v>
      </c>
      <c r="AF39" s="244">
        <v>0</v>
      </c>
      <c r="AG39" s="223">
        <v>0</v>
      </c>
      <c r="AH39" s="225">
        <v>0</v>
      </c>
      <c r="AI39" s="225">
        <v>0</v>
      </c>
      <c r="AJ39" s="226">
        <v>0</v>
      </c>
      <c r="AK39" s="224">
        <v>0</v>
      </c>
      <c r="AL39" s="224">
        <v>0</v>
      </c>
      <c r="AM39" s="224">
        <v>0</v>
      </c>
      <c r="AN39" s="225">
        <v>0</v>
      </c>
      <c r="AO39" s="243">
        <v>0</v>
      </c>
      <c r="AP39" s="245">
        <v>0</v>
      </c>
      <c r="AQ39" s="239"/>
    </row>
    <row r="40" spans="2:43" x14ac:dyDescent="0.2">
      <c r="C40" s="246"/>
      <c r="D40" s="246"/>
      <c r="E40" s="246"/>
      <c r="F40" s="246"/>
      <c r="G40" s="246"/>
      <c r="H40" s="246"/>
      <c r="I40" s="246"/>
      <c r="J40" s="246"/>
      <c r="K40" s="246"/>
      <c r="L40" s="246"/>
      <c r="M40" s="239"/>
      <c r="N40" s="239"/>
      <c r="O40" s="239"/>
      <c r="P40" s="239"/>
      <c r="Q40" s="239"/>
      <c r="R40" s="239"/>
      <c r="S40" s="239"/>
      <c r="T40" s="239"/>
      <c r="U40" s="239"/>
      <c r="V40" s="239"/>
      <c r="W40" s="239"/>
      <c r="X40" s="239"/>
      <c r="Y40" s="239"/>
      <c r="Z40" s="239"/>
      <c r="AA40" s="239"/>
      <c r="AB40" s="239"/>
      <c r="AC40" s="239"/>
      <c r="AD40" s="239"/>
      <c r="AE40" s="239"/>
      <c r="AF40" s="239"/>
      <c r="AG40" s="239"/>
      <c r="AH40" s="239"/>
      <c r="AI40" s="239"/>
      <c r="AJ40" s="239"/>
      <c r="AK40" s="239"/>
      <c r="AL40" s="239"/>
      <c r="AM40" s="239"/>
      <c r="AN40" s="239"/>
      <c r="AO40" s="239"/>
      <c r="AP40" s="239"/>
      <c r="AQ40" s="239"/>
    </row>
    <row r="41" spans="2:43" x14ac:dyDescent="0.2">
      <c r="C41" s="246"/>
      <c r="D41" s="246"/>
      <c r="E41" s="246"/>
      <c r="F41" s="246"/>
      <c r="G41" s="246"/>
      <c r="H41" s="246"/>
      <c r="I41" s="246"/>
      <c r="J41" s="246"/>
      <c r="K41" s="246"/>
      <c r="L41" s="246"/>
      <c r="M41" s="239"/>
      <c r="N41" s="239"/>
      <c r="O41" s="239"/>
      <c r="P41" s="239"/>
      <c r="Q41" s="239"/>
      <c r="R41" s="239"/>
      <c r="S41" s="239"/>
      <c r="T41" s="239"/>
      <c r="U41" s="239"/>
      <c r="V41" s="239"/>
      <c r="W41" s="239"/>
      <c r="X41" s="239"/>
      <c r="Y41" s="239"/>
      <c r="Z41" s="239"/>
      <c r="AA41" s="239"/>
      <c r="AB41" s="239"/>
      <c r="AC41" s="239"/>
      <c r="AD41" s="239"/>
      <c r="AE41" s="239"/>
      <c r="AF41" s="239"/>
      <c r="AG41" s="239"/>
      <c r="AH41" s="239"/>
      <c r="AI41" s="239"/>
      <c r="AJ41" s="239"/>
      <c r="AK41" s="239"/>
      <c r="AL41" s="239"/>
      <c r="AM41" s="239"/>
      <c r="AN41" s="239"/>
      <c r="AO41" s="239"/>
      <c r="AP41" s="239"/>
      <c r="AQ41" s="239"/>
    </row>
    <row r="42" spans="2:43" x14ac:dyDescent="0.2">
      <c r="C42" s="246"/>
      <c r="D42" s="246"/>
      <c r="E42" s="246"/>
      <c r="F42" s="246"/>
      <c r="G42" s="246"/>
      <c r="H42" s="246"/>
      <c r="I42" s="246"/>
      <c r="J42" s="246"/>
      <c r="K42" s="246"/>
      <c r="L42" s="246"/>
      <c r="M42" s="239"/>
      <c r="N42" s="239"/>
      <c r="O42" s="239"/>
      <c r="P42" s="239"/>
      <c r="Q42" s="239"/>
      <c r="R42" s="239"/>
      <c r="S42" s="239"/>
      <c r="T42" s="239"/>
      <c r="U42" s="239"/>
      <c r="V42" s="239"/>
      <c r="W42" s="239"/>
      <c r="X42" s="239"/>
      <c r="Y42" s="239"/>
      <c r="Z42" s="239"/>
      <c r="AA42" s="239"/>
      <c r="AB42" s="239"/>
      <c r="AC42" s="239"/>
      <c r="AD42" s="239"/>
      <c r="AE42" s="239"/>
      <c r="AF42" s="239"/>
      <c r="AG42" s="239"/>
      <c r="AH42" s="239"/>
      <c r="AI42" s="239"/>
      <c r="AJ42" s="239"/>
      <c r="AK42" s="239"/>
      <c r="AL42" s="239"/>
      <c r="AM42" s="239"/>
      <c r="AN42" s="239"/>
      <c r="AO42" s="239"/>
      <c r="AP42" s="239"/>
      <c r="AQ42" s="239"/>
    </row>
    <row r="43" spans="2:43" x14ac:dyDescent="0.2">
      <c r="C43" s="246"/>
      <c r="D43" s="246"/>
      <c r="E43" s="246"/>
      <c r="F43" s="246"/>
      <c r="G43" s="246"/>
      <c r="H43" s="246"/>
      <c r="I43" s="246"/>
      <c r="J43" s="246"/>
      <c r="K43" s="246"/>
      <c r="L43" s="246"/>
      <c r="M43" s="239"/>
      <c r="N43" s="239"/>
      <c r="O43" s="239"/>
      <c r="P43" s="239"/>
      <c r="Q43" s="239"/>
      <c r="R43" s="239"/>
      <c r="S43" s="239"/>
      <c r="T43" s="239"/>
      <c r="U43" s="239"/>
      <c r="V43" s="239"/>
      <c r="W43" s="239"/>
      <c r="X43" s="239"/>
      <c r="Y43" s="239"/>
      <c r="Z43" s="239"/>
      <c r="AA43" s="239"/>
      <c r="AB43" s="239"/>
      <c r="AC43" s="239"/>
      <c r="AD43" s="239"/>
      <c r="AE43" s="239"/>
      <c r="AF43" s="239"/>
      <c r="AG43" s="239"/>
      <c r="AH43" s="239"/>
      <c r="AI43" s="239"/>
      <c r="AJ43" s="239"/>
      <c r="AK43" s="239"/>
      <c r="AL43" s="239"/>
      <c r="AM43" s="239"/>
      <c r="AN43" s="239"/>
      <c r="AO43" s="239"/>
      <c r="AP43" s="239"/>
      <c r="AQ43" s="239"/>
    </row>
    <row r="44" spans="2:43" x14ac:dyDescent="0.2">
      <c r="C44" s="246"/>
      <c r="D44" s="246"/>
      <c r="E44" s="246"/>
      <c r="F44" s="246"/>
      <c r="G44" s="246"/>
      <c r="H44" s="246"/>
      <c r="I44" s="246"/>
      <c r="J44" s="246"/>
      <c r="K44" s="246"/>
      <c r="L44" s="246"/>
      <c r="M44" s="239"/>
      <c r="N44" s="239"/>
      <c r="O44" s="239"/>
      <c r="P44" s="239"/>
      <c r="Q44" s="239"/>
      <c r="R44" s="239"/>
      <c r="S44" s="239"/>
      <c r="T44" s="239"/>
      <c r="U44" s="239"/>
      <c r="V44" s="239"/>
      <c r="W44" s="239"/>
      <c r="X44" s="239"/>
      <c r="Y44" s="239"/>
      <c r="Z44" s="239"/>
      <c r="AA44" s="239"/>
      <c r="AB44" s="239"/>
      <c r="AC44" s="239"/>
      <c r="AD44" s="239"/>
      <c r="AE44" s="239"/>
      <c r="AF44" s="239"/>
      <c r="AG44" s="239"/>
      <c r="AH44" s="239"/>
      <c r="AI44" s="239"/>
      <c r="AJ44" s="239"/>
      <c r="AK44" s="239"/>
      <c r="AL44" s="239"/>
      <c r="AM44" s="239"/>
      <c r="AN44" s="239"/>
      <c r="AO44" s="239"/>
      <c r="AP44" s="239"/>
      <c r="AQ44" s="239"/>
    </row>
    <row r="45" spans="2:43" x14ac:dyDescent="0.2">
      <c r="C45" s="70"/>
      <c r="D45" s="70"/>
      <c r="E45" s="70"/>
      <c r="F45" s="70"/>
      <c r="G45" s="70"/>
      <c r="H45" s="70"/>
      <c r="I45" s="70"/>
      <c r="J45" s="70"/>
      <c r="K45" s="70"/>
      <c r="L45" s="70"/>
    </row>
    <row r="46" spans="2:43" x14ac:dyDescent="0.2">
      <c r="C46" s="70"/>
      <c r="D46" s="70"/>
      <c r="E46" s="70"/>
      <c r="F46" s="70"/>
      <c r="G46" s="70"/>
      <c r="H46" s="70"/>
      <c r="I46" s="70"/>
      <c r="J46" s="70"/>
      <c r="K46" s="70"/>
      <c r="L46" s="70"/>
    </row>
    <row r="47" spans="2:43" x14ac:dyDescent="0.2">
      <c r="C47" s="70"/>
      <c r="D47" s="70"/>
      <c r="E47" s="70"/>
      <c r="F47" s="70"/>
      <c r="G47" s="70"/>
      <c r="H47" s="70"/>
      <c r="I47" s="70"/>
      <c r="J47" s="70"/>
      <c r="K47" s="70"/>
      <c r="L47" s="70"/>
    </row>
    <row r="48" spans="2:43" x14ac:dyDescent="0.2">
      <c r="C48" s="70"/>
      <c r="D48" s="70"/>
      <c r="E48" s="70"/>
      <c r="F48" s="70"/>
      <c r="G48" s="70"/>
      <c r="H48" s="70"/>
      <c r="I48" s="70"/>
      <c r="J48" s="70"/>
      <c r="K48" s="70"/>
      <c r="L48" s="70"/>
    </row>
    <row r="49" spans="3:12" x14ac:dyDescent="0.2">
      <c r="C49" s="70"/>
      <c r="D49" s="70"/>
      <c r="E49" s="70"/>
      <c r="F49" s="70"/>
      <c r="G49" s="70"/>
      <c r="H49" s="70"/>
      <c r="I49" s="70"/>
      <c r="J49" s="70"/>
      <c r="K49" s="70"/>
      <c r="L49" s="70"/>
    </row>
    <row r="50" spans="3:12" x14ac:dyDescent="0.2">
      <c r="C50" s="70"/>
      <c r="D50" s="70"/>
      <c r="E50" s="70"/>
      <c r="F50" s="70"/>
      <c r="G50" s="70"/>
      <c r="H50" s="70"/>
      <c r="I50" s="70"/>
      <c r="J50" s="70"/>
      <c r="K50" s="70"/>
      <c r="L50" s="70"/>
    </row>
    <row r="51" spans="3:12" x14ac:dyDescent="0.2">
      <c r="C51" s="70"/>
      <c r="D51" s="70"/>
      <c r="E51" s="70"/>
      <c r="F51" s="70"/>
      <c r="G51" s="70"/>
      <c r="H51" s="70"/>
      <c r="I51" s="70"/>
      <c r="J51" s="70"/>
      <c r="K51" s="70"/>
      <c r="L51" s="70"/>
    </row>
    <row r="52" spans="3:12" x14ac:dyDescent="0.2">
      <c r="C52" s="70"/>
      <c r="D52" s="70"/>
      <c r="E52" s="70"/>
      <c r="F52" s="70"/>
      <c r="G52" s="70"/>
      <c r="H52" s="70"/>
      <c r="I52" s="70"/>
      <c r="J52" s="70"/>
      <c r="K52" s="70"/>
      <c r="L52" s="70"/>
    </row>
    <row r="53" spans="3:12" x14ac:dyDescent="0.2">
      <c r="C53" s="70"/>
      <c r="D53" s="70"/>
      <c r="E53" s="70"/>
      <c r="F53" s="70"/>
      <c r="G53" s="70"/>
      <c r="H53" s="70"/>
      <c r="I53" s="70"/>
      <c r="J53" s="70"/>
      <c r="K53" s="70"/>
      <c r="L53" s="70"/>
    </row>
    <row r="54" spans="3:12" x14ac:dyDescent="0.2">
      <c r="C54" s="70"/>
      <c r="D54" s="70"/>
      <c r="E54" s="70"/>
      <c r="F54" s="70"/>
      <c r="G54" s="70"/>
      <c r="H54" s="70"/>
      <c r="I54" s="70"/>
      <c r="J54" s="70"/>
      <c r="K54" s="70"/>
      <c r="L54" s="70"/>
    </row>
    <row r="55" spans="3:12" x14ac:dyDescent="0.2">
      <c r="C55" s="70"/>
      <c r="D55" s="70"/>
      <c r="E55" s="70"/>
      <c r="F55" s="70"/>
      <c r="G55" s="70"/>
      <c r="H55" s="70"/>
      <c r="I55" s="70"/>
      <c r="J55" s="70"/>
      <c r="K55" s="70"/>
      <c r="L55" s="70"/>
    </row>
    <row r="56" spans="3:12" x14ac:dyDescent="0.2">
      <c r="C56" s="70"/>
      <c r="D56" s="70"/>
      <c r="E56" s="70"/>
      <c r="F56" s="70"/>
      <c r="G56" s="70"/>
      <c r="H56" s="70"/>
      <c r="I56" s="70"/>
      <c r="J56" s="70"/>
      <c r="K56" s="70"/>
      <c r="L56" s="70"/>
    </row>
    <row r="57" spans="3:12" x14ac:dyDescent="0.2">
      <c r="C57" s="70"/>
      <c r="D57" s="70"/>
      <c r="E57" s="70"/>
      <c r="F57" s="70"/>
      <c r="G57" s="70"/>
      <c r="H57" s="70"/>
      <c r="I57" s="70"/>
      <c r="J57" s="70"/>
      <c r="K57" s="70"/>
      <c r="L57" s="70"/>
    </row>
    <row r="58" spans="3:12" x14ac:dyDescent="0.2">
      <c r="C58" s="70"/>
      <c r="D58" s="70"/>
      <c r="E58" s="70"/>
      <c r="F58" s="70"/>
      <c r="G58" s="70"/>
      <c r="H58" s="70"/>
      <c r="I58" s="70"/>
      <c r="J58" s="70"/>
      <c r="K58" s="70"/>
      <c r="L58" s="70"/>
    </row>
    <row r="59" spans="3:12" x14ac:dyDescent="0.2">
      <c r="C59" s="70"/>
      <c r="D59" s="70"/>
      <c r="E59" s="70"/>
      <c r="F59" s="70"/>
      <c r="G59" s="70"/>
      <c r="H59" s="70"/>
      <c r="I59" s="70"/>
      <c r="J59" s="70"/>
      <c r="K59" s="70"/>
      <c r="L59" s="70"/>
    </row>
    <row r="60" spans="3:12" x14ac:dyDescent="0.2">
      <c r="C60" s="70"/>
      <c r="D60" s="70"/>
      <c r="E60" s="70"/>
      <c r="F60" s="70"/>
      <c r="G60" s="70"/>
      <c r="H60" s="70"/>
      <c r="I60" s="70"/>
      <c r="J60" s="70"/>
      <c r="K60" s="70"/>
      <c r="L60" s="70"/>
    </row>
    <row r="61" spans="3:12" x14ac:dyDescent="0.2">
      <c r="C61" s="70"/>
      <c r="D61" s="70"/>
      <c r="E61" s="70"/>
      <c r="F61" s="70"/>
      <c r="G61" s="70"/>
      <c r="H61" s="70"/>
      <c r="I61" s="70"/>
      <c r="J61" s="70"/>
      <c r="K61" s="70"/>
      <c r="L61" s="70"/>
    </row>
    <row r="62" spans="3:12" x14ac:dyDescent="0.2">
      <c r="C62" s="70"/>
      <c r="D62" s="70"/>
      <c r="E62" s="70"/>
      <c r="F62" s="70"/>
      <c r="G62" s="70"/>
      <c r="H62" s="70"/>
      <c r="I62" s="70"/>
      <c r="J62" s="70"/>
      <c r="K62" s="70"/>
      <c r="L62" s="70"/>
    </row>
    <row r="63" spans="3:12" x14ac:dyDescent="0.2">
      <c r="C63" s="70"/>
      <c r="D63" s="70"/>
      <c r="E63" s="70"/>
      <c r="F63" s="70"/>
      <c r="G63" s="70"/>
      <c r="H63" s="70"/>
      <c r="I63" s="70"/>
      <c r="J63" s="70"/>
      <c r="K63" s="70"/>
      <c r="L63" s="70"/>
    </row>
    <row r="64" spans="3:12" x14ac:dyDescent="0.2">
      <c r="C64" s="70"/>
      <c r="D64" s="70"/>
      <c r="E64" s="70"/>
      <c r="F64" s="70"/>
      <c r="G64" s="70"/>
      <c r="H64" s="70"/>
      <c r="I64" s="70"/>
      <c r="J64" s="70"/>
      <c r="K64" s="70"/>
      <c r="L64" s="70"/>
    </row>
    <row r="65" spans="3:12" x14ac:dyDescent="0.2">
      <c r="C65" s="70"/>
      <c r="D65" s="70"/>
      <c r="E65" s="70"/>
      <c r="F65" s="70"/>
      <c r="G65" s="70"/>
      <c r="H65" s="70"/>
      <c r="I65" s="70"/>
      <c r="J65" s="70"/>
      <c r="K65" s="70"/>
      <c r="L65" s="70"/>
    </row>
    <row r="66" spans="3:12" x14ac:dyDescent="0.2">
      <c r="C66" s="70"/>
      <c r="D66" s="70"/>
      <c r="E66" s="70"/>
      <c r="F66" s="70"/>
      <c r="G66" s="70"/>
      <c r="H66" s="70"/>
      <c r="I66" s="70"/>
      <c r="J66" s="70"/>
      <c r="K66" s="70"/>
      <c r="L66" s="70"/>
    </row>
    <row r="67" spans="3:12" x14ac:dyDescent="0.2">
      <c r="C67" s="70"/>
      <c r="D67" s="70"/>
      <c r="E67" s="70"/>
      <c r="F67" s="70"/>
      <c r="G67" s="70"/>
      <c r="H67" s="70"/>
      <c r="I67" s="70"/>
      <c r="J67" s="70"/>
      <c r="K67" s="70"/>
      <c r="L67" s="70"/>
    </row>
    <row r="68" spans="3:12" x14ac:dyDescent="0.2">
      <c r="C68" s="70"/>
      <c r="D68" s="70"/>
      <c r="E68" s="70"/>
      <c r="F68" s="70"/>
      <c r="G68" s="70"/>
      <c r="H68" s="70"/>
      <c r="I68" s="70"/>
      <c r="J68" s="70"/>
      <c r="K68" s="70"/>
      <c r="L68" s="70"/>
    </row>
    <row r="69" spans="3:12" x14ac:dyDescent="0.2">
      <c r="C69" s="70"/>
      <c r="D69" s="70"/>
      <c r="E69" s="70"/>
      <c r="F69" s="70"/>
      <c r="G69" s="70"/>
      <c r="H69" s="70"/>
      <c r="I69" s="70"/>
      <c r="J69" s="70"/>
      <c r="K69" s="70"/>
      <c r="L69" s="70"/>
    </row>
    <row r="70" spans="3:12" x14ac:dyDescent="0.2">
      <c r="C70" s="70"/>
      <c r="D70" s="70"/>
      <c r="E70" s="70"/>
      <c r="F70" s="70"/>
      <c r="G70" s="70"/>
      <c r="H70" s="70"/>
      <c r="I70" s="70"/>
      <c r="J70" s="70"/>
      <c r="K70" s="70"/>
      <c r="L70" s="70"/>
    </row>
    <row r="71" spans="3:12" x14ac:dyDescent="0.2">
      <c r="C71" s="70"/>
      <c r="D71" s="70"/>
      <c r="E71" s="70"/>
      <c r="F71" s="70"/>
      <c r="G71" s="70"/>
      <c r="H71" s="70"/>
      <c r="I71" s="70"/>
      <c r="J71" s="70"/>
      <c r="K71" s="70"/>
      <c r="L71" s="70"/>
    </row>
    <row r="72" spans="3:12" x14ac:dyDescent="0.2">
      <c r="C72" s="70"/>
      <c r="D72" s="70"/>
      <c r="E72" s="70"/>
      <c r="F72" s="70"/>
      <c r="G72" s="70"/>
      <c r="H72" s="70"/>
      <c r="I72" s="70"/>
      <c r="J72" s="70"/>
      <c r="K72" s="70"/>
      <c r="L72" s="70"/>
    </row>
    <row r="73" spans="3:12" x14ac:dyDescent="0.2">
      <c r="C73" s="70"/>
      <c r="D73" s="70"/>
      <c r="E73" s="70"/>
      <c r="F73" s="70"/>
      <c r="G73" s="70"/>
      <c r="H73" s="70"/>
      <c r="I73" s="70"/>
      <c r="J73" s="70"/>
      <c r="K73" s="70"/>
      <c r="L73" s="70"/>
    </row>
    <row r="74" spans="3:12" x14ac:dyDescent="0.2">
      <c r="C74" s="70"/>
      <c r="D74" s="70"/>
      <c r="E74" s="70"/>
      <c r="F74" s="70"/>
      <c r="G74" s="70"/>
      <c r="H74" s="70"/>
      <c r="I74" s="70"/>
      <c r="J74" s="70"/>
      <c r="K74" s="70"/>
      <c r="L74" s="70"/>
    </row>
    <row r="75" spans="3:12" x14ac:dyDescent="0.2">
      <c r="C75" s="70"/>
      <c r="D75" s="70"/>
      <c r="E75" s="70"/>
      <c r="F75" s="70"/>
      <c r="G75" s="70"/>
      <c r="H75" s="70"/>
      <c r="I75" s="70"/>
      <c r="J75" s="70"/>
      <c r="K75" s="70"/>
      <c r="L75" s="70"/>
    </row>
    <row r="76" spans="3:12" x14ac:dyDescent="0.2">
      <c r="C76" s="70"/>
      <c r="D76" s="70"/>
      <c r="E76" s="70"/>
      <c r="F76" s="70"/>
      <c r="G76" s="70"/>
      <c r="H76" s="70"/>
      <c r="I76" s="70"/>
      <c r="J76" s="70"/>
      <c r="K76" s="70"/>
      <c r="L76" s="70"/>
    </row>
    <row r="77" spans="3:12" x14ac:dyDescent="0.2">
      <c r="C77" s="70"/>
      <c r="D77" s="70"/>
      <c r="E77" s="70"/>
      <c r="F77" s="70"/>
      <c r="G77" s="70"/>
      <c r="H77" s="70"/>
      <c r="I77" s="70"/>
      <c r="J77" s="70"/>
      <c r="K77" s="70"/>
      <c r="L77" s="70"/>
    </row>
    <row r="78" spans="3:12" x14ac:dyDescent="0.2">
      <c r="C78" s="70"/>
      <c r="D78" s="70"/>
      <c r="E78" s="70"/>
      <c r="F78" s="70"/>
      <c r="G78" s="70"/>
      <c r="H78" s="70"/>
      <c r="I78" s="70"/>
      <c r="J78" s="70"/>
      <c r="K78" s="70"/>
      <c r="L78" s="70"/>
    </row>
    <row r="79" spans="3:12" x14ac:dyDescent="0.2">
      <c r="C79" s="70"/>
      <c r="D79" s="70"/>
      <c r="E79" s="70"/>
      <c r="F79" s="70"/>
      <c r="G79" s="70"/>
      <c r="H79" s="70"/>
      <c r="I79" s="70"/>
      <c r="J79" s="70"/>
      <c r="K79" s="70"/>
      <c r="L79" s="70"/>
    </row>
    <row r="80" spans="3:12" x14ac:dyDescent="0.2">
      <c r="C80" s="70"/>
      <c r="D80" s="70"/>
      <c r="E80" s="70"/>
      <c r="F80" s="70"/>
      <c r="G80" s="70"/>
      <c r="H80" s="70"/>
      <c r="I80" s="70"/>
      <c r="J80" s="70"/>
      <c r="K80" s="70"/>
      <c r="L80" s="70"/>
    </row>
    <row r="81" spans="3:12" x14ac:dyDescent="0.2">
      <c r="C81" s="70"/>
      <c r="D81" s="70"/>
      <c r="E81" s="70"/>
      <c r="F81" s="70"/>
      <c r="G81" s="70"/>
      <c r="H81" s="70"/>
      <c r="I81" s="70"/>
      <c r="J81" s="70"/>
      <c r="K81" s="70"/>
      <c r="L81" s="70"/>
    </row>
    <row r="82" spans="3:12" x14ac:dyDescent="0.2">
      <c r="C82" s="70"/>
      <c r="D82" s="70"/>
      <c r="E82" s="70"/>
      <c r="F82" s="70"/>
      <c r="G82" s="70"/>
      <c r="H82" s="70"/>
      <c r="I82" s="70"/>
      <c r="J82" s="70"/>
      <c r="K82" s="70"/>
      <c r="L82" s="70"/>
    </row>
    <row r="83" spans="3:12" x14ac:dyDescent="0.2">
      <c r="C83" s="70"/>
      <c r="D83" s="70"/>
      <c r="E83" s="70"/>
      <c r="F83" s="70"/>
      <c r="G83" s="70"/>
      <c r="H83" s="70"/>
      <c r="I83" s="70"/>
      <c r="J83" s="70"/>
      <c r="K83" s="70"/>
      <c r="L83" s="70"/>
    </row>
    <row r="84" spans="3:12" x14ac:dyDescent="0.2">
      <c r="C84" s="70"/>
      <c r="D84" s="70"/>
      <c r="E84" s="70"/>
      <c r="F84" s="70"/>
      <c r="G84" s="70"/>
      <c r="H84" s="70"/>
      <c r="I84" s="70"/>
      <c r="J84" s="70"/>
      <c r="K84" s="70"/>
      <c r="L84" s="70"/>
    </row>
    <row r="85" spans="3:12" x14ac:dyDescent="0.2">
      <c r="C85" s="70"/>
      <c r="D85" s="70"/>
      <c r="E85" s="70"/>
      <c r="F85" s="70"/>
      <c r="G85" s="70"/>
      <c r="H85" s="70"/>
      <c r="I85" s="70"/>
      <c r="J85" s="70"/>
      <c r="K85" s="70"/>
      <c r="L85" s="70"/>
    </row>
    <row r="86" spans="3:12" x14ac:dyDescent="0.2">
      <c r="C86" s="70"/>
      <c r="D86" s="70"/>
      <c r="E86" s="70"/>
      <c r="F86" s="70"/>
      <c r="G86" s="70"/>
      <c r="H86" s="70"/>
      <c r="I86" s="70"/>
      <c r="J86" s="70"/>
      <c r="K86" s="70"/>
      <c r="L86" s="70"/>
    </row>
    <row r="87" spans="3:12" x14ac:dyDescent="0.2">
      <c r="C87" s="70"/>
      <c r="D87" s="70"/>
      <c r="E87" s="70"/>
      <c r="F87" s="70"/>
      <c r="G87" s="70"/>
      <c r="H87" s="70"/>
      <c r="I87" s="70"/>
      <c r="J87" s="70"/>
      <c r="K87" s="70"/>
      <c r="L87" s="70"/>
    </row>
    <row r="88" spans="3:12" x14ac:dyDescent="0.2">
      <c r="C88" s="70"/>
      <c r="D88" s="70"/>
      <c r="E88" s="70"/>
      <c r="F88" s="70"/>
      <c r="G88" s="70"/>
      <c r="H88" s="70"/>
      <c r="I88" s="70"/>
      <c r="J88" s="70"/>
      <c r="K88" s="70"/>
      <c r="L88" s="70"/>
    </row>
    <row r="89" spans="3:12" x14ac:dyDescent="0.2">
      <c r="C89" s="70"/>
      <c r="D89" s="70"/>
      <c r="E89" s="70"/>
      <c r="F89" s="70"/>
      <c r="G89" s="70"/>
      <c r="H89" s="70"/>
      <c r="I89" s="70"/>
      <c r="J89" s="70"/>
      <c r="K89" s="70"/>
      <c r="L89" s="70"/>
    </row>
    <row r="90" spans="3:12" x14ac:dyDescent="0.2">
      <c r="C90" s="70"/>
      <c r="D90" s="70"/>
      <c r="E90" s="70"/>
      <c r="F90" s="70"/>
      <c r="G90" s="70"/>
      <c r="H90" s="70"/>
      <c r="I90" s="70"/>
      <c r="J90" s="70"/>
      <c r="K90" s="70"/>
      <c r="L90" s="70"/>
    </row>
    <row r="91" spans="3:12" x14ac:dyDescent="0.2">
      <c r="C91" s="70"/>
      <c r="D91" s="70"/>
      <c r="E91" s="70"/>
      <c r="F91" s="70"/>
      <c r="G91" s="70"/>
      <c r="H91" s="70"/>
      <c r="I91" s="70"/>
      <c r="J91" s="70"/>
      <c r="K91" s="70"/>
      <c r="L91" s="70"/>
    </row>
    <row r="92" spans="3:12" x14ac:dyDescent="0.2">
      <c r="C92" s="70"/>
      <c r="D92" s="70"/>
      <c r="E92" s="70"/>
      <c r="F92" s="70"/>
      <c r="G92" s="70"/>
      <c r="H92" s="70"/>
      <c r="I92" s="70"/>
      <c r="J92" s="70"/>
      <c r="K92" s="70"/>
      <c r="L92" s="70"/>
    </row>
    <row r="93" spans="3:12" x14ac:dyDescent="0.2">
      <c r="C93" s="70"/>
      <c r="D93" s="70"/>
      <c r="E93" s="70"/>
      <c r="F93" s="70"/>
      <c r="G93" s="70"/>
      <c r="H93" s="70"/>
      <c r="I93" s="70"/>
      <c r="J93" s="70"/>
      <c r="K93" s="70"/>
      <c r="L93" s="70"/>
    </row>
    <row r="94" spans="3:12" x14ac:dyDescent="0.2">
      <c r="C94" s="70"/>
      <c r="D94" s="70"/>
      <c r="E94" s="70"/>
      <c r="F94" s="70"/>
      <c r="G94" s="70"/>
      <c r="H94" s="70"/>
      <c r="I94" s="70"/>
      <c r="J94" s="70"/>
      <c r="K94" s="70"/>
      <c r="L94" s="70"/>
    </row>
    <row r="95" spans="3:12" x14ac:dyDescent="0.2">
      <c r="C95" s="70"/>
      <c r="D95" s="70"/>
      <c r="E95" s="70"/>
      <c r="F95" s="70"/>
      <c r="G95" s="70"/>
      <c r="H95" s="70"/>
      <c r="I95" s="70"/>
      <c r="J95" s="70"/>
      <c r="K95" s="70"/>
      <c r="L95" s="70"/>
    </row>
    <row r="96" spans="3:12" x14ac:dyDescent="0.2">
      <c r="C96" s="70"/>
      <c r="D96" s="70"/>
      <c r="E96" s="70"/>
      <c r="F96" s="70"/>
      <c r="G96" s="70"/>
      <c r="H96" s="70"/>
      <c r="I96" s="70"/>
      <c r="J96" s="70"/>
      <c r="K96" s="70"/>
      <c r="L96" s="70"/>
    </row>
    <row r="97" spans="3:12" x14ac:dyDescent="0.2">
      <c r="C97" s="70"/>
      <c r="D97" s="70"/>
      <c r="E97" s="70"/>
      <c r="F97" s="70"/>
      <c r="G97" s="70"/>
      <c r="H97" s="70"/>
      <c r="I97" s="70"/>
      <c r="J97" s="70"/>
      <c r="K97" s="70"/>
      <c r="L97" s="70"/>
    </row>
    <row r="98" spans="3:12" x14ac:dyDescent="0.2">
      <c r="C98" s="70"/>
      <c r="D98" s="70"/>
      <c r="E98" s="70"/>
      <c r="F98" s="70"/>
      <c r="G98" s="70"/>
      <c r="H98" s="70"/>
      <c r="I98" s="70"/>
      <c r="J98" s="70"/>
      <c r="K98" s="70"/>
      <c r="L98" s="70"/>
    </row>
    <row r="99" spans="3:12" x14ac:dyDescent="0.2">
      <c r="C99" s="70"/>
      <c r="D99" s="70"/>
      <c r="E99" s="70"/>
      <c r="F99" s="70"/>
      <c r="G99" s="70"/>
      <c r="H99" s="70"/>
      <c r="I99" s="70"/>
      <c r="J99" s="70"/>
      <c r="K99" s="70"/>
      <c r="L99" s="70"/>
    </row>
    <row r="100" spans="3:12" x14ac:dyDescent="0.2">
      <c r="C100" s="70"/>
      <c r="D100" s="70"/>
      <c r="E100" s="70"/>
      <c r="F100" s="70"/>
      <c r="G100" s="70"/>
      <c r="H100" s="70"/>
      <c r="I100" s="70"/>
      <c r="J100" s="70"/>
      <c r="K100" s="70"/>
      <c r="L100" s="70"/>
    </row>
    <row r="101" spans="3:12" x14ac:dyDescent="0.2">
      <c r="C101" s="70"/>
      <c r="D101" s="70"/>
      <c r="E101" s="70"/>
      <c r="F101" s="70"/>
      <c r="G101" s="70"/>
      <c r="H101" s="70"/>
      <c r="I101" s="70"/>
      <c r="J101" s="70"/>
      <c r="K101" s="70"/>
      <c r="L101" s="70"/>
    </row>
    <row r="102" spans="3:12" x14ac:dyDescent="0.2">
      <c r="C102" s="70"/>
      <c r="D102" s="70"/>
      <c r="E102" s="70"/>
      <c r="F102" s="70"/>
      <c r="G102" s="70"/>
      <c r="H102" s="70"/>
      <c r="I102" s="70"/>
      <c r="J102" s="70"/>
      <c r="K102" s="70"/>
      <c r="L102" s="70"/>
    </row>
    <row r="103" spans="3:12" x14ac:dyDescent="0.2">
      <c r="C103" s="70"/>
      <c r="D103" s="70"/>
      <c r="E103" s="70"/>
      <c r="F103" s="70"/>
      <c r="G103" s="70"/>
      <c r="H103" s="70"/>
      <c r="I103" s="70"/>
      <c r="J103" s="70"/>
      <c r="K103" s="70"/>
      <c r="L103" s="70"/>
    </row>
    <row r="104" spans="3:12" x14ac:dyDescent="0.2">
      <c r="C104" s="70"/>
      <c r="D104" s="70"/>
      <c r="E104" s="70"/>
      <c r="F104" s="70"/>
      <c r="G104" s="70"/>
      <c r="H104" s="70"/>
      <c r="I104" s="70"/>
      <c r="J104" s="70"/>
      <c r="K104" s="70"/>
      <c r="L104" s="70"/>
    </row>
    <row r="105" spans="3:12" x14ac:dyDescent="0.2">
      <c r="C105" s="70"/>
      <c r="D105" s="70"/>
      <c r="E105" s="70"/>
      <c r="F105" s="70"/>
      <c r="G105" s="70"/>
      <c r="H105" s="70"/>
      <c r="I105" s="70"/>
      <c r="J105" s="70"/>
      <c r="K105" s="70"/>
      <c r="L105" s="70"/>
    </row>
    <row r="106" spans="3:12" x14ac:dyDescent="0.2">
      <c r="C106" s="70"/>
      <c r="D106" s="70"/>
      <c r="E106" s="70"/>
      <c r="F106" s="70"/>
      <c r="G106" s="70"/>
      <c r="H106" s="70"/>
      <c r="I106" s="70"/>
      <c r="J106" s="70"/>
      <c r="K106" s="70"/>
      <c r="L106" s="70"/>
    </row>
    <row r="107" spans="3:12" x14ac:dyDescent="0.2">
      <c r="C107" s="70"/>
      <c r="D107" s="70"/>
      <c r="E107" s="70"/>
      <c r="F107" s="70"/>
      <c r="G107" s="70"/>
      <c r="H107" s="70"/>
      <c r="I107" s="70"/>
      <c r="J107" s="70"/>
      <c r="K107" s="70"/>
      <c r="L107" s="70"/>
    </row>
    <row r="108" spans="3:12" x14ac:dyDescent="0.2">
      <c r="C108" s="70"/>
      <c r="D108" s="70"/>
      <c r="E108" s="70"/>
      <c r="F108" s="70"/>
      <c r="G108" s="70"/>
      <c r="H108" s="70"/>
      <c r="I108" s="70"/>
      <c r="J108" s="70"/>
      <c r="K108" s="70"/>
      <c r="L108" s="70"/>
    </row>
    <row r="109" spans="3:12" x14ac:dyDescent="0.2">
      <c r="C109" s="70"/>
      <c r="D109" s="70"/>
      <c r="E109" s="70"/>
      <c r="F109" s="70"/>
      <c r="G109" s="70"/>
      <c r="H109" s="70"/>
      <c r="I109" s="70"/>
      <c r="J109" s="70"/>
      <c r="K109" s="70"/>
      <c r="L109" s="70"/>
    </row>
    <row r="110" spans="3:12" x14ac:dyDescent="0.2">
      <c r="C110" s="70"/>
      <c r="D110" s="70"/>
      <c r="E110" s="70"/>
      <c r="F110" s="70"/>
      <c r="G110" s="70"/>
      <c r="H110" s="70"/>
      <c r="I110" s="70"/>
      <c r="J110" s="70"/>
      <c r="K110" s="70"/>
      <c r="L110" s="70"/>
    </row>
    <row r="111" spans="3:12" x14ac:dyDescent="0.2">
      <c r="C111" s="70"/>
      <c r="D111" s="70"/>
      <c r="E111" s="70"/>
      <c r="F111" s="70"/>
      <c r="G111" s="70"/>
      <c r="H111" s="70"/>
      <c r="I111" s="70"/>
      <c r="J111" s="70"/>
      <c r="K111" s="70"/>
      <c r="L111" s="70"/>
    </row>
    <row r="112" spans="3:12" x14ac:dyDescent="0.2">
      <c r="C112" s="70"/>
      <c r="D112" s="70"/>
      <c r="E112" s="70"/>
      <c r="F112" s="70"/>
      <c r="G112" s="70"/>
      <c r="H112" s="70"/>
      <c r="I112" s="70"/>
      <c r="J112" s="70"/>
      <c r="K112" s="70"/>
      <c r="L112" s="70"/>
    </row>
    <row r="113" spans="3:12" x14ac:dyDescent="0.2">
      <c r="C113" s="70"/>
      <c r="D113" s="70"/>
      <c r="E113" s="70"/>
      <c r="F113" s="70"/>
      <c r="G113" s="70"/>
      <c r="H113" s="70"/>
      <c r="I113" s="70"/>
      <c r="J113" s="70"/>
      <c r="K113" s="70"/>
      <c r="L113" s="70"/>
    </row>
    <row r="114" spans="3:12" x14ac:dyDescent="0.2">
      <c r="C114" s="70"/>
      <c r="D114" s="70"/>
      <c r="E114" s="70"/>
      <c r="F114" s="70"/>
      <c r="G114" s="70"/>
      <c r="H114" s="70"/>
      <c r="I114" s="70"/>
      <c r="J114" s="70"/>
      <c r="K114" s="70"/>
      <c r="L114" s="70"/>
    </row>
    <row r="115" spans="3:12" x14ac:dyDescent="0.2">
      <c r="C115" s="70"/>
      <c r="D115" s="70"/>
      <c r="E115" s="70"/>
      <c r="F115" s="70"/>
      <c r="G115" s="70"/>
      <c r="H115" s="70"/>
      <c r="I115" s="70"/>
      <c r="J115" s="70"/>
      <c r="K115" s="70"/>
      <c r="L115" s="70"/>
    </row>
    <row r="116" spans="3:12" x14ac:dyDescent="0.2">
      <c r="C116" s="70"/>
      <c r="D116" s="70"/>
      <c r="E116" s="70"/>
      <c r="F116" s="70"/>
      <c r="G116" s="70"/>
      <c r="H116" s="70"/>
      <c r="I116" s="70"/>
      <c r="J116" s="70"/>
      <c r="K116" s="70"/>
      <c r="L116" s="70"/>
    </row>
    <row r="117" spans="3:12" x14ac:dyDescent="0.2">
      <c r="C117" s="70"/>
      <c r="D117" s="70"/>
      <c r="E117" s="70"/>
      <c r="F117" s="70"/>
      <c r="G117" s="70"/>
      <c r="H117" s="70"/>
      <c r="I117" s="70"/>
      <c r="J117" s="70"/>
      <c r="K117" s="70"/>
      <c r="L117" s="70"/>
    </row>
    <row r="118" spans="3:12" x14ac:dyDescent="0.2">
      <c r="C118" s="70"/>
      <c r="D118" s="70"/>
      <c r="E118" s="70"/>
      <c r="F118" s="70"/>
      <c r="G118" s="70"/>
      <c r="H118" s="70"/>
      <c r="I118" s="70"/>
      <c r="J118" s="70"/>
      <c r="K118" s="70"/>
      <c r="L118" s="70"/>
    </row>
    <row r="119" spans="3:12" x14ac:dyDescent="0.2">
      <c r="C119" s="70"/>
      <c r="D119" s="70"/>
      <c r="E119" s="70"/>
      <c r="F119" s="70"/>
      <c r="G119" s="70"/>
      <c r="H119" s="70"/>
      <c r="I119" s="70"/>
      <c r="J119" s="70"/>
      <c r="K119" s="70"/>
      <c r="L119" s="70"/>
    </row>
    <row r="120" spans="3:12" x14ac:dyDescent="0.2">
      <c r="C120" s="70"/>
      <c r="D120" s="70"/>
      <c r="E120" s="70"/>
      <c r="F120" s="70"/>
      <c r="G120" s="70"/>
      <c r="H120" s="70"/>
      <c r="I120" s="70"/>
      <c r="J120" s="70"/>
      <c r="K120" s="70"/>
      <c r="L120" s="70"/>
    </row>
    <row r="121" spans="3:12" x14ac:dyDescent="0.2">
      <c r="C121" s="70"/>
      <c r="D121" s="70"/>
      <c r="E121" s="70"/>
      <c r="F121" s="70"/>
      <c r="G121" s="70"/>
      <c r="H121" s="70"/>
      <c r="I121" s="70"/>
      <c r="J121" s="70"/>
      <c r="K121" s="70"/>
      <c r="L121" s="70"/>
    </row>
    <row r="122" spans="3:12" x14ac:dyDescent="0.2">
      <c r="C122" s="70"/>
      <c r="D122" s="70"/>
      <c r="E122" s="70"/>
      <c r="F122" s="70"/>
      <c r="G122" s="70"/>
      <c r="H122" s="70"/>
      <c r="I122" s="70"/>
      <c r="J122" s="70"/>
      <c r="K122" s="70"/>
      <c r="L122" s="70"/>
    </row>
    <row r="123" spans="3:12" x14ac:dyDescent="0.2">
      <c r="C123" s="70"/>
      <c r="D123" s="70"/>
      <c r="E123" s="70"/>
      <c r="F123" s="70"/>
      <c r="G123" s="70"/>
      <c r="H123" s="70"/>
      <c r="I123" s="70"/>
      <c r="J123" s="70"/>
      <c r="K123" s="70"/>
      <c r="L123" s="70"/>
    </row>
    <row r="124" spans="3:12" x14ac:dyDescent="0.2">
      <c r="C124" s="70"/>
      <c r="D124" s="70"/>
      <c r="E124" s="70"/>
      <c r="F124" s="70"/>
      <c r="G124" s="70"/>
      <c r="H124" s="70"/>
      <c r="I124" s="70"/>
      <c r="J124" s="70"/>
      <c r="K124" s="70"/>
      <c r="L124" s="70"/>
    </row>
    <row r="125" spans="3:12" x14ac:dyDescent="0.2">
      <c r="C125" s="70"/>
      <c r="D125" s="70"/>
      <c r="E125" s="70"/>
      <c r="F125" s="70"/>
      <c r="G125" s="70"/>
      <c r="H125" s="70"/>
      <c r="I125" s="70"/>
      <c r="J125" s="70"/>
      <c r="K125" s="70"/>
      <c r="L125" s="70"/>
    </row>
    <row r="126" spans="3:12" x14ac:dyDescent="0.2">
      <c r="C126" s="70"/>
      <c r="D126" s="70"/>
      <c r="E126" s="70"/>
      <c r="F126" s="70"/>
      <c r="G126" s="70"/>
      <c r="H126" s="70"/>
      <c r="I126" s="70"/>
      <c r="J126" s="70"/>
      <c r="K126" s="70"/>
      <c r="L126" s="70"/>
    </row>
    <row r="127" spans="3:12" x14ac:dyDescent="0.2">
      <c r="C127" s="70"/>
      <c r="D127" s="70"/>
      <c r="E127" s="70"/>
      <c r="F127" s="70"/>
      <c r="G127" s="70"/>
      <c r="H127" s="70"/>
      <c r="I127" s="70"/>
      <c r="J127" s="70"/>
      <c r="K127" s="70"/>
      <c r="L127" s="70"/>
    </row>
    <row r="128" spans="3:12" x14ac:dyDescent="0.2">
      <c r="C128" s="70"/>
      <c r="D128" s="70"/>
      <c r="E128" s="70"/>
      <c r="F128" s="70"/>
      <c r="G128" s="70"/>
      <c r="H128" s="70"/>
      <c r="I128" s="70"/>
      <c r="J128" s="70"/>
      <c r="K128" s="70"/>
      <c r="L128" s="70"/>
    </row>
    <row r="129" spans="3:12" x14ac:dyDescent="0.2">
      <c r="C129" s="70"/>
      <c r="D129" s="70"/>
      <c r="E129" s="70"/>
      <c r="F129" s="70"/>
      <c r="G129" s="70"/>
      <c r="H129" s="70"/>
      <c r="I129" s="70"/>
      <c r="J129" s="70"/>
      <c r="K129" s="70"/>
      <c r="L129" s="70"/>
    </row>
    <row r="130" spans="3:12" x14ac:dyDescent="0.2">
      <c r="C130" s="70"/>
      <c r="D130" s="70"/>
      <c r="E130" s="70"/>
      <c r="F130" s="70"/>
      <c r="G130" s="70"/>
      <c r="H130" s="70"/>
      <c r="I130" s="70"/>
      <c r="J130" s="70"/>
      <c r="K130" s="70"/>
      <c r="L130" s="70"/>
    </row>
    <row r="131" spans="3:12" x14ac:dyDescent="0.2">
      <c r="C131" s="70"/>
      <c r="D131" s="70"/>
      <c r="E131" s="70"/>
      <c r="F131" s="70"/>
      <c r="G131" s="70"/>
      <c r="H131" s="70"/>
      <c r="I131" s="70"/>
      <c r="J131" s="70"/>
      <c r="K131" s="70"/>
      <c r="L131" s="70"/>
    </row>
    <row r="132" spans="3:12" x14ac:dyDescent="0.2">
      <c r="C132" s="70"/>
      <c r="D132" s="70"/>
      <c r="E132" s="70"/>
      <c r="F132" s="70"/>
      <c r="G132" s="70"/>
      <c r="H132" s="70"/>
      <c r="I132" s="70"/>
      <c r="J132" s="70"/>
      <c r="K132" s="70"/>
      <c r="L132" s="70"/>
    </row>
    <row r="133" spans="3:12" x14ac:dyDescent="0.2">
      <c r="C133" s="70"/>
      <c r="D133" s="70"/>
      <c r="E133" s="70"/>
      <c r="F133" s="70"/>
      <c r="G133" s="70"/>
      <c r="H133" s="70"/>
      <c r="I133" s="70"/>
      <c r="J133" s="70"/>
      <c r="K133" s="70"/>
      <c r="L133" s="70"/>
    </row>
    <row r="134" spans="3:12" x14ac:dyDescent="0.2">
      <c r="C134" s="70"/>
      <c r="D134" s="70"/>
      <c r="E134" s="70"/>
      <c r="F134" s="70"/>
      <c r="G134" s="70"/>
      <c r="H134" s="70"/>
      <c r="I134" s="70"/>
      <c r="J134" s="70"/>
      <c r="K134" s="70"/>
      <c r="L134" s="70"/>
    </row>
    <row r="135" spans="3:12" x14ac:dyDescent="0.2">
      <c r="C135" s="70"/>
      <c r="D135" s="70"/>
      <c r="E135" s="70"/>
      <c r="F135" s="70"/>
      <c r="G135" s="70"/>
      <c r="H135" s="70"/>
      <c r="I135" s="70"/>
      <c r="J135" s="70"/>
      <c r="K135" s="70"/>
      <c r="L135" s="70"/>
    </row>
    <row r="136" spans="3:12" x14ac:dyDescent="0.2">
      <c r="C136" s="70"/>
      <c r="D136" s="70"/>
      <c r="E136" s="70"/>
      <c r="F136" s="70"/>
      <c r="G136" s="70"/>
      <c r="H136" s="70"/>
      <c r="I136" s="70"/>
      <c r="J136" s="70"/>
      <c r="K136" s="70"/>
      <c r="L136" s="70"/>
    </row>
    <row r="137" spans="3:12" x14ac:dyDescent="0.2">
      <c r="C137" s="70"/>
      <c r="D137" s="70"/>
      <c r="E137" s="70"/>
      <c r="F137" s="70"/>
      <c r="G137" s="70"/>
      <c r="H137" s="70"/>
      <c r="I137" s="70"/>
      <c r="J137" s="70"/>
      <c r="K137" s="70"/>
      <c r="L137" s="70"/>
    </row>
    <row r="138" spans="3:12" x14ac:dyDescent="0.2">
      <c r="C138" s="70"/>
      <c r="D138" s="70"/>
      <c r="E138" s="70"/>
      <c r="F138" s="70"/>
      <c r="G138" s="70"/>
      <c r="H138" s="70"/>
      <c r="I138" s="70"/>
      <c r="J138" s="70"/>
      <c r="K138" s="70"/>
      <c r="L138" s="70"/>
    </row>
    <row r="139" spans="3:12" x14ac:dyDescent="0.2">
      <c r="C139" s="70"/>
      <c r="D139" s="70"/>
      <c r="E139" s="70"/>
      <c r="F139" s="70"/>
      <c r="G139" s="70"/>
      <c r="H139" s="70"/>
      <c r="I139" s="70"/>
      <c r="J139" s="70"/>
      <c r="K139" s="70"/>
      <c r="L139" s="70"/>
    </row>
    <row r="140" spans="3:12" x14ac:dyDescent="0.2">
      <c r="C140" s="70"/>
      <c r="D140" s="70"/>
      <c r="E140" s="70"/>
      <c r="F140" s="70"/>
      <c r="G140" s="70"/>
      <c r="H140" s="70"/>
      <c r="I140" s="70"/>
      <c r="J140" s="70"/>
      <c r="K140" s="70"/>
      <c r="L140" s="70"/>
    </row>
    <row r="141" spans="3:12" x14ac:dyDescent="0.2">
      <c r="C141" s="70"/>
      <c r="D141" s="70"/>
      <c r="E141" s="70"/>
      <c r="F141" s="70"/>
      <c r="G141" s="70"/>
      <c r="H141" s="70"/>
      <c r="I141" s="70"/>
      <c r="J141" s="70"/>
      <c r="K141" s="70"/>
      <c r="L141" s="70"/>
    </row>
    <row r="142" spans="3:12" x14ac:dyDescent="0.2">
      <c r="C142" s="70"/>
      <c r="D142" s="70"/>
      <c r="E142" s="70"/>
      <c r="F142" s="70"/>
      <c r="G142" s="70"/>
      <c r="H142" s="70"/>
      <c r="I142" s="70"/>
      <c r="J142" s="70"/>
      <c r="K142" s="70"/>
      <c r="L142" s="70"/>
    </row>
    <row r="143" spans="3:12" x14ac:dyDescent="0.2">
      <c r="C143" s="70"/>
      <c r="D143" s="70"/>
      <c r="E143" s="70"/>
      <c r="F143" s="70"/>
      <c r="G143" s="70"/>
      <c r="H143" s="70"/>
      <c r="I143" s="70"/>
      <c r="J143" s="70"/>
      <c r="K143" s="70"/>
      <c r="L143" s="70"/>
    </row>
    <row r="144" spans="3:12" x14ac:dyDescent="0.2">
      <c r="C144" s="70"/>
      <c r="D144" s="70"/>
      <c r="E144" s="70"/>
      <c r="F144" s="70"/>
      <c r="G144" s="70"/>
      <c r="H144" s="70"/>
      <c r="I144" s="70"/>
      <c r="J144" s="70"/>
      <c r="K144" s="70"/>
      <c r="L144" s="70"/>
    </row>
    <row r="145" spans="3:12" x14ac:dyDescent="0.2">
      <c r="C145" s="70"/>
      <c r="D145" s="70"/>
      <c r="E145" s="70"/>
      <c r="F145" s="70"/>
      <c r="G145" s="70"/>
      <c r="H145" s="70"/>
      <c r="I145" s="70"/>
      <c r="J145" s="70"/>
      <c r="K145" s="70"/>
      <c r="L145" s="70"/>
    </row>
    <row r="146" spans="3:12" x14ac:dyDescent="0.2">
      <c r="C146" s="70"/>
      <c r="D146" s="70"/>
      <c r="E146" s="70"/>
      <c r="F146" s="70"/>
      <c r="G146" s="70"/>
      <c r="H146" s="70"/>
      <c r="I146" s="70"/>
      <c r="J146" s="70"/>
      <c r="K146" s="70"/>
      <c r="L146" s="70"/>
    </row>
    <row r="147" spans="3:12" x14ac:dyDescent="0.2">
      <c r="C147" s="70"/>
      <c r="D147" s="70"/>
      <c r="E147" s="70"/>
      <c r="F147" s="70"/>
      <c r="G147" s="70"/>
      <c r="H147" s="70"/>
      <c r="I147" s="70"/>
      <c r="J147" s="70"/>
      <c r="K147" s="70"/>
      <c r="L147" s="70"/>
    </row>
    <row r="148" spans="3:12" x14ac:dyDescent="0.2">
      <c r="C148" s="70"/>
      <c r="D148" s="70"/>
      <c r="E148" s="70"/>
      <c r="F148" s="70"/>
      <c r="G148" s="70"/>
      <c r="H148" s="70"/>
      <c r="I148" s="70"/>
      <c r="J148" s="70"/>
      <c r="K148" s="70"/>
      <c r="L148" s="70"/>
    </row>
    <row r="149" spans="3:12" x14ac:dyDescent="0.2">
      <c r="C149" s="70"/>
      <c r="D149" s="70"/>
      <c r="E149" s="70"/>
      <c r="F149" s="70"/>
      <c r="G149" s="70"/>
      <c r="H149" s="70"/>
      <c r="I149" s="70"/>
      <c r="J149" s="70"/>
      <c r="K149" s="70"/>
      <c r="L149" s="70"/>
    </row>
    <row r="150" spans="3:12" x14ac:dyDescent="0.2">
      <c r="C150" s="70"/>
      <c r="D150" s="70"/>
      <c r="E150" s="70"/>
      <c r="F150" s="70"/>
      <c r="G150" s="70"/>
      <c r="H150" s="70"/>
      <c r="I150" s="70"/>
      <c r="J150" s="70"/>
      <c r="K150" s="70"/>
      <c r="L150" s="70"/>
    </row>
    <row r="151" spans="3:12" x14ac:dyDescent="0.2">
      <c r="C151" s="70"/>
      <c r="D151" s="70"/>
      <c r="E151" s="70"/>
      <c r="F151" s="70"/>
      <c r="G151" s="70"/>
      <c r="H151" s="70"/>
      <c r="I151" s="70"/>
      <c r="J151" s="70"/>
      <c r="K151" s="70"/>
      <c r="L151" s="70"/>
    </row>
    <row r="152" spans="3:12" x14ac:dyDescent="0.2">
      <c r="C152" s="70"/>
      <c r="D152" s="70"/>
      <c r="E152" s="70"/>
      <c r="F152" s="70"/>
      <c r="G152" s="70"/>
      <c r="H152" s="70"/>
      <c r="I152" s="70"/>
      <c r="J152" s="70"/>
      <c r="K152" s="70"/>
      <c r="L152" s="70"/>
    </row>
    <row r="153" spans="3:12" x14ac:dyDescent="0.2">
      <c r="C153" s="70"/>
      <c r="D153" s="70"/>
      <c r="E153" s="70"/>
      <c r="F153" s="70"/>
      <c r="G153" s="70"/>
      <c r="H153" s="70"/>
      <c r="I153" s="70"/>
      <c r="J153" s="70"/>
      <c r="K153" s="70"/>
      <c r="L153" s="70"/>
    </row>
    <row r="154" spans="3:12" x14ac:dyDescent="0.2">
      <c r="C154" s="70"/>
      <c r="D154" s="70"/>
      <c r="E154" s="70"/>
      <c r="F154" s="70"/>
      <c r="G154" s="70"/>
      <c r="H154" s="70"/>
      <c r="I154" s="70"/>
      <c r="J154" s="70"/>
      <c r="K154" s="70"/>
      <c r="L154" s="70"/>
    </row>
    <row r="155" spans="3:12" x14ac:dyDescent="0.2">
      <c r="C155" s="70"/>
      <c r="D155" s="70"/>
      <c r="E155" s="70"/>
      <c r="F155" s="70"/>
      <c r="G155" s="70"/>
      <c r="H155" s="70"/>
      <c r="I155" s="70"/>
      <c r="J155" s="70"/>
      <c r="K155" s="70"/>
      <c r="L155" s="70"/>
    </row>
    <row r="156" spans="3:12" x14ac:dyDescent="0.2">
      <c r="C156" s="70"/>
      <c r="D156" s="70"/>
      <c r="E156" s="70"/>
      <c r="F156" s="70"/>
      <c r="G156" s="70"/>
      <c r="H156" s="70"/>
      <c r="I156" s="70"/>
      <c r="J156" s="70"/>
      <c r="K156" s="70"/>
      <c r="L156" s="70"/>
    </row>
    <row r="157" spans="3:12" x14ac:dyDescent="0.2">
      <c r="C157" s="70"/>
      <c r="D157" s="70"/>
      <c r="E157" s="70"/>
      <c r="F157" s="70"/>
      <c r="G157" s="70"/>
      <c r="H157" s="70"/>
      <c r="I157" s="70"/>
      <c r="J157" s="70"/>
      <c r="K157" s="70"/>
      <c r="L157" s="70"/>
    </row>
    <row r="158" spans="3:12" x14ac:dyDescent="0.2">
      <c r="C158" s="70"/>
      <c r="D158" s="70"/>
      <c r="E158" s="70"/>
      <c r="F158" s="70"/>
      <c r="G158" s="70"/>
      <c r="H158" s="70"/>
      <c r="I158" s="70"/>
      <c r="J158" s="70"/>
      <c r="K158" s="70"/>
      <c r="L158" s="70"/>
    </row>
    <row r="159" spans="3:12" x14ac:dyDescent="0.2">
      <c r="C159" s="70"/>
      <c r="D159" s="70"/>
      <c r="E159" s="70"/>
      <c r="F159" s="70"/>
      <c r="G159" s="70"/>
      <c r="H159" s="70"/>
      <c r="I159" s="70"/>
      <c r="J159" s="70"/>
      <c r="K159" s="70"/>
      <c r="L159" s="70"/>
    </row>
    <row r="160" spans="3:12" x14ac:dyDescent="0.2">
      <c r="C160" s="70"/>
      <c r="D160" s="70"/>
      <c r="E160" s="70"/>
      <c r="F160" s="70"/>
      <c r="G160" s="70"/>
      <c r="H160" s="70"/>
      <c r="I160" s="70"/>
      <c r="J160" s="70"/>
      <c r="K160" s="70"/>
      <c r="L160" s="70"/>
    </row>
    <row r="161" spans="3:12" x14ac:dyDescent="0.2">
      <c r="C161" s="70"/>
      <c r="D161" s="70"/>
      <c r="E161" s="70"/>
      <c r="F161" s="70"/>
      <c r="G161" s="70"/>
      <c r="H161" s="70"/>
      <c r="I161" s="70"/>
      <c r="J161" s="70"/>
      <c r="K161" s="70"/>
      <c r="L161" s="70"/>
    </row>
    <row r="162" spans="3:12" x14ac:dyDescent="0.2">
      <c r="C162" s="70"/>
      <c r="D162" s="70"/>
      <c r="E162" s="70"/>
      <c r="F162" s="70"/>
      <c r="G162" s="70"/>
      <c r="H162" s="70"/>
      <c r="I162" s="70"/>
      <c r="J162" s="70"/>
      <c r="K162" s="70"/>
      <c r="L162" s="70"/>
    </row>
    <row r="163" spans="3:12" x14ac:dyDescent="0.2">
      <c r="C163" s="70"/>
      <c r="D163" s="70"/>
      <c r="E163" s="70"/>
      <c r="F163" s="70"/>
      <c r="G163" s="70"/>
      <c r="H163" s="70"/>
      <c r="I163" s="70"/>
      <c r="J163" s="70"/>
      <c r="K163" s="70"/>
      <c r="L163" s="70"/>
    </row>
    <row r="164" spans="3:12" x14ac:dyDescent="0.2">
      <c r="C164" s="70"/>
      <c r="D164" s="70"/>
      <c r="E164" s="70"/>
      <c r="F164" s="70"/>
      <c r="G164" s="70"/>
      <c r="H164" s="70"/>
      <c r="I164" s="70"/>
      <c r="J164" s="70"/>
      <c r="K164" s="70"/>
      <c r="L164" s="70"/>
    </row>
    <row r="165" spans="3:12" x14ac:dyDescent="0.2">
      <c r="C165" s="70"/>
      <c r="D165" s="70"/>
      <c r="E165" s="70"/>
      <c r="F165" s="70"/>
      <c r="G165" s="70"/>
      <c r="H165" s="70"/>
      <c r="I165" s="70"/>
      <c r="J165" s="70"/>
      <c r="K165" s="70"/>
      <c r="L165" s="70"/>
    </row>
    <row r="166" spans="3:12" x14ac:dyDescent="0.2">
      <c r="C166" s="70"/>
      <c r="D166" s="70"/>
      <c r="E166" s="70"/>
      <c r="F166" s="70"/>
      <c r="G166" s="70"/>
      <c r="H166" s="70"/>
      <c r="I166" s="70"/>
      <c r="J166" s="70"/>
      <c r="K166" s="70"/>
      <c r="L166" s="70"/>
    </row>
    <row r="167" spans="3:12" x14ac:dyDescent="0.2">
      <c r="C167" s="70"/>
      <c r="D167" s="70"/>
      <c r="E167" s="70"/>
      <c r="F167" s="70"/>
      <c r="G167" s="70"/>
      <c r="H167" s="70"/>
      <c r="I167" s="70"/>
      <c r="J167" s="70"/>
      <c r="K167" s="70"/>
      <c r="L167" s="70"/>
    </row>
    <row r="168" spans="3:12" x14ac:dyDescent="0.2">
      <c r="C168" s="70"/>
      <c r="D168" s="70"/>
      <c r="E168" s="70"/>
      <c r="F168" s="70"/>
      <c r="G168" s="70"/>
      <c r="H168" s="70"/>
      <c r="I168" s="70"/>
      <c r="J168" s="70"/>
      <c r="K168" s="70"/>
      <c r="L168" s="70"/>
    </row>
    <row r="169" spans="3:12" x14ac:dyDescent="0.2">
      <c r="C169" s="70"/>
      <c r="D169" s="70"/>
      <c r="E169" s="70"/>
      <c r="F169" s="70"/>
      <c r="G169" s="70"/>
      <c r="H169" s="70"/>
      <c r="I169" s="70"/>
      <c r="J169" s="70"/>
      <c r="K169" s="70"/>
      <c r="L169" s="70"/>
    </row>
    <row r="170" spans="3:12" x14ac:dyDescent="0.2">
      <c r="C170" s="70"/>
      <c r="D170" s="70"/>
      <c r="E170" s="70"/>
      <c r="F170" s="70"/>
      <c r="G170" s="70"/>
      <c r="H170" s="70"/>
      <c r="I170" s="70"/>
      <c r="J170" s="70"/>
      <c r="K170" s="70"/>
      <c r="L170" s="70"/>
    </row>
    <row r="171" spans="3:12" x14ac:dyDescent="0.2">
      <c r="C171" s="70"/>
      <c r="D171" s="70"/>
      <c r="E171" s="70"/>
      <c r="F171" s="70"/>
      <c r="G171" s="70"/>
      <c r="H171" s="70"/>
      <c r="I171" s="70"/>
      <c r="J171" s="70"/>
      <c r="K171" s="70"/>
      <c r="L171" s="70"/>
    </row>
    <row r="172" spans="3:12" x14ac:dyDescent="0.2">
      <c r="C172" s="70"/>
      <c r="D172" s="70"/>
      <c r="E172" s="70"/>
      <c r="F172" s="70"/>
      <c r="G172" s="70"/>
      <c r="H172" s="70"/>
      <c r="I172" s="70"/>
      <c r="J172" s="70"/>
      <c r="K172" s="70"/>
      <c r="L172" s="70"/>
    </row>
    <row r="173" spans="3:12" x14ac:dyDescent="0.2">
      <c r="C173" s="70"/>
      <c r="D173" s="70"/>
      <c r="E173" s="70"/>
      <c r="F173" s="70"/>
      <c r="G173" s="70"/>
      <c r="H173" s="70"/>
      <c r="I173" s="70"/>
      <c r="J173" s="70"/>
      <c r="K173" s="70"/>
      <c r="L173" s="70"/>
    </row>
    <row r="174" spans="3:12" x14ac:dyDescent="0.2">
      <c r="C174" s="70"/>
      <c r="D174" s="70"/>
      <c r="E174" s="70"/>
      <c r="F174" s="70"/>
      <c r="G174" s="70"/>
      <c r="H174" s="70"/>
      <c r="I174" s="70"/>
      <c r="J174" s="70"/>
      <c r="K174" s="70"/>
      <c r="L174" s="70"/>
    </row>
    <row r="175" spans="3:12" x14ac:dyDescent="0.2">
      <c r="C175" s="70"/>
      <c r="D175" s="70"/>
      <c r="E175" s="70"/>
      <c r="F175" s="70"/>
      <c r="G175" s="70"/>
      <c r="H175" s="70"/>
      <c r="I175" s="70"/>
      <c r="J175" s="70"/>
      <c r="K175" s="70"/>
      <c r="L175" s="70"/>
    </row>
    <row r="176" spans="3:12" x14ac:dyDescent="0.2">
      <c r="C176" s="70"/>
      <c r="D176" s="70"/>
      <c r="E176" s="70"/>
      <c r="F176" s="70"/>
      <c r="G176" s="70"/>
      <c r="H176" s="70"/>
      <c r="I176" s="70"/>
      <c r="J176" s="70"/>
      <c r="K176" s="70"/>
      <c r="L176" s="70"/>
    </row>
    <row r="177" spans="3:12" x14ac:dyDescent="0.2">
      <c r="C177" s="70"/>
      <c r="D177" s="70"/>
      <c r="E177" s="70"/>
      <c r="F177" s="70"/>
      <c r="G177" s="70"/>
      <c r="H177" s="70"/>
      <c r="I177" s="70"/>
      <c r="J177" s="70"/>
      <c r="K177" s="70"/>
      <c r="L177" s="70"/>
    </row>
    <row r="178" spans="3:12" x14ac:dyDescent="0.2">
      <c r="C178" s="70"/>
      <c r="D178" s="70"/>
      <c r="E178" s="70"/>
      <c r="F178" s="70"/>
      <c r="G178" s="70"/>
      <c r="H178" s="70"/>
      <c r="I178" s="70"/>
      <c r="J178" s="70"/>
      <c r="K178" s="70"/>
      <c r="L178" s="70"/>
    </row>
    <row r="179" spans="3:12" x14ac:dyDescent="0.2">
      <c r="C179" s="70"/>
      <c r="D179" s="70"/>
      <c r="E179" s="70"/>
      <c r="F179" s="70"/>
      <c r="G179" s="70"/>
      <c r="H179" s="70"/>
      <c r="I179" s="70"/>
      <c r="J179" s="70"/>
      <c r="K179" s="70"/>
      <c r="L179" s="70"/>
    </row>
    <row r="180" spans="3:12" x14ac:dyDescent="0.2">
      <c r="C180" s="70"/>
      <c r="D180" s="70"/>
      <c r="E180" s="70"/>
      <c r="F180" s="70"/>
      <c r="G180" s="70"/>
      <c r="H180" s="70"/>
      <c r="I180" s="70"/>
      <c r="J180" s="70"/>
      <c r="K180" s="70"/>
      <c r="L180" s="70"/>
    </row>
    <row r="181" spans="3:12" x14ac:dyDescent="0.2">
      <c r="C181" s="70"/>
      <c r="D181" s="70"/>
      <c r="E181" s="70"/>
      <c r="F181" s="70"/>
      <c r="G181" s="70"/>
      <c r="H181" s="70"/>
      <c r="I181" s="70"/>
      <c r="J181" s="70"/>
      <c r="K181" s="70"/>
      <c r="L181" s="70"/>
    </row>
    <row r="182" spans="3:12" x14ac:dyDescent="0.2">
      <c r="C182" s="70"/>
      <c r="D182" s="70"/>
      <c r="E182" s="70"/>
      <c r="F182" s="70"/>
      <c r="G182" s="70"/>
      <c r="H182" s="70"/>
      <c r="I182" s="70"/>
      <c r="J182" s="70"/>
      <c r="K182" s="70"/>
      <c r="L182" s="70"/>
    </row>
    <row r="183" spans="3:12" x14ac:dyDescent="0.2">
      <c r="C183" s="70"/>
      <c r="D183" s="70"/>
      <c r="E183" s="70"/>
      <c r="F183" s="70"/>
      <c r="G183" s="70"/>
      <c r="H183" s="70"/>
      <c r="I183" s="70"/>
      <c r="J183" s="70"/>
      <c r="K183" s="70"/>
      <c r="L183" s="70"/>
    </row>
    <row r="184" spans="3:12" x14ac:dyDescent="0.2">
      <c r="C184" s="70"/>
      <c r="D184" s="70"/>
      <c r="E184" s="70"/>
      <c r="F184" s="70"/>
      <c r="G184" s="70"/>
      <c r="H184" s="70"/>
      <c r="I184" s="70"/>
      <c r="J184" s="70"/>
      <c r="K184" s="70"/>
      <c r="L184" s="70"/>
    </row>
    <row r="185" spans="3:12" x14ac:dyDescent="0.2">
      <c r="C185" s="70"/>
      <c r="D185" s="70"/>
      <c r="E185" s="70"/>
      <c r="F185" s="70"/>
      <c r="G185" s="70"/>
      <c r="H185" s="70"/>
      <c r="I185" s="70"/>
      <c r="J185" s="70"/>
      <c r="K185" s="70"/>
      <c r="L185" s="70"/>
    </row>
    <row r="186" spans="3:12" x14ac:dyDescent="0.2">
      <c r="C186" s="70"/>
      <c r="D186" s="70"/>
      <c r="E186" s="70"/>
      <c r="F186" s="70"/>
      <c r="G186" s="70"/>
      <c r="H186" s="70"/>
      <c r="I186" s="70"/>
      <c r="J186" s="70"/>
      <c r="K186" s="70"/>
      <c r="L186" s="70"/>
    </row>
    <row r="187" spans="3:12" x14ac:dyDescent="0.2">
      <c r="C187" s="70"/>
      <c r="D187" s="70"/>
      <c r="E187" s="70"/>
      <c r="F187" s="70"/>
      <c r="G187" s="70"/>
      <c r="H187" s="70"/>
      <c r="I187" s="70"/>
      <c r="J187" s="70"/>
      <c r="K187" s="70"/>
      <c r="L187" s="70"/>
    </row>
    <row r="188" spans="3:12" x14ac:dyDescent="0.2">
      <c r="C188" s="70"/>
      <c r="D188" s="70"/>
      <c r="E188" s="70"/>
      <c r="F188" s="70"/>
      <c r="G188" s="70"/>
      <c r="H188" s="70"/>
      <c r="I188" s="70"/>
      <c r="J188" s="70"/>
      <c r="K188" s="70"/>
      <c r="L188" s="70"/>
    </row>
    <row r="189" spans="3:12" x14ac:dyDescent="0.2">
      <c r="C189" s="70"/>
      <c r="D189" s="70"/>
      <c r="E189" s="70"/>
      <c r="F189" s="70"/>
      <c r="G189" s="70"/>
      <c r="H189" s="70"/>
      <c r="I189" s="70"/>
      <c r="J189" s="70"/>
      <c r="K189" s="70"/>
      <c r="L189" s="70"/>
    </row>
    <row r="190" spans="3:12" x14ac:dyDescent="0.2">
      <c r="C190" s="70"/>
      <c r="D190" s="70"/>
      <c r="E190" s="70"/>
      <c r="F190" s="70"/>
      <c r="G190" s="70"/>
      <c r="H190" s="70"/>
      <c r="I190" s="70"/>
      <c r="J190" s="70"/>
      <c r="K190" s="70"/>
      <c r="L190" s="70"/>
    </row>
    <row r="191" spans="3:12" x14ac:dyDescent="0.2">
      <c r="C191" s="70"/>
      <c r="D191" s="70"/>
      <c r="E191" s="70"/>
      <c r="F191" s="70"/>
      <c r="G191" s="70"/>
      <c r="H191" s="70"/>
      <c r="I191" s="70"/>
      <c r="J191" s="70"/>
      <c r="K191" s="70"/>
      <c r="L191" s="70"/>
    </row>
    <row r="192" spans="3:12" x14ac:dyDescent="0.2">
      <c r="C192" s="70"/>
      <c r="D192" s="70"/>
      <c r="E192" s="70"/>
      <c r="F192" s="70"/>
      <c r="G192" s="70"/>
      <c r="H192" s="70"/>
      <c r="I192" s="70"/>
      <c r="J192" s="70"/>
      <c r="K192" s="70"/>
      <c r="L192" s="70"/>
    </row>
    <row r="193" spans="3:12" x14ac:dyDescent="0.2">
      <c r="C193" s="70"/>
      <c r="D193" s="70"/>
      <c r="E193" s="70"/>
      <c r="F193" s="70"/>
      <c r="G193" s="70"/>
      <c r="H193" s="70"/>
      <c r="I193" s="70"/>
      <c r="J193" s="70"/>
      <c r="K193" s="70"/>
      <c r="L193" s="70"/>
    </row>
    <row r="194" spans="3:12" x14ac:dyDescent="0.2">
      <c r="C194" s="70"/>
      <c r="D194" s="70"/>
      <c r="E194" s="70"/>
      <c r="F194" s="70"/>
      <c r="G194" s="70"/>
      <c r="H194" s="70"/>
      <c r="I194" s="70"/>
      <c r="J194" s="70"/>
      <c r="K194" s="70"/>
      <c r="L194" s="70"/>
    </row>
    <row r="195" spans="3:12" x14ac:dyDescent="0.2">
      <c r="C195" s="70"/>
      <c r="D195" s="70"/>
      <c r="E195" s="70"/>
      <c r="F195" s="70"/>
      <c r="G195" s="70"/>
      <c r="H195" s="70"/>
      <c r="I195" s="70"/>
      <c r="J195" s="70"/>
      <c r="K195" s="70"/>
      <c r="L195" s="70"/>
    </row>
    <row r="196" spans="3:12" x14ac:dyDescent="0.2">
      <c r="C196" s="70"/>
      <c r="D196" s="70"/>
      <c r="E196" s="70"/>
      <c r="F196" s="70"/>
      <c r="G196" s="70"/>
      <c r="H196" s="70"/>
      <c r="I196" s="70"/>
      <c r="J196" s="70"/>
      <c r="K196" s="70"/>
      <c r="L196" s="70"/>
    </row>
    <row r="197" spans="3:12" x14ac:dyDescent="0.2">
      <c r="C197" s="70"/>
      <c r="D197" s="70"/>
      <c r="E197" s="70"/>
      <c r="F197" s="70"/>
      <c r="G197" s="70"/>
      <c r="H197" s="70"/>
      <c r="I197" s="70"/>
      <c r="J197" s="70"/>
      <c r="K197" s="70"/>
      <c r="L197" s="70"/>
    </row>
    <row r="198" spans="3:12" x14ac:dyDescent="0.2">
      <c r="C198" s="70"/>
      <c r="D198" s="70"/>
      <c r="E198" s="70"/>
      <c r="F198" s="70"/>
      <c r="G198" s="70"/>
      <c r="H198" s="70"/>
      <c r="I198" s="70"/>
      <c r="J198" s="70"/>
      <c r="K198" s="70"/>
      <c r="L198" s="70"/>
    </row>
    <row r="199" spans="3:12" x14ac:dyDescent="0.2">
      <c r="C199" s="70"/>
      <c r="D199" s="70"/>
      <c r="E199" s="70"/>
      <c r="F199" s="70"/>
      <c r="G199" s="70"/>
      <c r="H199" s="70"/>
      <c r="I199" s="70"/>
      <c r="J199" s="70"/>
      <c r="K199" s="70"/>
      <c r="L199" s="70"/>
    </row>
    <row r="200" spans="3:12" x14ac:dyDescent="0.2">
      <c r="C200" s="70"/>
      <c r="D200" s="70"/>
      <c r="E200" s="70"/>
      <c r="F200" s="70"/>
      <c r="G200" s="70"/>
      <c r="H200" s="70"/>
      <c r="I200" s="70"/>
      <c r="J200" s="70"/>
      <c r="K200" s="70"/>
      <c r="L200" s="70"/>
    </row>
    <row r="201" spans="3:12" x14ac:dyDescent="0.2">
      <c r="C201" s="70"/>
      <c r="D201" s="70"/>
      <c r="E201" s="70"/>
      <c r="F201" s="70"/>
      <c r="G201" s="70"/>
      <c r="H201" s="70"/>
      <c r="I201" s="70"/>
      <c r="J201" s="70"/>
      <c r="K201" s="70"/>
      <c r="L201" s="70"/>
    </row>
    <row r="202" spans="3:12" x14ac:dyDescent="0.2">
      <c r="C202" s="70"/>
      <c r="D202" s="70"/>
      <c r="E202" s="70"/>
      <c r="F202" s="70"/>
      <c r="G202" s="70"/>
      <c r="H202" s="70"/>
      <c r="I202" s="70"/>
      <c r="J202" s="70"/>
      <c r="K202" s="70"/>
      <c r="L202" s="70"/>
    </row>
    <row r="203" spans="3:12" x14ac:dyDescent="0.2">
      <c r="C203" s="70"/>
      <c r="D203" s="70"/>
      <c r="E203" s="70"/>
      <c r="F203" s="70"/>
      <c r="G203" s="70"/>
      <c r="H203" s="70"/>
      <c r="I203" s="70"/>
      <c r="J203" s="70"/>
      <c r="K203" s="70"/>
      <c r="L203" s="70"/>
    </row>
    <row r="204" spans="3:12" x14ac:dyDescent="0.2">
      <c r="C204" s="70"/>
      <c r="D204" s="70"/>
      <c r="E204" s="70"/>
      <c r="F204" s="70"/>
      <c r="G204" s="70"/>
      <c r="H204" s="70"/>
      <c r="I204" s="70"/>
      <c r="J204" s="70"/>
      <c r="K204" s="70"/>
      <c r="L204" s="70"/>
    </row>
    <row r="205" spans="3:12" x14ac:dyDescent="0.2">
      <c r="C205" s="70"/>
      <c r="D205" s="70"/>
      <c r="E205" s="70"/>
      <c r="F205" s="70"/>
      <c r="G205" s="70"/>
      <c r="H205" s="70"/>
      <c r="I205" s="70"/>
      <c r="J205" s="70"/>
      <c r="K205" s="70"/>
      <c r="L205" s="70"/>
    </row>
    <row r="206" spans="3:12" x14ac:dyDescent="0.2">
      <c r="C206" s="70"/>
      <c r="D206" s="70"/>
      <c r="E206" s="70"/>
      <c r="F206" s="70"/>
      <c r="G206" s="70"/>
      <c r="H206" s="70"/>
      <c r="I206" s="70"/>
      <c r="J206" s="70"/>
      <c r="K206" s="70"/>
      <c r="L206" s="70"/>
    </row>
    <row r="207" spans="3:12" x14ac:dyDescent="0.2">
      <c r="C207" s="70"/>
      <c r="D207" s="70"/>
      <c r="E207" s="70"/>
      <c r="F207" s="70"/>
      <c r="G207" s="70"/>
      <c r="H207" s="70"/>
      <c r="I207" s="70"/>
      <c r="J207" s="70"/>
      <c r="K207" s="70"/>
      <c r="L207" s="70"/>
    </row>
    <row r="208" spans="3:12" x14ac:dyDescent="0.2">
      <c r="C208" s="70"/>
      <c r="D208" s="70"/>
      <c r="E208" s="70"/>
      <c r="F208" s="70"/>
      <c r="G208" s="70"/>
      <c r="H208" s="70"/>
      <c r="I208" s="70"/>
      <c r="J208" s="70"/>
      <c r="K208" s="70"/>
      <c r="L208" s="70"/>
    </row>
    <row r="209" spans="3:12" x14ac:dyDescent="0.2">
      <c r="C209" s="70"/>
      <c r="D209" s="70"/>
      <c r="E209" s="70"/>
      <c r="F209" s="70"/>
      <c r="G209" s="70"/>
      <c r="H209" s="70"/>
      <c r="I209" s="70"/>
      <c r="J209" s="70"/>
      <c r="K209" s="70"/>
      <c r="L209" s="70"/>
    </row>
    <row r="210" spans="3:12" x14ac:dyDescent="0.2">
      <c r="C210" s="70"/>
      <c r="D210" s="70"/>
      <c r="E210" s="70"/>
      <c r="F210" s="70"/>
      <c r="G210" s="70"/>
      <c r="H210" s="70"/>
      <c r="I210" s="70"/>
      <c r="J210" s="70"/>
      <c r="K210" s="70"/>
      <c r="L210" s="70"/>
    </row>
    <row r="211" spans="3:12" x14ac:dyDescent="0.2">
      <c r="C211" s="70"/>
      <c r="D211" s="70"/>
      <c r="E211" s="70"/>
      <c r="F211" s="70"/>
      <c r="G211" s="70"/>
      <c r="H211" s="70"/>
      <c r="I211" s="70"/>
      <c r="J211" s="70"/>
      <c r="K211" s="70"/>
      <c r="L211" s="70"/>
    </row>
    <row r="212" spans="3:12" x14ac:dyDescent="0.2">
      <c r="C212" s="70"/>
      <c r="D212" s="70"/>
      <c r="E212" s="70"/>
      <c r="F212" s="70"/>
      <c r="G212" s="70"/>
      <c r="H212" s="70"/>
      <c r="I212" s="70"/>
      <c r="J212" s="70"/>
      <c r="K212" s="70"/>
      <c r="L212" s="70"/>
    </row>
    <row r="213" spans="3:12" x14ac:dyDescent="0.2">
      <c r="C213" s="70"/>
      <c r="D213" s="70"/>
      <c r="E213" s="70"/>
      <c r="F213" s="70"/>
      <c r="G213" s="70"/>
      <c r="H213" s="70"/>
      <c r="I213" s="70"/>
      <c r="J213" s="70"/>
      <c r="K213" s="70"/>
      <c r="L213" s="70"/>
    </row>
    <row r="214" spans="3:12" x14ac:dyDescent="0.2">
      <c r="C214" s="70"/>
      <c r="D214" s="70"/>
      <c r="E214" s="70"/>
      <c r="F214" s="70"/>
      <c r="G214" s="70"/>
      <c r="H214" s="70"/>
      <c r="I214" s="70"/>
      <c r="J214" s="70"/>
      <c r="K214" s="70"/>
      <c r="L214" s="70"/>
    </row>
    <row r="215" spans="3:12" x14ac:dyDescent="0.2">
      <c r="C215" s="70"/>
      <c r="D215" s="70"/>
      <c r="E215" s="70"/>
      <c r="F215" s="70"/>
      <c r="G215" s="70"/>
      <c r="H215" s="70"/>
      <c r="I215" s="70"/>
      <c r="J215" s="70"/>
      <c r="K215" s="70"/>
      <c r="L215" s="70"/>
    </row>
    <row r="216" spans="3:12" x14ac:dyDescent="0.2">
      <c r="C216" s="70"/>
      <c r="D216" s="70"/>
      <c r="E216" s="70"/>
      <c r="F216" s="70"/>
      <c r="G216" s="70"/>
      <c r="H216" s="70"/>
      <c r="I216" s="70"/>
      <c r="J216" s="70"/>
      <c r="K216" s="70"/>
      <c r="L216" s="70"/>
    </row>
    <row r="217" spans="3:12" x14ac:dyDescent="0.2">
      <c r="C217" s="70"/>
      <c r="D217" s="70"/>
      <c r="E217" s="70"/>
      <c r="F217" s="70"/>
      <c r="G217" s="70"/>
      <c r="H217" s="70"/>
      <c r="I217" s="70"/>
      <c r="J217" s="70"/>
      <c r="K217" s="70"/>
      <c r="L217" s="70"/>
    </row>
    <row r="218" spans="3:12" x14ac:dyDescent="0.2">
      <c r="C218" s="70"/>
      <c r="D218" s="70"/>
      <c r="E218" s="70"/>
      <c r="F218" s="70"/>
      <c r="G218" s="70"/>
      <c r="H218" s="70"/>
      <c r="I218" s="70"/>
      <c r="J218" s="70"/>
      <c r="K218" s="70"/>
      <c r="L218" s="70"/>
    </row>
  </sheetData>
  <mergeCells count="18">
    <mergeCell ref="H1:I1"/>
    <mergeCell ref="W3:AF3"/>
    <mergeCell ref="AG3:AP3"/>
    <mergeCell ref="M4:O4"/>
    <mergeCell ref="P4:U4"/>
    <mergeCell ref="V4:V5"/>
    <mergeCell ref="W4:Y4"/>
    <mergeCell ref="Z4:AE4"/>
    <mergeCell ref="AF4:AF5"/>
    <mergeCell ref="AG4:AI4"/>
    <mergeCell ref="AJ4:AO4"/>
    <mergeCell ref="AP4:AP5"/>
    <mergeCell ref="B3:B4"/>
    <mergeCell ref="C3:L3"/>
    <mergeCell ref="M3:V3"/>
    <mergeCell ref="C4:E4"/>
    <mergeCell ref="F4:K4"/>
    <mergeCell ref="L4:L5"/>
  </mergeCells>
  <phoneticPr fontId="4"/>
  <pageMargins left="0.78740157480314965" right="0.31496062992125984" top="0.27559055118110237" bottom="0.39370078740157483" header="0.19685039370078741" footer="0.19685039370078741"/>
  <pageSetup paperSize="9" scale="45" orientation="landscape" r:id="rId1"/>
  <headerFooter alignWithMargins="0">
    <oddFooter>&amp;L&amp;20&amp;A&amp;C&amp;P/&amp;N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AQ218"/>
  <sheetViews>
    <sheetView zoomScaleNormal="100" zoomScaleSheetLayoutView="55" workbookViewId="0">
      <pane xSplit="2" ySplit="6" topLeftCell="C7" activePane="bottomRight" state="frozen"/>
      <selection activeCell="F37" sqref="F37"/>
      <selection pane="topRight" activeCell="F37" sqref="F37"/>
      <selection pane="bottomLeft" activeCell="F37" sqref="F3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3" width="8.88671875" style="71" customWidth="1"/>
    <col min="4" max="4" width="8.109375" style="71" customWidth="1"/>
    <col min="5" max="5" width="10.109375" style="71" bestFit="1" customWidth="1"/>
    <col min="6" max="6" width="9.6640625" style="71" bestFit="1" customWidth="1"/>
    <col min="7" max="7" width="9.109375" style="71" bestFit="1" customWidth="1"/>
    <col min="8" max="11" width="9" style="71"/>
    <col min="12" max="12" width="9.6640625" style="71" customWidth="1"/>
    <col min="13" max="22" width="8.77734375" style="71" customWidth="1"/>
    <col min="23" max="42" width="9.6640625" style="71" customWidth="1"/>
    <col min="43" max="16384" width="9" style="71"/>
  </cols>
  <sheetData>
    <row r="1" spans="2:43" ht="24" customHeight="1" x14ac:dyDescent="0.2">
      <c r="B1" s="10" t="s">
        <v>56</v>
      </c>
      <c r="F1" s="63">
        <f>第１表!F2</f>
        <v>7</v>
      </c>
      <c r="G1" s="16">
        <f>第１表!G2</f>
        <v>3</v>
      </c>
      <c r="H1" s="530">
        <f>IF(G1&lt;3,G1-2+12,G1-2)</f>
        <v>1</v>
      </c>
      <c r="I1" s="530"/>
    </row>
    <row r="2" spans="2:43" ht="24" customHeight="1" thickBot="1" x14ac:dyDescent="0.25">
      <c r="B2" s="10" t="s">
        <v>155</v>
      </c>
      <c r="F2" s="10" t="s">
        <v>136</v>
      </c>
    </row>
    <row r="3" spans="2:43" ht="21" customHeight="1" x14ac:dyDescent="0.2">
      <c r="B3" s="504"/>
      <c r="C3" s="507" t="s">
        <v>57</v>
      </c>
      <c r="D3" s="508"/>
      <c r="E3" s="508"/>
      <c r="F3" s="508"/>
      <c r="G3" s="508"/>
      <c r="H3" s="508"/>
      <c r="I3" s="508"/>
      <c r="J3" s="508"/>
      <c r="K3" s="508"/>
      <c r="L3" s="508"/>
      <c r="M3" s="507" t="s">
        <v>58</v>
      </c>
      <c r="N3" s="510"/>
      <c r="O3" s="510"/>
      <c r="P3" s="510"/>
      <c r="Q3" s="510"/>
      <c r="R3" s="510"/>
      <c r="S3" s="510"/>
      <c r="T3" s="510"/>
      <c r="U3" s="510"/>
      <c r="V3" s="510"/>
      <c r="W3" s="507" t="s">
        <v>59</v>
      </c>
      <c r="X3" s="508"/>
      <c r="Y3" s="508"/>
      <c r="Z3" s="508"/>
      <c r="AA3" s="508"/>
      <c r="AB3" s="508"/>
      <c r="AC3" s="508"/>
      <c r="AD3" s="508"/>
      <c r="AE3" s="508"/>
      <c r="AF3" s="508"/>
      <c r="AG3" s="507" t="s">
        <v>147</v>
      </c>
      <c r="AH3" s="508"/>
      <c r="AI3" s="508"/>
      <c r="AJ3" s="508"/>
      <c r="AK3" s="508"/>
      <c r="AL3" s="508"/>
      <c r="AM3" s="508"/>
      <c r="AN3" s="508"/>
      <c r="AO3" s="508"/>
      <c r="AP3" s="509"/>
    </row>
    <row r="4" spans="2:43" ht="21" customHeight="1" x14ac:dyDescent="0.2">
      <c r="B4" s="506"/>
      <c r="C4" s="512" t="s">
        <v>61</v>
      </c>
      <c r="D4" s="513"/>
      <c r="E4" s="514"/>
      <c r="F4" s="515" t="s">
        <v>62</v>
      </c>
      <c r="G4" s="516"/>
      <c r="H4" s="516"/>
      <c r="I4" s="516"/>
      <c r="J4" s="516"/>
      <c r="K4" s="517"/>
      <c r="L4" s="527" t="s">
        <v>52</v>
      </c>
      <c r="M4" s="512" t="s">
        <v>61</v>
      </c>
      <c r="N4" s="513"/>
      <c r="O4" s="514"/>
      <c r="P4" s="515" t="s">
        <v>62</v>
      </c>
      <c r="Q4" s="516"/>
      <c r="R4" s="516"/>
      <c r="S4" s="516"/>
      <c r="T4" s="516"/>
      <c r="U4" s="517"/>
      <c r="V4" s="518" t="s">
        <v>52</v>
      </c>
      <c r="W4" s="512" t="s">
        <v>61</v>
      </c>
      <c r="X4" s="513"/>
      <c r="Y4" s="514"/>
      <c r="Z4" s="515" t="s">
        <v>62</v>
      </c>
      <c r="AA4" s="516"/>
      <c r="AB4" s="516"/>
      <c r="AC4" s="516"/>
      <c r="AD4" s="516"/>
      <c r="AE4" s="517"/>
      <c r="AF4" s="527" t="s">
        <v>52</v>
      </c>
      <c r="AG4" s="512" t="s">
        <v>61</v>
      </c>
      <c r="AH4" s="513"/>
      <c r="AI4" s="514"/>
      <c r="AJ4" s="515" t="s">
        <v>62</v>
      </c>
      <c r="AK4" s="516"/>
      <c r="AL4" s="516"/>
      <c r="AM4" s="516"/>
      <c r="AN4" s="516"/>
      <c r="AO4" s="517"/>
      <c r="AP4" s="518" t="s">
        <v>52</v>
      </c>
    </row>
    <row r="5" spans="2:43" ht="30" customHeight="1" thickBot="1" x14ac:dyDescent="0.25">
      <c r="B5" s="72" t="s">
        <v>42</v>
      </c>
      <c r="C5" s="229" t="s">
        <v>43</v>
      </c>
      <c r="D5" s="230" t="s">
        <v>44</v>
      </c>
      <c r="E5" s="230" t="s">
        <v>45</v>
      </c>
      <c r="F5" s="231" t="s">
        <v>47</v>
      </c>
      <c r="G5" s="232" t="s">
        <v>48</v>
      </c>
      <c r="H5" s="232" t="s">
        <v>49</v>
      </c>
      <c r="I5" s="233" t="s">
        <v>50</v>
      </c>
      <c r="J5" s="230" t="s">
        <v>51</v>
      </c>
      <c r="K5" s="234" t="s">
        <v>95</v>
      </c>
      <c r="L5" s="526"/>
      <c r="M5" s="229" t="s">
        <v>43</v>
      </c>
      <c r="N5" s="230" t="s">
        <v>44</v>
      </c>
      <c r="O5" s="234" t="s">
        <v>45</v>
      </c>
      <c r="P5" s="235" t="s">
        <v>47</v>
      </c>
      <c r="Q5" s="232" t="s">
        <v>48</v>
      </c>
      <c r="R5" s="232" t="s">
        <v>49</v>
      </c>
      <c r="S5" s="233" t="s">
        <v>50</v>
      </c>
      <c r="T5" s="230" t="s">
        <v>51</v>
      </c>
      <c r="U5" s="234" t="s">
        <v>45</v>
      </c>
      <c r="V5" s="519"/>
      <c r="W5" s="229" t="s">
        <v>43</v>
      </c>
      <c r="X5" s="230" t="s">
        <v>44</v>
      </c>
      <c r="Y5" s="230" t="s">
        <v>45</v>
      </c>
      <c r="Z5" s="231" t="s">
        <v>47</v>
      </c>
      <c r="AA5" s="232" t="s">
        <v>48</v>
      </c>
      <c r="AB5" s="232" t="s">
        <v>49</v>
      </c>
      <c r="AC5" s="233" t="s">
        <v>50</v>
      </c>
      <c r="AD5" s="230" t="s">
        <v>51</v>
      </c>
      <c r="AE5" s="234" t="s">
        <v>45</v>
      </c>
      <c r="AF5" s="526"/>
      <c r="AG5" s="229" t="s">
        <v>43</v>
      </c>
      <c r="AH5" s="230" t="s">
        <v>44</v>
      </c>
      <c r="AI5" s="230" t="s">
        <v>45</v>
      </c>
      <c r="AJ5" s="231" t="s">
        <v>47</v>
      </c>
      <c r="AK5" s="232" t="s">
        <v>48</v>
      </c>
      <c r="AL5" s="232" t="s">
        <v>49</v>
      </c>
      <c r="AM5" s="233" t="s">
        <v>50</v>
      </c>
      <c r="AN5" s="230" t="s">
        <v>51</v>
      </c>
      <c r="AO5" s="234" t="s">
        <v>45</v>
      </c>
      <c r="AP5" s="519"/>
    </row>
    <row r="6" spans="2:43" ht="21" customHeight="1" x14ac:dyDescent="0.2">
      <c r="B6" s="84" t="s">
        <v>4</v>
      </c>
      <c r="C6" s="211">
        <v>0</v>
      </c>
      <c r="D6" s="213">
        <v>0</v>
      </c>
      <c r="E6" s="213">
        <v>0</v>
      </c>
      <c r="F6" s="214">
        <v>15</v>
      </c>
      <c r="G6" s="212">
        <v>45</v>
      </c>
      <c r="H6" s="212">
        <v>330</v>
      </c>
      <c r="I6" s="212">
        <v>440</v>
      </c>
      <c r="J6" s="213">
        <v>255</v>
      </c>
      <c r="K6" s="236">
        <v>1085</v>
      </c>
      <c r="L6" s="237">
        <v>1085</v>
      </c>
      <c r="M6" s="211">
        <v>0</v>
      </c>
      <c r="N6" s="213">
        <v>0</v>
      </c>
      <c r="O6" s="236">
        <v>0</v>
      </c>
      <c r="P6" s="216">
        <v>69</v>
      </c>
      <c r="Q6" s="212">
        <v>136</v>
      </c>
      <c r="R6" s="212">
        <v>197</v>
      </c>
      <c r="S6" s="212">
        <v>279</v>
      </c>
      <c r="T6" s="213">
        <v>146</v>
      </c>
      <c r="U6" s="236">
        <v>827</v>
      </c>
      <c r="V6" s="215">
        <v>827</v>
      </c>
      <c r="W6" s="216">
        <v>0</v>
      </c>
      <c r="X6" s="213">
        <v>0</v>
      </c>
      <c r="Y6" s="213">
        <v>0</v>
      </c>
      <c r="Z6" s="214">
        <v>0</v>
      </c>
      <c r="AA6" s="212">
        <v>0</v>
      </c>
      <c r="AB6" s="212">
        <v>0</v>
      </c>
      <c r="AC6" s="212">
        <v>0</v>
      </c>
      <c r="AD6" s="213">
        <v>0</v>
      </c>
      <c r="AE6" s="236">
        <v>0</v>
      </c>
      <c r="AF6" s="237">
        <v>0</v>
      </c>
      <c r="AG6" s="211">
        <v>0</v>
      </c>
      <c r="AH6" s="213">
        <v>0</v>
      </c>
      <c r="AI6" s="213">
        <v>0</v>
      </c>
      <c r="AJ6" s="214">
        <v>1</v>
      </c>
      <c r="AK6" s="212">
        <v>2</v>
      </c>
      <c r="AL6" s="212">
        <v>2</v>
      </c>
      <c r="AM6" s="212">
        <v>13</v>
      </c>
      <c r="AN6" s="213">
        <v>21</v>
      </c>
      <c r="AO6" s="236">
        <v>39</v>
      </c>
      <c r="AP6" s="238">
        <v>39</v>
      </c>
      <c r="AQ6" s="239"/>
    </row>
    <row r="7" spans="2:43" ht="21" customHeight="1" x14ac:dyDescent="0.2">
      <c r="B7" s="95" t="s">
        <v>5</v>
      </c>
      <c r="C7" s="217">
        <v>0</v>
      </c>
      <c r="D7" s="219">
        <v>0</v>
      </c>
      <c r="E7" s="219">
        <v>0</v>
      </c>
      <c r="F7" s="220">
        <v>13</v>
      </c>
      <c r="G7" s="218">
        <v>34</v>
      </c>
      <c r="H7" s="218">
        <v>164</v>
      </c>
      <c r="I7" s="218">
        <v>194</v>
      </c>
      <c r="J7" s="219">
        <v>115</v>
      </c>
      <c r="K7" s="240">
        <v>520</v>
      </c>
      <c r="L7" s="241">
        <v>520</v>
      </c>
      <c r="M7" s="217">
        <v>0</v>
      </c>
      <c r="N7" s="219">
        <v>0</v>
      </c>
      <c r="O7" s="240">
        <v>0</v>
      </c>
      <c r="P7" s="222">
        <v>27</v>
      </c>
      <c r="Q7" s="218">
        <v>74</v>
      </c>
      <c r="R7" s="218">
        <v>91</v>
      </c>
      <c r="S7" s="218">
        <v>140</v>
      </c>
      <c r="T7" s="219">
        <v>77</v>
      </c>
      <c r="U7" s="240">
        <v>409</v>
      </c>
      <c r="V7" s="221">
        <v>409</v>
      </c>
      <c r="W7" s="222">
        <v>0</v>
      </c>
      <c r="X7" s="219">
        <v>0</v>
      </c>
      <c r="Y7" s="219">
        <v>0</v>
      </c>
      <c r="Z7" s="220">
        <v>0</v>
      </c>
      <c r="AA7" s="218">
        <v>0</v>
      </c>
      <c r="AB7" s="218">
        <v>0</v>
      </c>
      <c r="AC7" s="218">
        <v>0</v>
      </c>
      <c r="AD7" s="219">
        <v>0</v>
      </c>
      <c r="AE7" s="240">
        <v>0</v>
      </c>
      <c r="AF7" s="241">
        <v>0</v>
      </c>
      <c r="AG7" s="217">
        <v>0</v>
      </c>
      <c r="AH7" s="219">
        <v>0</v>
      </c>
      <c r="AI7" s="219">
        <v>0</v>
      </c>
      <c r="AJ7" s="220">
        <v>1</v>
      </c>
      <c r="AK7" s="218">
        <v>0</v>
      </c>
      <c r="AL7" s="218">
        <v>0</v>
      </c>
      <c r="AM7" s="218">
        <v>5</v>
      </c>
      <c r="AN7" s="219">
        <v>5</v>
      </c>
      <c r="AO7" s="240">
        <v>11</v>
      </c>
      <c r="AP7" s="242">
        <v>11</v>
      </c>
      <c r="AQ7" s="239"/>
    </row>
    <row r="8" spans="2:43" ht="21" customHeight="1" x14ac:dyDescent="0.2">
      <c r="B8" s="106" t="s">
        <v>6</v>
      </c>
      <c r="C8" s="217">
        <v>0</v>
      </c>
      <c r="D8" s="219">
        <v>0</v>
      </c>
      <c r="E8" s="219">
        <v>0</v>
      </c>
      <c r="F8" s="220">
        <v>2</v>
      </c>
      <c r="G8" s="218">
        <v>6</v>
      </c>
      <c r="H8" s="218">
        <v>37</v>
      </c>
      <c r="I8" s="218">
        <v>58</v>
      </c>
      <c r="J8" s="219">
        <v>39</v>
      </c>
      <c r="K8" s="240">
        <v>142</v>
      </c>
      <c r="L8" s="241">
        <v>142</v>
      </c>
      <c r="M8" s="217">
        <v>0</v>
      </c>
      <c r="N8" s="219">
        <v>0</v>
      </c>
      <c r="O8" s="240">
        <v>0</v>
      </c>
      <c r="P8" s="222">
        <v>13</v>
      </c>
      <c r="Q8" s="218">
        <v>10</v>
      </c>
      <c r="R8" s="218">
        <v>25</v>
      </c>
      <c r="S8" s="218">
        <v>38</v>
      </c>
      <c r="T8" s="219">
        <v>18</v>
      </c>
      <c r="U8" s="240">
        <v>104</v>
      </c>
      <c r="V8" s="221">
        <v>104</v>
      </c>
      <c r="W8" s="222">
        <v>0</v>
      </c>
      <c r="X8" s="219">
        <v>0</v>
      </c>
      <c r="Y8" s="219">
        <v>0</v>
      </c>
      <c r="Z8" s="220">
        <v>0</v>
      </c>
      <c r="AA8" s="218">
        <v>0</v>
      </c>
      <c r="AB8" s="218">
        <v>0</v>
      </c>
      <c r="AC8" s="218">
        <v>0</v>
      </c>
      <c r="AD8" s="219">
        <v>0</v>
      </c>
      <c r="AE8" s="240">
        <v>0</v>
      </c>
      <c r="AF8" s="241">
        <v>0</v>
      </c>
      <c r="AG8" s="217">
        <v>0</v>
      </c>
      <c r="AH8" s="219">
        <v>0</v>
      </c>
      <c r="AI8" s="219">
        <v>0</v>
      </c>
      <c r="AJ8" s="220">
        <v>0</v>
      </c>
      <c r="AK8" s="218">
        <v>0</v>
      </c>
      <c r="AL8" s="218">
        <v>0</v>
      </c>
      <c r="AM8" s="218">
        <v>2</v>
      </c>
      <c r="AN8" s="219">
        <v>2</v>
      </c>
      <c r="AO8" s="240">
        <v>4</v>
      </c>
      <c r="AP8" s="242">
        <v>4</v>
      </c>
      <c r="AQ8" s="239"/>
    </row>
    <row r="9" spans="2:43" ht="21" customHeight="1" x14ac:dyDescent="0.2">
      <c r="B9" s="106" t="s">
        <v>14</v>
      </c>
      <c r="C9" s="217">
        <v>0</v>
      </c>
      <c r="D9" s="219">
        <v>0</v>
      </c>
      <c r="E9" s="219">
        <v>0</v>
      </c>
      <c r="F9" s="220">
        <v>0</v>
      </c>
      <c r="G9" s="218">
        <v>0</v>
      </c>
      <c r="H9" s="218">
        <v>28</v>
      </c>
      <c r="I9" s="218">
        <v>48</v>
      </c>
      <c r="J9" s="219">
        <v>16</v>
      </c>
      <c r="K9" s="240">
        <v>92</v>
      </c>
      <c r="L9" s="241">
        <v>92</v>
      </c>
      <c r="M9" s="217">
        <v>0</v>
      </c>
      <c r="N9" s="219">
        <v>0</v>
      </c>
      <c r="O9" s="240">
        <v>0</v>
      </c>
      <c r="P9" s="222">
        <v>2</v>
      </c>
      <c r="Q9" s="218">
        <v>7</v>
      </c>
      <c r="R9" s="218">
        <v>6</v>
      </c>
      <c r="S9" s="218">
        <v>17</v>
      </c>
      <c r="T9" s="219">
        <v>8</v>
      </c>
      <c r="U9" s="240">
        <v>40</v>
      </c>
      <c r="V9" s="221">
        <v>40</v>
      </c>
      <c r="W9" s="222">
        <v>0</v>
      </c>
      <c r="X9" s="219">
        <v>0</v>
      </c>
      <c r="Y9" s="219">
        <v>0</v>
      </c>
      <c r="Z9" s="220">
        <v>0</v>
      </c>
      <c r="AA9" s="218">
        <v>0</v>
      </c>
      <c r="AB9" s="218">
        <v>0</v>
      </c>
      <c r="AC9" s="218">
        <v>0</v>
      </c>
      <c r="AD9" s="219">
        <v>0</v>
      </c>
      <c r="AE9" s="240">
        <v>0</v>
      </c>
      <c r="AF9" s="241">
        <v>0</v>
      </c>
      <c r="AG9" s="217">
        <v>0</v>
      </c>
      <c r="AH9" s="219">
        <v>0</v>
      </c>
      <c r="AI9" s="219">
        <v>0</v>
      </c>
      <c r="AJ9" s="220">
        <v>0</v>
      </c>
      <c r="AK9" s="218">
        <v>0</v>
      </c>
      <c r="AL9" s="218">
        <v>0</v>
      </c>
      <c r="AM9" s="218">
        <v>1</v>
      </c>
      <c r="AN9" s="219">
        <v>5</v>
      </c>
      <c r="AO9" s="240">
        <v>6</v>
      </c>
      <c r="AP9" s="242">
        <v>6</v>
      </c>
      <c r="AQ9" s="239"/>
    </row>
    <row r="10" spans="2:43" ht="21" customHeight="1" x14ac:dyDescent="0.2">
      <c r="B10" s="106" t="s">
        <v>7</v>
      </c>
      <c r="C10" s="217">
        <v>0</v>
      </c>
      <c r="D10" s="219">
        <v>0</v>
      </c>
      <c r="E10" s="219">
        <v>0</v>
      </c>
      <c r="F10" s="220">
        <v>0</v>
      </c>
      <c r="G10" s="218">
        <v>0</v>
      </c>
      <c r="H10" s="218">
        <v>9</v>
      </c>
      <c r="I10" s="218">
        <v>13</v>
      </c>
      <c r="J10" s="219">
        <v>6</v>
      </c>
      <c r="K10" s="240">
        <v>28</v>
      </c>
      <c r="L10" s="241">
        <v>28</v>
      </c>
      <c r="M10" s="217">
        <v>0</v>
      </c>
      <c r="N10" s="219">
        <v>0</v>
      </c>
      <c r="O10" s="240">
        <v>0</v>
      </c>
      <c r="P10" s="222">
        <v>1</v>
      </c>
      <c r="Q10" s="218">
        <v>2</v>
      </c>
      <c r="R10" s="218">
        <v>3</v>
      </c>
      <c r="S10" s="218">
        <v>6</v>
      </c>
      <c r="T10" s="219">
        <v>5</v>
      </c>
      <c r="U10" s="240">
        <v>17</v>
      </c>
      <c r="V10" s="221">
        <v>17</v>
      </c>
      <c r="W10" s="222">
        <v>0</v>
      </c>
      <c r="X10" s="219">
        <v>0</v>
      </c>
      <c r="Y10" s="219">
        <v>0</v>
      </c>
      <c r="Z10" s="220">
        <v>0</v>
      </c>
      <c r="AA10" s="218">
        <v>0</v>
      </c>
      <c r="AB10" s="218">
        <v>0</v>
      </c>
      <c r="AC10" s="218">
        <v>0</v>
      </c>
      <c r="AD10" s="219">
        <v>0</v>
      </c>
      <c r="AE10" s="240">
        <v>0</v>
      </c>
      <c r="AF10" s="241">
        <v>0</v>
      </c>
      <c r="AG10" s="217">
        <v>0</v>
      </c>
      <c r="AH10" s="219">
        <v>0</v>
      </c>
      <c r="AI10" s="219">
        <v>0</v>
      </c>
      <c r="AJ10" s="220">
        <v>0</v>
      </c>
      <c r="AK10" s="218">
        <v>0</v>
      </c>
      <c r="AL10" s="218">
        <v>0</v>
      </c>
      <c r="AM10" s="218">
        <v>0</v>
      </c>
      <c r="AN10" s="219">
        <v>0</v>
      </c>
      <c r="AO10" s="240">
        <v>0</v>
      </c>
      <c r="AP10" s="242">
        <v>0</v>
      </c>
      <c r="AQ10" s="239"/>
    </row>
    <row r="11" spans="2:43" ht="21" customHeight="1" x14ac:dyDescent="0.2">
      <c r="B11" s="106" t="s">
        <v>8</v>
      </c>
      <c r="C11" s="217">
        <v>0</v>
      </c>
      <c r="D11" s="219">
        <v>0</v>
      </c>
      <c r="E11" s="219">
        <v>0</v>
      </c>
      <c r="F11" s="220">
        <v>0</v>
      </c>
      <c r="G11" s="218">
        <v>0</v>
      </c>
      <c r="H11" s="218">
        <v>10</v>
      </c>
      <c r="I11" s="218">
        <v>7</v>
      </c>
      <c r="J11" s="219">
        <v>7</v>
      </c>
      <c r="K11" s="240">
        <v>24</v>
      </c>
      <c r="L11" s="241">
        <v>24</v>
      </c>
      <c r="M11" s="217">
        <v>0</v>
      </c>
      <c r="N11" s="219">
        <v>0</v>
      </c>
      <c r="O11" s="240">
        <v>0</v>
      </c>
      <c r="P11" s="222">
        <v>1</v>
      </c>
      <c r="Q11" s="218">
        <v>4</v>
      </c>
      <c r="R11" s="218">
        <v>4</v>
      </c>
      <c r="S11" s="218">
        <v>4</v>
      </c>
      <c r="T11" s="219">
        <v>2</v>
      </c>
      <c r="U11" s="240">
        <v>15</v>
      </c>
      <c r="V11" s="221">
        <v>15</v>
      </c>
      <c r="W11" s="222">
        <v>0</v>
      </c>
      <c r="X11" s="219">
        <v>0</v>
      </c>
      <c r="Y11" s="219">
        <v>0</v>
      </c>
      <c r="Z11" s="220">
        <v>0</v>
      </c>
      <c r="AA11" s="218">
        <v>0</v>
      </c>
      <c r="AB11" s="218">
        <v>0</v>
      </c>
      <c r="AC11" s="218">
        <v>0</v>
      </c>
      <c r="AD11" s="219">
        <v>0</v>
      </c>
      <c r="AE11" s="240">
        <v>0</v>
      </c>
      <c r="AF11" s="241">
        <v>0</v>
      </c>
      <c r="AG11" s="217">
        <v>0</v>
      </c>
      <c r="AH11" s="219">
        <v>0</v>
      </c>
      <c r="AI11" s="219">
        <v>0</v>
      </c>
      <c r="AJ11" s="220">
        <v>0</v>
      </c>
      <c r="AK11" s="218">
        <v>0</v>
      </c>
      <c r="AL11" s="218">
        <v>0</v>
      </c>
      <c r="AM11" s="218">
        <v>0</v>
      </c>
      <c r="AN11" s="219">
        <v>0</v>
      </c>
      <c r="AO11" s="240">
        <v>0</v>
      </c>
      <c r="AP11" s="242">
        <v>0</v>
      </c>
      <c r="AQ11" s="239"/>
    </row>
    <row r="12" spans="2:43" ht="21" customHeight="1" x14ac:dyDescent="0.2">
      <c r="B12" s="106" t="s">
        <v>9</v>
      </c>
      <c r="C12" s="217">
        <v>0</v>
      </c>
      <c r="D12" s="219">
        <v>0</v>
      </c>
      <c r="E12" s="219">
        <v>0</v>
      </c>
      <c r="F12" s="220">
        <v>0</v>
      </c>
      <c r="G12" s="218">
        <v>0</v>
      </c>
      <c r="H12" s="218">
        <v>12</v>
      </c>
      <c r="I12" s="218">
        <v>23</v>
      </c>
      <c r="J12" s="219">
        <v>8</v>
      </c>
      <c r="K12" s="240">
        <v>43</v>
      </c>
      <c r="L12" s="241">
        <v>43</v>
      </c>
      <c r="M12" s="217">
        <v>0</v>
      </c>
      <c r="N12" s="219">
        <v>0</v>
      </c>
      <c r="O12" s="240">
        <v>0</v>
      </c>
      <c r="P12" s="222">
        <v>6</v>
      </c>
      <c r="Q12" s="218">
        <v>5</v>
      </c>
      <c r="R12" s="218">
        <v>9</v>
      </c>
      <c r="S12" s="218">
        <v>7</v>
      </c>
      <c r="T12" s="219">
        <v>6</v>
      </c>
      <c r="U12" s="240">
        <v>33</v>
      </c>
      <c r="V12" s="221">
        <v>33</v>
      </c>
      <c r="W12" s="222">
        <v>0</v>
      </c>
      <c r="X12" s="219">
        <v>0</v>
      </c>
      <c r="Y12" s="219">
        <v>0</v>
      </c>
      <c r="Z12" s="220">
        <v>0</v>
      </c>
      <c r="AA12" s="218">
        <v>0</v>
      </c>
      <c r="AB12" s="218">
        <v>0</v>
      </c>
      <c r="AC12" s="218">
        <v>0</v>
      </c>
      <c r="AD12" s="219">
        <v>0</v>
      </c>
      <c r="AE12" s="240">
        <v>0</v>
      </c>
      <c r="AF12" s="241">
        <v>0</v>
      </c>
      <c r="AG12" s="217">
        <v>0</v>
      </c>
      <c r="AH12" s="219">
        <v>0</v>
      </c>
      <c r="AI12" s="219">
        <v>0</v>
      </c>
      <c r="AJ12" s="220">
        <v>0</v>
      </c>
      <c r="AK12" s="218">
        <v>0</v>
      </c>
      <c r="AL12" s="218">
        <v>0</v>
      </c>
      <c r="AM12" s="218">
        <v>0</v>
      </c>
      <c r="AN12" s="219">
        <v>0</v>
      </c>
      <c r="AO12" s="240">
        <v>0</v>
      </c>
      <c r="AP12" s="242">
        <v>0</v>
      </c>
      <c r="AQ12" s="239"/>
    </row>
    <row r="13" spans="2:43" ht="21" customHeight="1" x14ac:dyDescent="0.2">
      <c r="B13" s="106" t="s">
        <v>10</v>
      </c>
      <c r="C13" s="217">
        <v>0</v>
      </c>
      <c r="D13" s="219">
        <v>0</v>
      </c>
      <c r="E13" s="219">
        <v>0</v>
      </c>
      <c r="F13" s="220">
        <v>0</v>
      </c>
      <c r="G13" s="218">
        <v>0</v>
      </c>
      <c r="H13" s="218">
        <v>10</v>
      </c>
      <c r="I13" s="218">
        <v>22</v>
      </c>
      <c r="J13" s="219">
        <v>15</v>
      </c>
      <c r="K13" s="240">
        <v>47</v>
      </c>
      <c r="L13" s="241">
        <v>47</v>
      </c>
      <c r="M13" s="217">
        <v>0</v>
      </c>
      <c r="N13" s="219">
        <v>0</v>
      </c>
      <c r="O13" s="240">
        <v>0</v>
      </c>
      <c r="P13" s="222">
        <v>5</v>
      </c>
      <c r="Q13" s="218">
        <v>6</v>
      </c>
      <c r="R13" s="218">
        <v>4</v>
      </c>
      <c r="S13" s="218">
        <v>13</v>
      </c>
      <c r="T13" s="219">
        <v>5</v>
      </c>
      <c r="U13" s="240">
        <v>33</v>
      </c>
      <c r="V13" s="221">
        <v>33</v>
      </c>
      <c r="W13" s="222">
        <v>0</v>
      </c>
      <c r="X13" s="219">
        <v>0</v>
      </c>
      <c r="Y13" s="219">
        <v>0</v>
      </c>
      <c r="Z13" s="220">
        <v>0</v>
      </c>
      <c r="AA13" s="218">
        <v>0</v>
      </c>
      <c r="AB13" s="218">
        <v>0</v>
      </c>
      <c r="AC13" s="218">
        <v>0</v>
      </c>
      <c r="AD13" s="219">
        <v>0</v>
      </c>
      <c r="AE13" s="240">
        <v>0</v>
      </c>
      <c r="AF13" s="241">
        <v>0</v>
      </c>
      <c r="AG13" s="217">
        <v>0</v>
      </c>
      <c r="AH13" s="219">
        <v>0</v>
      </c>
      <c r="AI13" s="219">
        <v>0</v>
      </c>
      <c r="AJ13" s="220">
        <v>0</v>
      </c>
      <c r="AK13" s="218">
        <v>0</v>
      </c>
      <c r="AL13" s="218">
        <v>1</v>
      </c>
      <c r="AM13" s="218">
        <v>0</v>
      </c>
      <c r="AN13" s="219">
        <v>2</v>
      </c>
      <c r="AO13" s="240">
        <v>3</v>
      </c>
      <c r="AP13" s="242">
        <v>3</v>
      </c>
      <c r="AQ13" s="239"/>
    </row>
    <row r="14" spans="2:43" ht="21" customHeight="1" x14ac:dyDescent="0.2">
      <c r="B14" s="106" t="s">
        <v>11</v>
      </c>
      <c r="C14" s="217">
        <v>0</v>
      </c>
      <c r="D14" s="219">
        <v>0</v>
      </c>
      <c r="E14" s="219">
        <v>0</v>
      </c>
      <c r="F14" s="220">
        <v>0</v>
      </c>
      <c r="G14" s="218">
        <v>0</v>
      </c>
      <c r="H14" s="218">
        <v>6</v>
      </c>
      <c r="I14" s="218">
        <v>5</v>
      </c>
      <c r="J14" s="219">
        <v>6</v>
      </c>
      <c r="K14" s="240">
        <v>17</v>
      </c>
      <c r="L14" s="241">
        <v>17</v>
      </c>
      <c r="M14" s="217">
        <v>0</v>
      </c>
      <c r="N14" s="219">
        <v>0</v>
      </c>
      <c r="O14" s="240">
        <v>0</v>
      </c>
      <c r="P14" s="222">
        <v>0</v>
      </c>
      <c r="Q14" s="218">
        <v>0</v>
      </c>
      <c r="R14" s="218">
        <v>6</v>
      </c>
      <c r="S14" s="218">
        <v>3</v>
      </c>
      <c r="T14" s="219">
        <v>5</v>
      </c>
      <c r="U14" s="240">
        <v>14</v>
      </c>
      <c r="V14" s="221">
        <v>14</v>
      </c>
      <c r="W14" s="222">
        <v>0</v>
      </c>
      <c r="X14" s="219">
        <v>0</v>
      </c>
      <c r="Y14" s="219">
        <v>0</v>
      </c>
      <c r="Z14" s="220">
        <v>0</v>
      </c>
      <c r="AA14" s="218">
        <v>0</v>
      </c>
      <c r="AB14" s="218">
        <v>0</v>
      </c>
      <c r="AC14" s="218">
        <v>0</v>
      </c>
      <c r="AD14" s="219">
        <v>0</v>
      </c>
      <c r="AE14" s="240">
        <v>0</v>
      </c>
      <c r="AF14" s="241">
        <v>0</v>
      </c>
      <c r="AG14" s="217">
        <v>0</v>
      </c>
      <c r="AH14" s="219">
        <v>0</v>
      </c>
      <c r="AI14" s="219">
        <v>0</v>
      </c>
      <c r="AJ14" s="220">
        <v>0</v>
      </c>
      <c r="AK14" s="218">
        <v>0</v>
      </c>
      <c r="AL14" s="218">
        <v>0</v>
      </c>
      <c r="AM14" s="218">
        <v>0</v>
      </c>
      <c r="AN14" s="219">
        <v>2</v>
      </c>
      <c r="AO14" s="240">
        <v>2</v>
      </c>
      <c r="AP14" s="242">
        <v>2</v>
      </c>
      <c r="AQ14" s="239"/>
    </row>
    <row r="15" spans="2:43" ht="21" customHeight="1" x14ac:dyDescent="0.2">
      <c r="B15" s="106" t="s">
        <v>12</v>
      </c>
      <c r="C15" s="217">
        <v>0</v>
      </c>
      <c r="D15" s="219">
        <v>0</v>
      </c>
      <c r="E15" s="219">
        <v>0</v>
      </c>
      <c r="F15" s="220">
        <v>0</v>
      </c>
      <c r="G15" s="218">
        <v>0</v>
      </c>
      <c r="H15" s="218">
        <v>3</v>
      </c>
      <c r="I15" s="218">
        <v>16</v>
      </c>
      <c r="J15" s="219">
        <v>3</v>
      </c>
      <c r="K15" s="240">
        <v>22</v>
      </c>
      <c r="L15" s="241">
        <v>22</v>
      </c>
      <c r="M15" s="217">
        <v>0</v>
      </c>
      <c r="N15" s="219">
        <v>0</v>
      </c>
      <c r="O15" s="240">
        <v>0</v>
      </c>
      <c r="P15" s="222">
        <v>1</v>
      </c>
      <c r="Q15" s="218">
        <v>4</v>
      </c>
      <c r="R15" s="218">
        <v>8</v>
      </c>
      <c r="S15" s="218">
        <v>14</v>
      </c>
      <c r="T15" s="219">
        <v>2</v>
      </c>
      <c r="U15" s="240">
        <v>29</v>
      </c>
      <c r="V15" s="221">
        <v>29</v>
      </c>
      <c r="W15" s="222">
        <v>0</v>
      </c>
      <c r="X15" s="219">
        <v>0</v>
      </c>
      <c r="Y15" s="219">
        <v>0</v>
      </c>
      <c r="Z15" s="220">
        <v>0</v>
      </c>
      <c r="AA15" s="218">
        <v>0</v>
      </c>
      <c r="AB15" s="218">
        <v>0</v>
      </c>
      <c r="AC15" s="218">
        <v>0</v>
      </c>
      <c r="AD15" s="219">
        <v>0</v>
      </c>
      <c r="AE15" s="240">
        <v>0</v>
      </c>
      <c r="AF15" s="241">
        <v>0</v>
      </c>
      <c r="AG15" s="217">
        <v>0</v>
      </c>
      <c r="AH15" s="219">
        <v>0</v>
      </c>
      <c r="AI15" s="219">
        <v>0</v>
      </c>
      <c r="AJ15" s="220">
        <v>0</v>
      </c>
      <c r="AK15" s="218">
        <v>0</v>
      </c>
      <c r="AL15" s="218">
        <v>0</v>
      </c>
      <c r="AM15" s="218">
        <v>2</v>
      </c>
      <c r="AN15" s="219">
        <v>0</v>
      </c>
      <c r="AO15" s="240">
        <v>2</v>
      </c>
      <c r="AP15" s="242">
        <v>2</v>
      </c>
      <c r="AQ15" s="239"/>
    </row>
    <row r="16" spans="2:43" ht="21" customHeight="1" x14ac:dyDescent="0.2">
      <c r="B16" s="106" t="s">
        <v>13</v>
      </c>
      <c r="C16" s="217">
        <v>0</v>
      </c>
      <c r="D16" s="219">
        <v>0</v>
      </c>
      <c r="E16" s="219">
        <v>0</v>
      </c>
      <c r="F16" s="220">
        <v>0</v>
      </c>
      <c r="G16" s="218">
        <v>0</v>
      </c>
      <c r="H16" s="218">
        <v>4</v>
      </c>
      <c r="I16" s="218">
        <v>3</v>
      </c>
      <c r="J16" s="219">
        <v>3</v>
      </c>
      <c r="K16" s="240">
        <v>10</v>
      </c>
      <c r="L16" s="241">
        <v>10</v>
      </c>
      <c r="M16" s="217">
        <v>0</v>
      </c>
      <c r="N16" s="219">
        <v>0</v>
      </c>
      <c r="O16" s="240">
        <v>0</v>
      </c>
      <c r="P16" s="222">
        <v>0</v>
      </c>
      <c r="Q16" s="218">
        <v>1</v>
      </c>
      <c r="R16" s="218">
        <v>1</v>
      </c>
      <c r="S16" s="218">
        <v>2</v>
      </c>
      <c r="T16" s="219">
        <v>2</v>
      </c>
      <c r="U16" s="240">
        <v>6</v>
      </c>
      <c r="V16" s="221">
        <v>6</v>
      </c>
      <c r="W16" s="222">
        <v>0</v>
      </c>
      <c r="X16" s="219">
        <v>0</v>
      </c>
      <c r="Y16" s="219">
        <v>0</v>
      </c>
      <c r="Z16" s="220">
        <v>0</v>
      </c>
      <c r="AA16" s="218">
        <v>0</v>
      </c>
      <c r="AB16" s="218">
        <v>0</v>
      </c>
      <c r="AC16" s="218">
        <v>0</v>
      </c>
      <c r="AD16" s="219">
        <v>0</v>
      </c>
      <c r="AE16" s="240">
        <v>0</v>
      </c>
      <c r="AF16" s="241">
        <v>0</v>
      </c>
      <c r="AG16" s="217">
        <v>0</v>
      </c>
      <c r="AH16" s="219">
        <v>0</v>
      </c>
      <c r="AI16" s="219">
        <v>0</v>
      </c>
      <c r="AJ16" s="220">
        <v>0</v>
      </c>
      <c r="AK16" s="218">
        <v>0</v>
      </c>
      <c r="AL16" s="218">
        <v>0</v>
      </c>
      <c r="AM16" s="218">
        <v>0</v>
      </c>
      <c r="AN16" s="219">
        <v>0</v>
      </c>
      <c r="AO16" s="240">
        <v>0</v>
      </c>
      <c r="AP16" s="242">
        <v>0</v>
      </c>
      <c r="AQ16" s="239"/>
    </row>
    <row r="17" spans="2:43" ht="21" customHeight="1" x14ac:dyDescent="0.2">
      <c r="B17" s="106" t="s">
        <v>15</v>
      </c>
      <c r="C17" s="217">
        <v>0</v>
      </c>
      <c r="D17" s="219">
        <v>0</v>
      </c>
      <c r="E17" s="219">
        <v>0</v>
      </c>
      <c r="F17" s="220">
        <v>0</v>
      </c>
      <c r="G17" s="218">
        <v>0</v>
      </c>
      <c r="H17" s="218">
        <v>1</v>
      </c>
      <c r="I17" s="218">
        <v>1</v>
      </c>
      <c r="J17" s="219">
        <v>2</v>
      </c>
      <c r="K17" s="240">
        <v>4</v>
      </c>
      <c r="L17" s="241">
        <v>4</v>
      </c>
      <c r="M17" s="217">
        <v>0</v>
      </c>
      <c r="N17" s="219">
        <v>0</v>
      </c>
      <c r="O17" s="240">
        <v>0</v>
      </c>
      <c r="P17" s="222">
        <v>0</v>
      </c>
      <c r="Q17" s="218">
        <v>0</v>
      </c>
      <c r="R17" s="218">
        <v>2</v>
      </c>
      <c r="S17" s="218">
        <v>0</v>
      </c>
      <c r="T17" s="219">
        <v>0</v>
      </c>
      <c r="U17" s="240">
        <v>2</v>
      </c>
      <c r="V17" s="221">
        <v>2</v>
      </c>
      <c r="W17" s="222">
        <v>0</v>
      </c>
      <c r="X17" s="219">
        <v>0</v>
      </c>
      <c r="Y17" s="219">
        <v>0</v>
      </c>
      <c r="Z17" s="220">
        <v>0</v>
      </c>
      <c r="AA17" s="218">
        <v>0</v>
      </c>
      <c r="AB17" s="218">
        <v>0</v>
      </c>
      <c r="AC17" s="218">
        <v>0</v>
      </c>
      <c r="AD17" s="219">
        <v>0</v>
      </c>
      <c r="AE17" s="240">
        <v>0</v>
      </c>
      <c r="AF17" s="241">
        <v>0</v>
      </c>
      <c r="AG17" s="217">
        <v>0</v>
      </c>
      <c r="AH17" s="219">
        <v>0</v>
      </c>
      <c r="AI17" s="219">
        <v>0</v>
      </c>
      <c r="AJ17" s="220">
        <v>0</v>
      </c>
      <c r="AK17" s="218">
        <v>0</v>
      </c>
      <c r="AL17" s="218">
        <v>0</v>
      </c>
      <c r="AM17" s="218">
        <v>0</v>
      </c>
      <c r="AN17" s="219">
        <v>0</v>
      </c>
      <c r="AO17" s="240">
        <v>0</v>
      </c>
      <c r="AP17" s="242">
        <v>0</v>
      </c>
      <c r="AQ17" s="239"/>
    </row>
    <row r="18" spans="2:43" ht="21" customHeight="1" x14ac:dyDescent="0.2">
      <c r="B18" s="106" t="s">
        <v>16</v>
      </c>
      <c r="C18" s="217">
        <v>0</v>
      </c>
      <c r="D18" s="219">
        <v>0</v>
      </c>
      <c r="E18" s="219">
        <v>0</v>
      </c>
      <c r="F18" s="220">
        <v>0</v>
      </c>
      <c r="G18" s="218">
        <v>0</v>
      </c>
      <c r="H18" s="218">
        <v>5</v>
      </c>
      <c r="I18" s="218">
        <v>10</v>
      </c>
      <c r="J18" s="219">
        <v>3</v>
      </c>
      <c r="K18" s="240">
        <v>18</v>
      </c>
      <c r="L18" s="241">
        <v>18</v>
      </c>
      <c r="M18" s="217">
        <v>0</v>
      </c>
      <c r="N18" s="219">
        <v>0</v>
      </c>
      <c r="O18" s="240">
        <v>0</v>
      </c>
      <c r="P18" s="222">
        <v>0</v>
      </c>
      <c r="Q18" s="218">
        <v>2</v>
      </c>
      <c r="R18" s="218">
        <v>10</v>
      </c>
      <c r="S18" s="218">
        <v>2</v>
      </c>
      <c r="T18" s="219">
        <v>3</v>
      </c>
      <c r="U18" s="240">
        <v>17</v>
      </c>
      <c r="V18" s="221">
        <v>17</v>
      </c>
      <c r="W18" s="222">
        <v>0</v>
      </c>
      <c r="X18" s="219">
        <v>0</v>
      </c>
      <c r="Y18" s="219">
        <v>0</v>
      </c>
      <c r="Z18" s="220">
        <v>0</v>
      </c>
      <c r="AA18" s="218">
        <v>0</v>
      </c>
      <c r="AB18" s="218">
        <v>0</v>
      </c>
      <c r="AC18" s="218">
        <v>0</v>
      </c>
      <c r="AD18" s="219">
        <v>0</v>
      </c>
      <c r="AE18" s="240">
        <v>0</v>
      </c>
      <c r="AF18" s="241">
        <v>0</v>
      </c>
      <c r="AG18" s="217">
        <v>0</v>
      </c>
      <c r="AH18" s="219">
        <v>0</v>
      </c>
      <c r="AI18" s="219">
        <v>0</v>
      </c>
      <c r="AJ18" s="220">
        <v>0</v>
      </c>
      <c r="AK18" s="218">
        <v>0</v>
      </c>
      <c r="AL18" s="218">
        <v>0</v>
      </c>
      <c r="AM18" s="218">
        <v>0</v>
      </c>
      <c r="AN18" s="219">
        <v>0</v>
      </c>
      <c r="AO18" s="240">
        <v>0</v>
      </c>
      <c r="AP18" s="242">
        <v>0</v>
      </c>
      <c r="AQ18" s="239"/>
    </row>
    <row r="19" spans="2:43" ht="21" customHeight="1" x14ac:dyDescent="0.2">
      <c r="B19" s="106" t="s">
        <v>17</v>
      </c>
      <c r="C19" s="217">
        <v>0</v>
      </c>
      <c r="D19" s="219">
        <v>0</v>
      </c>
      <c r="E19" s="219">
        <v>0</v>
      </c>
      <c r="F19" s="220">
        <v>0</v>
      </c>
      <c r="G19" s="218">
        <v>1</v>
      </c>
      <c r="H19" s="218">
        <v>7</v>
      </c>
      <c r="I19" s="218">
        <v>5</v>
      </c>
      <c r="J19" s="219">
        <v>7</v>
      </c>
      <c r="K19" s="240">
        <v>20</v>
      </c>
      <c r="L19" s="241">
        <v>20</v>
      </c>
      <c r="M19" s="217">
        <v>0</v>
      </c>
      <c r="N19" s="219">
        <v>0</v>
      </c>
      <c r="O19" s="240">
        <v>0</v>
      </c>
      <c r="P19" s="222">
        <v>2</v>
      </c>
      <c r="Q19" s="218">
        <v>7</v>
      </c>
      <c r="R19" s="218">
        <v>9</v>
      </c>
      <c r="S19" s="218">
        <v>11</v>
      </c>
      <c r="T19" s="219">
        <v>3</v>
      </c>
      <c r="U19" s="240">
        <v>32</v>
      </c>
      <c r="V19" s="221">
        <v>32</v>
      </c>
      <c r="W19" s="222">
        <v>0</v>
      </c>
      <c r="X19" s="219">
        <v>0</v>
      </c>
      <c r="Y19" s="219">
        <v>0</v>
      </c>
      <c r="Z19" s="220">
        <v>0</v>
      </c>
      <c r="AA19" s="218">
        <v>0</v>
      </c>
      <c r="AB19" s="218">
        <v>0</v>
      </c>
      <c r="AC19" s="218">
        <v>0</v>
      </c>
      <c r="AD19" s="219">
        <v>0</v>
      </c>
      <c r="AE19" s="240">
        <v>0</v>
      </c>
      <c r="AF19" s="241">
        <v>0</v>
      </c>
      <c r="AG19" s="217">
        <v>0</v>
      </c>
      <c r="AH19" s="219">
        <v>0</v>
      </c>
      <c r="AI19" s="219">
        <v>0</v>
      </c>
      <c r="AJ19" s="220">
        <v>0</v>
      </c>
      <c r="AK19" s="218">
        <v>0</v>
      </c>
      <c r="AL19" s="218">
        <v>0</v>
      </c>
      <c r="AM19" s="218">
        <v>0</v>
      </c>
      <c r="AN19" s="219">
        <v>1</v>
      </c>
      <c r="AO19" s="240">
        <v>1</v>
      </c>
      <c r="AP19" s="242">
        <v>1</v>
      </c>
      <c r="AQ19" s="239"/>
    </row>
    <row r="20" spans="2:43" ht="21" customHeight="1" x14ac:dyDescent="0.2">
      <c r="B20" s="106" t="s">
        <v>18</v>
      </c>
      <c r="C20" s="217">
        <v>0</v>
      </c>
      <c r="D20" s="219">
        <v>0</v>
      </c>
      <c r="E20" s="219">
        <v>0</v>
      </c>
      <c r="F20" s="220">
        <v>0</v>
      </c>
      <c r="G20" s="218">
        <v>1</v>
      </c>
      <c r="H20" s="218">
        <v>9</v>
      </c>
      <c r="I20" s="218">
        <v>7</v>
      </c>
      <c r="J20" s="219">
        <v>7</v>
      </c>
      <c r="K20" s="240">
        <v>24</v>
      </c>
      <c r="L20" s="241">
        <v>24</v>
      </c>
      <c r="M20" s="217">
        <v>0</v>
      </c>
      <c r="N20" s="219">
        <v>0</v>
      </c>
      <c r="O20" s="240">
        <v>0</v>
      </c>
      <c r="P20" s="222">
        <v>0</v>
      </c>
      <c r="Q20" s="218">
        <v>1</v>
      </c>
      <c r="R20" s="218">
        <v>6</v>
      </c>
      <c r="S20" s="218">
        <v>5</v>
      </c>
      <c r="T20" s="219">
        <v>2</v>
      </c>
      <c r="U20" s="240">
        <v>14</v>
      </c>
      <c r="V20" s="221">
        <v>14</v>
      </c>
      <c r="W20" s="222">
        <v>0</v>
      </c>
      <c r="X20" s="219">
        <v>0</v>
      </c>
      <c r="Y20" s="219">
        <v>0</v>
      </c>
      <c r="Z20" s="220">
        <v>0</v>
      </c>
      <c r="AA20" s="218">
        <v>0</v>
      </c>
      <c r="AB20" s="218">
        <v>0</v>
      </c>
      <c r="AC20" s="218">
        <v>0</v>
      </c>
      <c r="AD20" s="219">
        <v>0</v>
      </c>
      <c r="AE20" s="240">
        <v>0</v>
      </c>
      <c r="AF20" s="241">
        <v>0</v>
      </c>
      <c r="AG20" s="217">
        <v>0</v>
      </c>
      <c r="AH20" s="219">
        <v>0</v>
      </c>
      <c r="AI20" s="219">
        <v>0</v>
      </c>
      <c r="AJ20" s="220">
        <v>0</v>
      </c>
      <c r="AK20" s="218">
        <v>0</v>
      </c>
      <c r="AL20" s="218">
        <v>0</v>
      </c>
      <c r="AM20" s="218">
        <v>0</v>
      </c>
      <c r="AN20" s="219">
        <v>2</v>
      </c>
      <c r="AO20" s="240">
        <v>2</v>
      </c>
      <c r="AP20" s="242">
        <v>2</v>
      </c>
      <c r="AQ20" s="239"/>
    </row>
    <row r="21" spans="2:43" ht="21" customHeight="1" x14ac:dyDescent="0.2">
      <c r="B21" s="106" t="s">
        <v>19</v>
      </c>
      <c r="C21" s="217">
        <v>0</v>
      </c>
      <c r="D21" s="219">
        <v>0</v>
      </c>
      <c r="E21" s="219">
        <v>0</v>
      </c>
      <c r="F21" s="220">
        <v>0</v>
      </c>
      <c r="G21" s="218">
        <v>0</v>
      </c>
      <c r="H21" s="218">
        <v>3</v>
      </c>
      <c r="I21" s="218">
        <v>3</v>
      </c>
      <c r="J21" s="219">
        <v>2</v>
      </c>
      <c r="K21" s="240">
        <v>8</v>
      </c>
      <c r="L21" s="241">
        <v>8</v>
      </c>
      <c r="M21" s="217">
        <v>0</v>
      </c>
      <c r="N21" s="219">
        <v>0</v>
      </c>
      <c r="O21" s="240">
        <v>0</v>
      </c>
      <c r="P21" s="222">
        <v>2</v>
      </c>
      <c r="Q21" s="218">
        <v>2</v>
      </c>
      <c r="R21" s="218">
        <v>3</v>
      </c>
      <c r="S21" s="218">
        <v>0</v>
      </c>
      <c r="T21" s="219">
        <v>0</v>
      </c>
      <c r="U21" s="240">
        <v>7</v>
      </c>
      <c r="V21" s="221">
        <v>7</v>
      </c>
      <c r="W21" s="222">
        <v>0</v>
      </c>
      <c r="X21" s="219">
        <v>0</v>
      </c>
      <c r="Y21" s="219">
        <v>0</v>
      </c>
      <c r="Z21" s="220">
        <v>0</v>
      </c>
      <c r="AA21" s="218">
        <v>0</v>
      </c>
      <c r="AB21" s="218">
        <v>0</v>
      </c>
      <c r="AC21" s="218">
        <v>0</v>
      </c>
      <c r="AD21" s="219">
        <v>0</v>
      </c>
      <c r="AE21" s="240">
        <v>0</v>
      </c>
      <c r="AF21" s="241">
        <v>0</v>
      </c>
      <c r="AG21" s="217">
        <v>0</v>
      </c>
      <c r="AH21" s="219">
        <v>0</v>
      </c>
      <c r="AI21" s="219">
        <v>0</v>
      </c>
      <c r="AJ21" s="220">
        <v>0</v>
      </c>
      <c r="AK21" s="218">
        <v>0</v>
      </c>
      <c r="AL21" s="218">
        <v>0</v>
      </c>
      <c r="AM21" s="218">
        <v>0</v>
      </c>
      <c r="AN21" s="219">
        <v>0</v>
      </c>
      <c r="AO21" s="240">
        <v>0</v>
      </c>
      <c r="AP21" s="242">
        <v>0</v>
      </c>
      <c r="AQ21" s="239"/>
    </row>
    <row r="22" spans="2:43" ht="21" customHeight="1" x14ac:dyDescent="0.2">
      <c r="B22" s="106" t="s">
        <v>20</v>
      </c>
      <c r="C22" s="217">
        <v>0</v>
      </c>
      <c r="D22" s="219">
        <v>0</v>
      </c>
      <c r="E22" s="219">
        <v>0</v>
      </c>
      <c r="F22" s="220">
        <v>0</v>
      </c>
      <c r="G22" s="218">
        <v>2</v>
      </c>
      <c r="H22" s="218">
        <v>4</v>
      </c>
      <c r="I22" s="218">
        <v>6</v>
      </c>
      <c r="J22" s="219">
        <v>6</v>
      </c>
      <c r="K22" s="240">
        <v>18</v>
      </c>
      <c r="L22" s="241">
        <v>18</v>
      </c>
      <c r="M22" s="217">
        <v>0</v>
      </c>
      <c r="N22" s="219">
        <v>0</v>
      </c>
      <c r="O22" s="240">
        <v>0</v>
      </c>
      <c r="P22" s="222">
        <v>2</v>
      </c>
      <c r="Q22" s="218">
        <v>1</v>
      </c>
      <c r="R22" s="218">
        <v>1</v>
      </c>
      <c r="S22" s="218">
        <v>6</v>
      </c>
      <c r="T22" s="219">
        <v>0</v>
      </c>
      <c r="U22" s="240">
        <v>10</v>
      </c>
      <c r="V22" s="221">
        <v>10</v>
      </c>
      <c r="W22" s="222">
        <v>0</v>
      </c>
      <c r="X22" s="219">
        <v>0</v>
      </c>
      <c r="Y22" s="219">
        <v>0</v>
      </c>
      <c r="Z22" s="220">
        <v>0</v>
      </c>
      <c r="AA22" s="218">
        <v>0</v>
      </c>
      <c r="AB22" s="218">
        <v>0</v>
      </c>
      <c r="AC22" s="218">
        <v>0</v>
      </c>
      <c r="AD22" s="219">
        <v>0</v>
      </c>
      <c r="AE22" s="240">
        <v>0</v>
      </c>
      <c r="AF22" s="241">
        <v>0</v>
      </c>
      <c r="AG22" s="217">
        <v>0</v>
      </c>
      <c r="AH22" s="219">
        <v>0</v>
      </c>
      <c r="AI22" s="219">
        <v>0</v>
      </c>
      <c r="AJ22" s="220">
        <v>0</v>
      </c>
      <c r="AK22" s="218">
        <v>0</v>
      </c>
      <c r="AL22" s="218">
        <v>0</v>
      </c>
      <c r="AM22" s="218">
        <v>0</v>
      </c>
      <c r="AN22" s="219">
        <v>0</v>
      </c>
      <c r="AO22" s="240">
        <v>0</v>
      </c>
      <c r="AP22" s="242">
        <v>0</v>
      </c>
      <c r="AQ22" s="239"/>
    </row>
    <row r="23" spans="2:43" ht="21" customHeight="1" x14ac:dyDescent="0.2">
      <c r="B23" s="106" t="s">
        <v>21</v>
      </c>
      <c r="C23" s="217">
        <v>0</v>
      </c>
      <c r="D23" s="219">
        <v>0</v>
      </c>
      <c r="E23" s="219">
        <v>0</v>
      </c>
      <c r="F23" s="220">
        <v>0</v>
      </c>
      <c r="G23" s="218">
        <v>0</v>
      </c>
      <c r="H23" s="218">
        <v>6</v>
      </c>
      <c r="I23" s="218">
        <v>6</v>
      </c>
      <c r="J23" s="219">
        <v>2</v>
      </c>
      <c r="K23" s="240">
        <v>14</v>
      </c>
      <c r="L23" s="241">
        <v>14</v>
      </c>
      <c r="M23" s="217">
        <v>0</v>
      </c>
      <c r="N23" s="219">
        <v>0</v>
      </c>
      <c r="O23" s="240">
        <v>0</v>
      </c>
      <c r="P23" s="222">
        <v>0</v>
      </c>
      <c r="Q23" s="218">
        <v>3</v>
      </c>
      <c r="R23" s="218">
        <v>2</v>
      </c>
      <c r="S23" s="218">
        <v>1</v>
      </c>
      <c r="T23" s="219">
        <v>0</v>
      </c>
      <c r="U23" s="240">
        <v>6</v>
      </c>
      <c r="V23" s="221">
        <v>6</v>
      </c>
      <c r="W23" s="222">
        <v>0</v>
      </c>
      <c r="X23" s="219">
        <v>0</v>
      </c>
      <c r="Y23" s="219">
        <v>0</v>
      </c>
      <c r="Z23" s="220">
        <v>0</v>
      </c>
      <c r="AA23" s="218">
        <v>0</v>
      </c>
      <c r="AB23" s="218">
        <v>0</v>
      </c>
      <c r="AC23" s="218">
        <v>0</v>
      </c>
      <c r="AD23" s="219">
        <v>0</v>
      </c>
      <c r="AE23" s="240">
        <v>0</v>
      </c>
      <c r="AF23" s="241">
        <v>0</v>
      </c>
      <c r="AG23" s="217">
        <v>0</v>
      </c>
      <c r="AH23" s="219">
        <v>0</v>
      </c>
      <c r="AI23" s="219">
        <v>0</v>
      </c>
      <c r="AJ23" s="220">
        <v>0</v>
      </c>
      <c r="AK23" s="218">
        <v>1</v>
      </c>
      <c r="AL23" s="218">
        <v>0</v>
      </c>
      <c r="AM23" s="218">
        <v>1</v>
      </c>
      <c r="AN23" s="219">
        <v>0</v>
      </c>
      <c r="AO23" s="240">
        <v>2</v>
      </c>
      <c r="AP23" s="242">
        <v>2</v>
      </c>
      <c r="AQ23" s="239"/>
    </row>
    <row r="24" spans="2:43" ht="21" customHeight="1" x14ac:dyDescent="0.2">
      <c r="B24" s="106" t="s">
        <v>22</v>
      </c>
      <c r="C24" s="217">
        <v>0</v>
      </c>
      <c r="D24" s="219">
        <v>0</v>
      </c>
      <c r="E24" s="219">
        <v>0</v>
      </c>
      <c r="F24" s="220">
        <v>0</v>
      </c>
      <c r="G24" s="218">
        <v>1</v>
      </c>
      <c r="H24" s="218">
        <v>1</v>
      </c>
      <c r="I24" s="218">
        <v>0</v>
      </c>
      <c r="J24" s="219">
        <v>0</v>
      </c>
      <c r="K24" s="240">
        <v>2</v>
      </c>
      <c r="L24" s="241">
        <v>2</v>
      </c>
      <c r="M24" s="217">
        <v>0</v>
      </c>
      <c r="N24" s="219">
        <v>0</v>
      </c>
      <c r="O24" s="240">
        <v>0</v>
      </c>
      <c r="P24" s="222">
        <v>1</v>
      </c>
      <c r="Q24" s="218">
        <v>1</v>
      </c>
      <c r="R24" s="218">
        <v>1</v>
      </c>
      <c r="S24" s="218">
        <v>1</v>
      </c>
      <c r="T24" s="219">
        <v>1</v>
      </c>
      <c r="U24" s="240">
        <v>5</v>
      </c>
      <c r="V24" s="221">
        <v>5</v>
      </c>
      <c r="W24" s="222">
        <v>0</v>
      </c>
      <c r="X24" s="219">
        <v>0</v>
      </c>
      <c r="Y24" s="219">
        <v>0</v>
      </c>
      <c r="Z24" s="220">
        <v>0</v>
      </c>
      <c r="AA24" s="218">
        <v>0</v>
      </c>
      <c r="AB24" s="218">
        <v>0</v>
      </c>
      <c r="AC24" s="218">
        <v>0</v>
      </c>
      <c r="AD24" s="219">
        <v>0</v>
      </c>
      <c r="AE24" s="240">
        <v>0</v>
      </c>
      <c r="AF24" s="241">
        <v>0</v>
      </c>
      <c r="AG24" s="217">
        <v>0</v>
      </c>
      <c r="AH24" s="219">
        <v>0</v>
      </c>
      <c r="AI24" s="219">
        <v>0</v>
      </c>
      <c r="AJ24" s="220">
        <v>0</v>
      </c>
      <c r="AK24" s="218">
        <v>0</v>
      </c>
      <c r="AL24" s="218">
        <v>0</v>
      </c>
      <c r="AM24" s="218">
        <v>0</v>
      </c>
      <c r="AN24" s="219">
        <v>0</v>
      </c>
      <c r="AO24" s="240">
        <v>0</v>
      </c>
      <c r="AP24" s="242">
        <v>0</v>
      </c>
      <c r="AQ24" s="239"/>
    </row>
    <row r="25" spans="2:43" ht="21" customHeight="1" x14ac:dyDescent="0.2">
      <c r="B25" s="106" t="s">
        <v>23</v>
      </c>
      <c r="C25" s="217">
        <v>0</v>
      </c>
      <c r="D25" s="219">
        <v>0</v>
      </c>
      <c r="E25" s="219">
        <v>0</v>
      </c>
      <c r="F25" s="220">
        <v>0</v>
      </c>
      <c r="G25" s="218">
        <v>0</v>
      </c>
      <c r="H25" s="218">
        <v>5</v>
      </c>
      <c r="I25" s="218">
        <v>1</v>
      </c>
      <c r="J25" s="219">
        <v>2</v>
      </c>
      <c r="K25" s="240">
        <v>8</v>
      </c>
      <c r="L25" s="241">
        <v>8</v>
      </c>
      <c r="M25" s="217">
        <v>0</v>
      </c>
      <c r="N25" s="219">
        <v>0</v>
      </c>
      <c r="O25" s="240">
        <v>0</v>
      </c>
      <c r="P25" s="222">
        <v>1</v>
      </c>
      <c r="Q25" s="218">
        <v>0</v>
      </c>
      <c r="R25" s="218">
        <v>2</v>
      </c>
      <c r="S25" s="218">
        <v>1</v>
      </c>
      <c r="T25" s="219">
        <v>2</v>
      </c>
      <c r="U25" s="240">
        <v>6</v>
      </c>
      <c r="V25" s="221">
        <v>6</v>
      </c>
      <c r="W25" s="222">
        <v>0</v>
      </c>
      <c r="X25" s="219">
        <v>0</v>
      </c>
      <c r="Y25" s="219">
        <v>0</v>
      </c>
      <c r="Z25" s="220">
        <v>0</v>
      </c>
      <c r="AA25" s="218">
        <v>0</v>
      </c>
      <c r="AB25" s="218">
        <v>0</v>
      </c>
      <c r="AC25" s="218">
        <v>0</v>
      </c>
      <c r="AD25" s="219">
        <v>0</v>
      </c>
      <c r="AE25" s="240">
        <v>0</v>
      </c>
      <c r="AF25" s="241">
        <v>0</v>
      </c>
      <c r="AG25" s="217">
        <v>0</v>
      </c>
      <c r="AH25" s="219">
        <v>0</v>
      </c>
      <c r="AI25" s="219">
        <v>0</v>
      </c>
      <c r="AJ25" s="220">
        <v>0</v>
      </c>
      <c r="AK25" s="218">
        <v>0</v>
      </c>
      <c r="AL25" s="218">
        <v>0</v>
      </c>
      <c r="AM25" s="218">
        <v>0</v>
      </c>
      <c r="AN25" s="219">
        <v>1</v>
      </c>
      <c r="AO25" s="240">
        <v>1</v>
      </c>
      <c r="AP25" s="242">
        <v>1</v>
      </c>
      <c r="AQ25" s="239"/>
    </row>
    <row r="26" spans="2:43" ht="21" customHeight="1" x14ac:dyDescent="0.2">
      <c r="B26" s="106" t="s">
        <v>24</v>
      </c>
      <c r="C26" s="217">
        <v>0</v>
      </c>
      <c r="D26" s="219">
        <v>0</v>
      </c>
      <c r="E26" s="219">
        <v>0</v>
      </c>
      <c r="F26" s="220">
        <v>0</v>
      </c>
      <c r="G26" s="218">
        <v>0</v>
      </c>
      <c r="H26" s="218">
        <v>1</v>
      </c>
      <c r="I26" s="218">
        <v>3</v>
      </c>
      <c r="J26" s="219">
        <v>1</v>
      </c>
      <c r="K26" s="240">
        <v>5</v>
      </c>
      <c r="L26" s="241">
        <v>5</v>
      </c>
      <c r="M26" s="217">
        <v>0</v>
      </c>
      <c r="N26" s="219">
        <v>0</v>
      </c>
      <c r="O26" s="240">
        <v>0</v>
      </c>
      <c r="P26" s="222">
        <v>0</v>
      </c>
      <c r="Q26" s="218">
        <v>1</v>
      </c>
      <c r="R26" s="218">
        <v>0</v>
      </c>
      <c r="S26" s="218">
        <v>0</v>
      </c>
      <c r="T26" s="219">
        <v>0</v>
      </c>
      <c r="U26" s="240">
        <v>1</v>
      </c>
      <c r="V26" s="221">
        <v>1</v>
      </c>
      <c r="W26" s="222">
        <v>0</v>
      </c>
      <c r="X26" s="219">
        <v>0</v>
      </c>
      <c r="Y26" s="219">
        <v>0</v>
      </c>
      <c r="Z26" s="220">
        <v>0</v>
      </c>
      <c r="AA26" s="218">
        <v>0</v>
      </c>
      <c r="AB26" s="218">
        <v>0</v>
      </c>
      <c r="AC26" s="218">
        <v>0</v>
      </c>
      <c r="AD26" s="219">
        <v>0</v>
      </c>
      <c r="AE26" s="240">
        <v>0</v>
      </c>
      <c r="AF26" s="241">
        <v>0</v>
      </c>
      <c r="AG26" s="217">
        <v>0</v>
      </c>
      <c r="AH26" s="219">
        <v>0</v>
      </c>
      <c r="AI26" s="219">
        <v>0</v>
      </c>
      <c r="AJ26" s="220">
        <v>0</v>
      </c>
      <c r="AK26" s="218">
        <v>0</v>
      </c>
      <c r="AL26" s="218">
        <v>0</v>
      </c>
      <c r="AM26" s="218">
        <v>0</v>
      </c>
      <c r="AN26" s="219">
        <v>0</v>
      </c>
      <c r="AO26" s="240">
        <v>0</v>
      </c>
      <c r="AP26" s="242">
        <v>0</v>
      </c>
      <c r="AQ26" s="239"/>
    </row>
    <row r="27" spans="2:43" ht="21" customHeight="1" x14ac:dyDescent="0.2">
      <c r="B27" s="106" t="s">
        <v>25</v>
      </c>
      <c r="C27" s="217">
        <v>0</v>
      </c>
      <c r="D27" s="219">
        <v>0</v>
      </c>
      <c r="E27" s="219">
        <v>0</v>
      </c>
      <c r="F27" s="220">
        <v>0</v>
      </c>
      <c r="G27" s="218">
        <v>0</v>
      </c>
      <c r="H27" s="218">
        <v>1</v>
      </c>
      <c r="I27" s="218">
        <v>3</v>
      </c>
      <c r="J27" s="219">
        <v>0</v>
      </c>
      <c r="K27" s="240">
        <v>4</v>
      </c>
      <c r="L27" s="241">
        <v>4</v>
      </c>
      <c r="M27" s="217">
        <v>0</v>
      </c>
      <c r="N27" s="219">
        <v>0</v>
      </c>
      <c r="O27" s="240">
        <v>0</v>
      </c>
      <c r="P27" s="222">
        <v>1</v>
      </c>
      <c r="Q27" s="218">
        <v>2</v>
      </c>
      <c r="R27" s="218">
        <v>0</v>
      </c>
      <c r="S27" s="218">
        <v>3</v>
      </c>
      <c r="T27" s="219">
        <v>2</v>
      </c>
      <c r="U27" s="240">
        <v>8</v>
      </c>
      <c r="V27" s="221">
        <v>8</v>
      </c>
      <c r="W27" s="222">
        <v>0</v>
      </c>
      <c r="X27" s="219">
        <v>0</v>
      </c>
      <c r="Y27" s="219">
        <v>0</v>
      </c>
      <c r="Z27" s="220">
        <v>0</v>
      </c>
      <c r="AA27" s="218">
        <v>0</v>
      </c>
      <c r="AB27" s="218">
        <v>0</v>
      </c>
      <c r="AC27" s="218">
        <v>0</v>
      </c>
      <c r="AD27" s="219">
        <v>0</v>
      </c>
      <c r="AE27" s="240">
        <v>0</v>
      </c>
      <c r="AF27" s="241">
        <v>0</v>
      </c>
      <c r="AG27" s="217">
        <v>0</v>
      </c>
      <c r="AH27" s="219">
        <v>0</v>
      </c>
      <c r="AI27" s="219">
        <v>0</v>
      </c>
      <c r="AJ27" s="220">
        <v>0</v>
      </c>
      <c r="AK27" s="218">
        <v>0</v>
      </c>
      <c r="AL27" s="218">
        <v>0</v>
      </c>
      <c r="AM27" s="218">
        <v>0</v>
      </c>
      <c r="AN27" s="219">
        <v>0</v>
      </c>
      <c r="AO27" s="240">
        <v>0</v>
      </c>
      <c r="AP27" s="242">
        <v>0</v>
      </c>
      <c r="AQ27" s="239"/>
    </row>
    <row r="28" spans="2:43" ht="21" customHeight="1" x14ac:dyDescent="0.2">
      <c r="B28" s="106" t="s">
        <v>26</v>
      </c>
      <c r="C28" s="217">
        <v>0</v>
      </c>
      <c r="D28" s="219">
        <v>0</v>
      </c>
      <c r="E28" s="219">
        <v>0</v>
      </c>
      <c r="F28" s="220">
        <v>0</v>
      </c>
      <c r="G28" s="218">
        <v>0</v>
      </c>
      <c r="H28" s="218">
        <v>1</v>
      </c>
      <c r="I28" s="218">
        <v>0</v>
      </c>
      <c r="J28" s="219">
        <v>2</v>
      </c>
      <c r="K28" s="240">
        <v>3</v>
      </c>
      <c r="L28" s="241">
        <v>3</v>
      </c>
      <c r="M28" s="217">
        <v>0</v>
      </c>
      <c r="N28" s="219">
        <v>0</v>
      </c>
      <c r="O28" s="240">
        <v>0</v>
      </c>
      <c r="P28" s="222">
        <v>0</v>
      </c>
      <c r="Q28" s="218">
        <v>1</v>
      </c>
      <c r="R28" s="218">
        <v>1</v>
      </c>
      <c r="S28" s="218">
        <v>1</v>
      </c>
      <c r="T28" s="219">
        <v>0</v>
      </c>
      <c r="U28" s="240">
        <v>3</v>
      </c>
      <c r="V28" s="221">
        <v>3</v>
      </c>
      <c r="W28" s="222">
        <v>0</v>
      </c>
      <c r="X28" s="219">
        <v>0</v>
      </c>
      <c r="Y28" s="219">
        <v>0</v>
      </c>
      <c r="Z28" s="220">
        <v>0</v>
      </c>
      <c r="AA28" s="218">
        <v>0</v>
      </c>
      <c r="AB28" s="218">
        <v>0</v>
      </c>
      <c r="AC28" s="218">
        <v>0</v>
      </c>
      <c r="AD28" s="219">
        <v>0</v>
      </c>
      <c r="AE28" s="240">
        <v>0</v>
      </c>
      <c r="AF28" s="241">
        <v>0</v>
      </c>
      <c r="AG28" s="217">
        <v>0</v>
      </c>
      <c r="AH28" s="219">
        <v>0</v>
      </c>
      <c r="AI28" s="219">
        <v>0</v>
      </c>
      <c r="AJ28" s="220">
        <v>0</v>
      </c>
      <c r="AK28" s="218">
        <v>0</v>
      </c>
      <c r="AL28" s="218">
        <v>0</v>
      </c>
      <c r="AM28" s="218">
        <v>0</v>
      </c>
      <c r="AN28" s="219">
        <v>0</v>
      </c>
      <c r="AO28" s="240">
        <v>0</v>
      </c>
      <c r="AP28" s="242">
        <v>0</v>
      </c>
      <c r="AQ28" s="239"/>
    </row>
    <row r="29" spans="2:43" ht="21" customHeight="1" x14ac:dyDescent="0.2">
      <c r="B29" s="106" t="s">
        <v>27</v>
      </c>
      <c r="C29" s="217">
        <v>0</v>
      </c>
      <c r="D29" s="219">
        <v>0</v>
      </c>
      <c r="E29" s="219">
        <v>0</v>
      </c>
      <c r="F29" s="220">
        <v>0</v>
      </c>
      <c r="G29" s="218">
        <v>0</v>
      </c>
      <c r="H29" s="218">
        <v>0</v>
      </c>
      <c r="I29" s="218">
        <v>1</v>
      </c>
      <c r="J29" s="219">
        <v>1</v>
      </c>
      <c r="K29" s="240">
        <v>2</v>
      </c>
      <c r="L29" s="241">
        <v>2</v>
      </c>
      <c r="M29" s="217">
        <v>0</v>
      </c>
      <c r="N29" s="219">
        <v>0</v>
      </c>
      <c r="O29" s="240">
        <v>0</v>
      </c>
      <c r="P29" s="222">
        <v>1</v>
      </c>
      <c r="Q29" s="218">
        <v>1</v>
      </c>
      <c r="R29" s="218">
        <v>1</v>
      </c>
      <c r="S29" s="218">
        <v>0</v>
      </c>
      <c r="T29" s="219">
        <v>2</v>
      </c>
      <c r="U29" s="240">
        <v>5</v>
      </c>
      <c r="V29" s="221">
        <v>5</v>
      </c>
      <c r="W29" s="222">
        <v>0</v>
      </c>
      <c r="X29" s="219">
        <v>0</v>
      </c>
      <c r="Y29" s="219">
        <v>0</v>
      </c>
      <c r="Z29" s="220">
        <v>0</v>
      </c>
      <c r="AA29" s="218">
        <v>0</v>
      </c>
      <c r="AB29" s="218">
        <v>0</v>
      </c>
      <c r="AC29" s="218">
        <v>0</v>
      </c>
      <c r="AD29" s="219">
        <v>0</v>
      </c>
      <c r="AE29" s="240">
        <v>0</v>
      </c>
      <c r="AF29" s="241">
        <v>0</v>
      </c>
      <c r="AG29" s="217">
        <v>0</v>
      </c>
      <c r="AH29" s="219">
        <v>0</v>
      </c>
      <c r="AI29" s="219">
        <v>0</v>
      </c>
      <c r="AJ29" s="220">
        <v>0</v>
      </c>
      <c r="AK29" s="218">
        <v>0</v>
      </c>
      <c r="AL29" s="218">
        <v>0</v>
      </c>
      <c r="AM29" s="218">
        <v>0</v>
      </c>
      <c r="AN29" s="219">
        <v>1</v>
      </c>
      <c r="AO29" s="240">
        <v>1</v>
      </c>
      <c r="AP29" s="242">
        <v>1</v>
      </c>
      <c r="AQ29" s="239"/>
    </row>
    <row r="30" spans="2:43" ht="21" customHeight="1" x14ac:dyDescent="0.2">
      <c r="B30" s="106" t="s">
        <v>28</v>
      </c>
      <c r="C30" s="217">
        <v>0</v>
      </c>
      <c r="D30" s="219">
        <v>0</v>
      </c>
      <c r="E30" s="219">
        <v>0</v>
      </c>
      <c r="F30" s="220">
        <v>0</v>
      </c>
      <c r="G30" s="218">
        <v>0</v>
      </c>
      <c r="H30" s="218">
        <v>0</v>
      </c>
      <c r="I30" s="218">
        <v>0</v>
      </c>
      <c r="J30" s="219">
        <v>0</v>
      </c>
      <c r="K30" s="240">
        <v>0</v>
      </c>
      <c r="L30" s="241">
        <v>0</v>
      </c>
      <c r="M30" s="217">
        <v>0</v>
      </c>
      <c r="N30" s="219">
        <v>0</v>
      </c>
      <c r="O30" s="240">
        <v>0</v>
      </c>
      <c r="P30" s="222">
        <v>0</v>
      </c>
      <c r="Q30" s="218">
        <v>0</v>
      </c>
      <c r="R30" s="218">
        <v>1</v>
      </c>
      <c r="S30" s="218">
        <v>0</v>
      </c>
      <c r="T30" s="219">
        <v>0</v>
      </c>
      <c r="U30" s="240">
        <v>1</v>
      </c>
      <c r="V30" s="221">
        <v>1</v>
      </c>
      <c r="W30" s="222">
        <v>0</v>
      </c>
      <c r="X30" s="219">
        <v>0</v>
      </c>
      <c r="Y30" s="219">
        <v>0</v>
      </c>
      <c r="Z30" s="220">
        <v>0</v>
      </c>
      <c r="AA30" s="218">
        <v>0</v>
      </c>
      <c r="AB30" s="218">
        <v>0</v>
      </c>
      <c r="AC30" s="218">
        <v>0</v>
      </c>
      <c r="AD30" s="219">
        <v>0</v>
      </c>
      <c r="AE30" s="240">
        <v>0</v>
      </c>
      <c r="AF30" s="241">
        <v>0</v>
      </c>
      <c r="AG30" s="217">
        <v>0</v>
      </c>
      <c r="AH30" s="219">
        <v>0</v>
      </c>
      <c r="AI30" s="219">
        <v>0</v>
      </c>
      <c r="AJ30" s="220">
        <v>0</v>
      </c>
      <c r="AK30" s="218">
        <v>0</v>
      </c>
      <c r="AL30" s="218">
        <v>0</v>
      </c>
      <c r="AM30" s="218">
        <v>0</v>
      </c>
      <c r="AN30" s="219">
        <v>0</v>
      </c>
      <c r="AO30" s="240">
        <v>0</v>
      </c>
      <c r="AP30" s="242">
        <v>0</v>
      </c>
      <c r="AQ30" s="239"/>
    </row>
    <row r="31" spans="2:43" ht="21" customHeight="1" x14ac:dyDescent="0.2">
      <c r="B31" s="106" t="s">
        <v>29</v>
      </c>
      <c r="C31" s="217">
        <v>0</v>
      </c>
      <c r="D31" s="219">
        <v>0</v>
      </c>
      <c r="E31" s="219">
        <v>0</v>
      </c>
      <c r="F31" s="220">
        <v>0</v>
      </c>
      <c r="G31" s="218">
        <v>0</v>
      </c>
      <c r="H31" s="218">
        <v>0</v>
      </c>
      <c r="I31" s="218">
        <v>0</v>
      </c>
      <c r="J31" s="219">
        <v>0</v>
      </c>
      <c r="K31" s="240">
        <v>0</v>
      </c>
      <c r="L31" s="241">
        <v>0</v>
      </c>
      <c r="M31" s="217">
        <v>0</v>
      </c>
      <c r="N31" s="219">
        <v>0</v>
      </c>
      <c r="O31" s="240">
        <v>0</v>
      </c>
      <c r="P31" s="222">
        <v>0</v>
      </c>
      <c r="Q31" s="218">
        <v>0</v>
      </c>
      <c r="R31" s="218">
        <v>0</v>
      </c>
      <c r="S31" s="218">
        <v>1</v>
      </c>
      <c r="T31" s="219">
        <v>1</v>
      </c>
      <c r="U31" s="240">
        <v>2</v>
      </c>
      <c r="V31" s="221">
        <v>2</v>
      </c>
      <c r="W31" s="222">
        <v>0</v>
      </c>
      <c r="X31" s="219">
        <v>0</v>
      </c>
      <c r="Y31" s="219">
        <v>0</v>
      </c>
      <c r="Z31" s="220">
        <v>0</v>
      </c>
      <c r="AA31" s="218">
        <v>0</v>
      </c>
      <c r="AB31" s="218">
        <v>0</v>
      </c>
      <c r="AC31" s="218">
        <v>0</v>
      </c>
      <c r="AD31" s="219">
        <v>0</v>
      </c>
      <c r="AE31" s="240">
        <v>0</v>
      </c>
      <c r="AF31" s="241">
        <v>0</v>
      </c>
      <c r="AG31" s="217">
        <v>0</v>
      </c>
      <c r="AH31" s="219">
        <v>0</v>
      </c>
      <c r="AI31" s="219">
        <v>0</v>
      </c>
      <c r="AJ31" s="220">
        <v>0</v>
      </c>
      <c r="AK31" s="218">
        <v>0</v>
      </c>
      <c r="AL31" s="218">
        <v>1</v>
      </c>
      <c r="AM31" s="218">
        <v>0</v>
      </c>
      <c r="AN31" s="219">
        <v>0</v>
      </c>
      <c r="AO31" s="240">
        <v>1</v>
      </c>
      <c r="AP31" s="242">
        <v>1</v>
      </c>
      <c r="AQ31" s="239"/>
    </row>
    <row r="32" spans="2:43" ht="21" customHeight="1" x14ac:dyDescent="0.2">
      <c r="B32" s="106" t="s">
        <v>30</v>
      </c>
      <c r="C32" s="217">
        <v>0</v>
      </c>
      <c r="D32" s="219">
        <v>0</v>
      </c>
      <c r="E32" s="219">
        <v>0</v>
      </c>
      <c r="F32" s="220">
        <v>0</v>
      </c>
      <c r="G32" s="218">
        <v>0</v>
      </c>
      <c r="H32" s="218">
        <v>1</v>
      </c>
      <c r="I32" s="218">
        <v>1</v>
      </c>
      <c r="J32" s="219">
        <v>0</v>
      </c>
      <c r="K32" s="240">
        <v>2</v>
      </c>
      <c r="L32" s="241">
        <v>2</v>
      </c>
      <c r="M32" s="217">
        <v>0</v>
      </c>
      <c r="N32" s="219">
        <v>0</v>
      </c>
      <c r="O32" s="240">
        <v>0</v>
      </c>
      <c r="P32" s="222">
        <v>1</v>
      </c>
      <c r="Q32" s="218">
        <v>0</v>
      </c>
      <c r="R32" s="218">
        <v>0</v>
      </c>
      <c r="S32" s="218">
        <v>1</v>
      </c>
      <c r="T32" s="219">
        <v>0</v>
      </c>
      <c r="U32" s="240">
        <v>2</v>
      </c>
      <c r="V32" s="221">
        <v>2</v>
      </c>
      <c r="W32" s="222">
        <v>0</v>
      </c>
      <c r="X32" s="219">
        <v>0</v>
      </c>
      <c r="Y32" s="219">
        <v>0</v>
      </c>
      <c r="Z32" s="220">
        <v>0</v>
      </c>
      <c r="AA32" s="218">
        <v>0</v>
      </c>
      <c r="AB32" s="218">
        <v>0</v>
      </c>
      <c r="AC32" s="218">
        <v>0</v>
      </c>
      <c r="AD32" s="219">
        <v>0</v>
      </c>
      <c r="AE32" s="240">
        <v>0</v>
      </c>
      <c r="AF32" s="241">
        <v>0</v>
      </c>
      <c r="AG32" s="217">
        <v>0</v>
      </c>
      <c r="AH32" s="219">
        <v>0</v>
      </c>
      <c r="AI32" s="219">
        <v>0</v>
      </c>
      <c r="AJ32" s="220">
        <v>0</v>
      </c>
      <c r="AK32" s="218">
        <v>0</v>
      </c>
      <c r="AL32" s="218">
        <v>0</v>
      </c>
      <c r="AM32" s="218">
        <v>0</v>
      </c>
      <c r="AN32" s="219">
        <v>0</v>
      </c>
      <c r="AO32" s="240">
        <v>0</v>
      </c>
      <c r="AP32" s="242">
        <v>0</v>
      </c>
      <c r="AQ32" s="239"/>
    </row>
    <row r="33" spans="2:43" ht="21" customHeight="1" x14ac:dyDescent="0.2">
      <c r="B33" s="106" t="s">
        <v>31</v>
      </c>
      <c r="C33" s="217">
        <v>0</v>
      </c>
      <c r="D33" s="219">
        <v>0</v>
      </c>
      <c r="E33" s="219">
        <v>0</v>
      </c>
      <c r="F33" s="220">
        <v>0</v>
      </c>
      <c r="G33" s="218">
        <v>0</v>
      </c>
      <c r="H33" s="218">
        <v>2</v>
      </c>
      <c r="I33" s="218">
        <v>0</v>
      </c>
      <c r="J33" s="219">
        <v>0</v>
      </c>
      <c r="K33" s="240">
        <v>2</v>
      </c>
      <c r="L33" s="241">
        <v>2</v>
      </c>
      <c r="M33" s="217">
        <v>0</v>
      </c>
      <c r="N33" s="219">
        <v>0</v>
      </c>
      <c r="O33" s="240">
        <v>0</v>
      </c>
      <c r="P33" s="222">
        <v>0</v>
      </c>
      <c r="Q33" s="218">
        <v>0</v>
      </c>
      <c r="R33" s="218">
        <v>0</v>
      </c>
      <c r="S33" s="218">
        <v>0</v>
      </c>
      <c r="T33" s="219">
        <v>0</v>
      </c>
      <c r="U33" s="240">
        <v>0</v>
      </c>
      <c r="V33" s="221">
        <v>0</v>
      </c>
      <c r="W33" s="222">
        <v>0</v>
      </c>
      <c r="X33" s="219">
        <v>0</v>
      </c>
      <c r="Y33" s="219">
        <v>0</v>
      </c>
      <c r="Z33" s="220">
        <v>0</v>
      </c>
      <c r="AA33" s="218">
        <v>0</v>
      </c>
      <c r="AB33" s="218">
        <v>0</v>
      </c>
      <c r="AC33" s="218">
        <v>0</v>
      </c>
      <c r="AD33" s="219">
        <v>0</v>
      </c>
      <c r="AE33" s="240">
        <v>0</v>
      </c>
      <c r="AF33" s="241">
        <v>0</v>
      </c>
      <c r="AG33" s="217">
        <v>0</v>
      </c>
      <c r="AH33" s="219">
        <v>0</v>
      </c>
      <c r="AI33" s="219">
        <v>0</v>
      </c>
      <c r="AJ33" s="220">
        <v>0</v>
      </c>
      <c r="AK33" s="218">
        <v>0</v>
      </c>
      <c r="AL33" s="218">
        <v>0</v>
      </c>
      <c r="AM33" s="218">
        <v>0</v>
      </c>
      <c r="AN33" s="219">
        <v>0</v>
      </c>
      <c r="AO33" s="240">
        <v>0</v>
      </c>
      <c r="AP33" s="242">
        <v>0</v>
      </c>
      <c r="AQ33" s="239"/>
    </row>
    <row r="34" spans="2:43" ht="21" customHeight="1" x14ac:dyDescent="0.2">
      <c r="B34" s="106" t="s">
        <v>32</v>
      </c>
      <c r="C34" s="217">
        <v>0</v>
      </c>
      <c r="D34" s="219">
        <v>0</v>
      </c>
      <c r="E34" s="219">
        <v>0</v>
      </c>
      <c r="F34" s="220">
        <v>0</v>
      </c>
      <c r="G34" s="218">
        <v>0</v>
      </c>
      <c r="H34" s="218">
        <v>0</v>
      </c>
      <c r="I34" s="218">
        <v>2</v>
      </c>
      <c r="J34" s="219">
        <v>1</v>
      </c>
      <c r="K34" s="240">
        <v>3</v>
      </c>
      <c r="L34" s="241">
        <v>3</v>
      </c>
      <c r="M34" s="217">
        <v>0</v>
      </c>
      <c r="N34" s="219">
        <v>0</v>
      </c>
      <c r="O34" s="240">
        <v>0</v>
      </c>
      <c r="P34" s="222">
        <v>0</v>
      </c>
      <c r="Q34" s="218">
        <v>0</v>
      </c>
      <c r="R34" s="218">
        <v>0</v>
      </c>
      <c r="S34" s="218">
        <v>1</v>
      </c>
      <c r="T34" s="219">
        <v>0</v>
      </c>
      <c r="U34" s="240">
        <v>1</v>
      </c>
      <c r="V34" s="221">
        <v>1</v>
      </c>
      <c r="W34" s="222">
        <v>0</v>
      </c>
      <c r="X34" s="219">
        <v>0</v>
      </c>
      <c r="Y34" s="219">
        <v>0</v>
      </c>
      <c r="Z34" s="220">
        <v>0</v>
      </c>
      <c r="AA34" s="218">
        <v>0</v>
      </c>
      <c r="AB34" s="218">
        <v>0</v>
      </c>
      <c r="AC34" s="218">
        <v>0</v>
      </c>
      <c r="AD34" s="219">
        <v>0</v>
      </c>
      <c r="AE34" s="240">
        <v>0</v>
      </c>
      <c r="AF34" s="241">
        <v>0</v>
      </c>
      <c r="AG34" s="217">
        <v>0</v>
      </c>
      <c r="AH34" s="219">
        <v>0</v>
      </c>
      <c r="AI34" s="219">
        <v>0</v>
      </c>
      <c r="AJ34" s="220">
        <v>0</v>
      </c>
      <c r="AK34" s="218">
        <v>0</v>
      </c>
      <c r="AL34" s="218">
        <v>0</v>
      </c>
      <c r="AM34" s="218">
        <v>0</v>
      </c>
      <c r="AN34" s="219">
        <v>0</v>
      </c>
      <c r="AO34" s="240">
        <v>0</v>
      </c>
      <c r="AP34" s="242">
        <v>0</v>
      </c>
      <c r="AQ34" s="239"/>
    </row>
    <row r="35" spans="2:43" ht="21" customHeight="1" x14ac:dyDescent="0.2">
      <c r="B35" s="106" t="s">
        <v>33</v>
      </c>
      <c r="C35" s="217">
        <v>0</v>
      </c>
      <c r="D35" s="219">
        <v>0</v>
      </c>
      <c r="E35" s="219">
        <v>0</v>
      </c>
      <c r="F35" s="220">
        <v>0</v>
      </c>
      <c r="G35" s="218">
        <v>0</v>
      </c>
      <c r="H35" s="218">
        <v>0</v>
      </c>
      <c r="I35" s="218">
        <v>0</v>
      </c>
      <c r="J35" s="219">
        <v>0</v>
      </c>
      <c r="K35" s="240">
        <v>0</v>
      </c>
      <c r="L35" s="241">
        <v>0</v>
      </c>
      <c r="M35" s="217">
        <v>0</v>
      </c>
      <c r="N35" s="219">
        <v>0</v>
      </c>
      <c r="O35" s="240">
        <v>0</v>
      </c>
      <c r="P35" s="222">
        <v>0</v>
      </c>
      <c r="Q35" s="218">
        <v>0</v>
      </c>
      <c r="R35" s="218">
        <v>0</v>
      </c>
      <c r="S35" s="218">
        <v>0</v>
      </c>
      <c r="T35" s="219">
        <v>0</v>
      </c>
      <c r="U35" s="240">
        <v>0</v>
      </c>
      <c r="V35" s="221">
        <v>0</v>
      </c>
      <c r="W35" s="222">
        <v>0</v>
      </c>
      <c r="X35" s="219">
        <v>0</v>
      </c>
      <c r="Y35" s="219">
        <v>0</v>
      </c>
      <c r="Z35" s="220">
        <v>0</v>
      </c>
      <c r="AA35" s="218">
        <v>0</v>
      </c>
      <c r="AB35" s="218">
        <v>0</v>
      </c>
      <c r="AC35" s="218">
        <v>0</v>
      </c>
      <c r="AD35" s="219">
        <v>0</v>
      </c>
      <c r="AE35" s="240">
        <v>0</v>
      </c>
      <c r="AF35" s="241">
        <v>0</v>
      </c>
      <c r="AG35" s="217">
        <v>0</v>
      </c>
      <c r="AH35" s="219">
        <v>0</v>
      </c>
      <c r="AI35" s="219">
        <v>0</v>
      </c>
      <c r="AJ35" s="220">
        <v>0</v>
      </c>
      <c r="AK35" s="218">
        <v>1</v>
      </c>
      <c r="AL35" s="218">
        <v>0</v>
      </c>
      <c r="AM35" s="218">
        <v>2</v>
      </c>
      <c r="AN35" s="219">
        <v>0</v>
      </c>
      <c r="AO35" s="240">
        <v>3</v>
      </c>
      <c r="AP35" s="242">
        <v>3</v>
      </c>
      <c r="AQ35" s="239"/>
    </row>
    <row r="36" spans="2:43" ht="21" customHeight="1" x14ac:dyDescent="0.2">
      <c r="B36" s="106" t="s">
        <v>34</v>
      </c>
      <c r="C36" s="217">
        <v>0</v>
      </c>
      <c r="D36" s="219">
        <v>0</v>
      </c>
      <c r="E36" s="219">
        <v>0</v>
      </c>
      <c r="F36" s="220">
        <v>0</v>
      </c>
      <c r="G36" s="218">
        <v>0</v>
      </c>
      <c r="H36" s="218">
        <v>0</v>
      </c>
      <c r="I36" s="218">
        <v>1</v>
      </c>
      <c r="J36" s="219">
        <v>0</v>
      </c>
      <c r="K36" s="240">
        <v>1</v>
      </c>
      <c r="L36" s="241">
        <v>1</v>
      </c>
      <c r="M36" s="217">
        <v>0</v>
      </c>
      <c r="N36" s="219">
        <v>0</v>
      </c>
      <c r="O36" s="240">
        <v>0</v>
      </c>
      <c r="P36" s="222">
        <v>0</v>
      </c>
      <c r="Q36" s="218">
        <v>0</v>
      </c>
      <c r="R36" s="218">
        <v>0</v>
      </c>
      <c r="S36" s="218">
        <v>0</v>
      </c>
      <c r="T36" s="219">
        <v>0</v>
      </c>
      <c r="U36" s="240">
        <v>0</v>
      </c>
      <c r="V36" s="221">
        <v>0</v>
      </c>
      <c r="W36" s="222">
        <v>0</v>
      </c>
      <c r="X36" s="219">
        <v>0</v>
      </c>
      <c r="Y36" s="219">
        <v>0</v>
      </c>
      <c r="Z36" s="220">
        <v>0</v>
      </c>
      <c r="AA36" s="218">
        <v>0</v>
      </c>
      <c r="AB36" s="218">
        <v>0</v>
      </c>
      <c r="AC36" s="218">
        <v>0</v>
      </c>
      <c r="AD36" s="219">
        <v>0</v>
      </c>
      <c r="AE36" s="240">
        <v>0</v>
      </c>
      <c r="AF36" s="241">
        <v>0</v>
      </c>
      <c r="AG36" s="217">
        <v>0</v>
      </c>
      <c r="AH36" s="219">
        <v>0</v>
      </c>
      <c r="AI36" s="219">
        <v>0</v>
      </c>
      <c r="AJ36" s="220">
        <v>0</v>
      </c>
      <c r="AK36" s="218">
        <v>0</v>
      </c>
      <c r="AL36" s="218">
        <v>0</v>
      </c>
      <c r="AM36" s="218">
        <v>0</v>
      </c>
      <c r="AN36" s="219">
        <v>0</v>
      </c>
      <c r="AO36" s="240">
        <v>0</v>
      </c>
      <c r="AP36" s="242">
        <v>0</v>
      </c>
      <c r="AQ36" s="239"/>
    </row>
    <row r="37" spans="2:43" ht="21" customHeight="1" x14ac:dyDescent="0.2">
      <c r="B37" s="106" t="s">
        <v>35</v>
      </c>
      <c r="C37" s="217">
        <v>0</v>
      </c>
      <c r="D37" s="219">
        <v>0</v>
      </c>
      <c r="E37" s="219">
        <v>0</v>
      </c>
      <c r="F37" s="220">
        <v>0</v>
      </c>
      <c r="G37" s="218">
        <v>0</v>
      </c>
      <c r="H37" s="218">
        <v>0</v>
      </c>
      <c r="I37" s="218">
        <v>1</v>
      </c>
      <c r="J37" s="219">
        <v>0</v>
      </c>
      <c r="K37" s="240">
        <v>1</v>
      </c>
      <c r="L37" s="241">
        <v>1</v>
      </c>
      <c r="M37" s="217">
        <v>0</v>
      </c>
      <c r="N37" s="219">
        <v>0</v>
      </c>
      <c r="O37" s="240">
        <v>0</v>
      </c>
      <c r="P37" s="222">
        <v>2</v>
      </c>
      <c r="Q37" s="218">
        <v>1</v>
      </c>
      <c r="R37" s="218">
        <v>0</v>
      </c>
      <c r="S37" s="218">
        <v>1</v>
      </c>
      <c r="T37" s="219">
        <v>0</v>
      </c>
      <c r="U37" s="240">
        <v>4</v>
      </c>
      <c r="V37" s="221">
        <v>4</v>
      </c>
      <c r="W37" s="222">
        <v>0</v>
      </c>
      <c r="X37" s="219">
        <v>0</v>
      </c>
      <c r="Y37" s="219">
        <v>0</v>
      </c>
      <c r="Z37" s="220">
        <v>0</v>
      </c>
      <c r="AA37" s="218">
        <v>0</v>
      </c>
      <c r="AB37" s="218">
        <v>0</v>
      </c>
      <c r="AC37" s="218">
        <v>0</v>
      </c>
      <c r="AD37" s="219">
        <v>0</v>
      </c>
      <c r="AE37" s="240">
        <v>0</v>
      </c>
      <c r="AF37" s="241">
        <v>0</v>
      </c>
      <c r="AG37" s="217">
        <v>0</v>
      </c>
      <c r="AH37" s="219">
        <v>0</v>
      </c>
      <c r="AI37" s="219">
        <v>0</v>
      </c>
      <c r="AJ37" s="220">
        <v>0</v>
      </c>
      <c r="AK37" s="218">
        <v>0</v>
      </c>
      <c r="AL37" s="218">
        <v>0</v>
      </c>
      <c r="AM37" s="218">
        <v>0</v>
      </c>
      <c r="AN37" s="219">
        <v>0</v>
      </c>
      <c r="AO37" s="240">
        <v>0</v>
      </c>
      <c r="AP37" s="242">
        <v>0</v>
      </c>
      <c r="AQ37" s="239"/>
    </row>
    <row r="38" spans="2:43" ht="21" customHeight="1" x14ac:dyDescent="0.2">
      <c r="B38" s="106" t="s">
        <v>36</v>
      </c>
      <c r="C38" s="217">
        <v>0</v>
      </c>
      <c r="D38" s="219">
        <v>0</v>
      </c>
      <c r="E38" s="219">
        <v>0</v>
      </c>
      <c r="F38" s="220">
        <v>0</v>
      </c>
      <c r="G38" s="218">
        <v>0</v>
      </c>
      <c r="H38" s="218">
        <v>0</v>
      </c>
      <c r="I38" s="218">
        <v>0</v>
      </c>
      <c r="J38" s="219">
        <v>1</v>
      </c>
      <c r="K38" s="240">
        <v>1</v>
      </c>
      <c r="L38" s="241">
        <v>1</v>
      </c>
      <c r="M38" s="217">
        <v>0</v>
      </c>
      <c r="N38" s="219">
        <v>0</v>
      </c>
      <c r="O38" s="240">
        <v>0</v>
      </c>
      <c r="P38" s="222">
        <v>0</v>
      </c>
      <c r="Q38" s="218">
        <v>0</v>
      </c>
      <c r="R38" s="218">
        <v>1</v>
      </c>
      <c r="S38" s="218">
        <v>0</v>
      </c>
      <c r="T38" s="219">
        <v>0</v>
      </c>
      <c r="U38" s="240">
        <v>1</v>
      </c>
      <c r="V38" s="221">
        <v>1</v>
      </c>
      <c r="W38" s="222">
        <v>0</v>
      </c>
      <c r="X38" s="219">
        <v>0</v>
      </c>
      <c r="Y38" s="219">
        <v>0</v>
      </c>
      <c r="Z38" s="220">
        <v>0</v>
      </c>
      <c r="AA38" s="218">
        <v>0</v>
      </c>
      <c r="AB38" s="218">
        <v>0</v>
      </c>
      <c r="AC38" s="218">
        <v>0</v>
      </c>
      <c r="AD38" s="219">
        <v>0</v>
      </c>
      <c r="AE38" s="240">
        <v>0</v>
      </c>
      <c r="AF38" s="241">
        <v>0</v>
      </c>
      <c r="AG38" s="217">
        <v>0</v>
      </c>
      <c r="AH38" s="219">
        <v>0</v>
      </c>
      <c r="AI38" s="219">
        <v>0</v>
      </c>
      <c r="AJ38" s="220">
        <v>0</v>
      </c>
      <c r="AK38" s="218">
        <v>0</v>
      </c>
      <c r="AL38" s="218">
        <v>0</v>
      </c>
      <c r="AM38" s="218">
        <v>0</v>
      </c>
      <c r="AN38" s="219">
        <v>0</v>
      </c>
      <c r="AO38" s="240">
        <v>0</v>
      </c>
      <c r="AP38" s="242">
        <v>0</v>
      </c>
      <c r="AQ38" s="239"/>
    </row>
    <row r="39" spans="2:43" ht="21" customHeight="1" thickBot="1" x14ac:dyDescent="0.25">
      <c r="B39" s="108" t="s">
        <v>37</v>
      </c>
      <c r="C39" s="223">
        <v>0</v>
      </c>
      <c r="D39" s="225">
        <v>0</v>
      </c>
      <c r="E39" s="225">
        <v>0</v>
      </c>
      <c r="F39" s="226">
        <v>0</v>
      </c>
      <c r="G39" s="224">
        <v>0</v>
      </c>
      <c r="H39" s="224">
        <v>0</v>
      </c>
      <c r="I39" s="224">
        <v>0</v>
      </c>
      <c r="J39" s="225">
        <v>0</v>
      </c>
      <c r="K39" s="243">
        <v>0</v>
      </c>
      <c r="L39" s="244">
        <v>0</v>
      </c>
      <c r="M39" s="223">
        <v>0</v>
      </c>
      <c r="N39" s="225">
        <v>0</v>
      </c>
      <c r="O39" s="243">
        <v>0</v>
      </c>
      <c r="P39" s="228">
        <v>0</v>
      </c>
      <c r="Q39" s="224">
        <v>0</v>
      </c>
      <c r="R39" s="224">
        <v>0</v>
      </c>
      <c r="S39" s="224">
        <v>0</v>
      </c>
      <c r="T39" s="225">
        <v>0</v>
      </c>
      <c r="U39" s="243">
        <v>0</v>
      </c>
      <c r="V39" s="227">
        <v>0</v>
      </c>
      <c r="W39" s="228">
        <v>0</v>
      </c>
      <c r="X39" s="225">
        <v>0</v>
      </c>
      <c r="Y39" s="225">
        <v>0</v>
      </c>
      <c r="Z39" s="226">
        <v>0</v>
      </c>
      <c r="AA39" s="224">
        <v>0</v>
      </c>
      <c r="AB39" s="224">
        <v>0</v>
      </c>
      <c r="AC39" s="224">
        <v>0</v>
      </c>
      <c r="AD39" s="225">
        <v>0</v>
      </c>
      <c r="AE39" s="243">
        <v>0</v>
      </c>
      <c r="AF39" s="244">
        <v>0</v>
      </c>
      <c r="AG39" s="223">
        <v>0</v>
      </c>
      <c r="AH39" s="225">
        <v>0</v>
      </c>
      <c r="AI39" s="225">
        <v>0</v>
      </c>
      <c r="AJ39" s="226">
        <v>0</v>
      </c>
      <c r="AK39" s="224">
        <v>0</v>
      </c>
      <c r="AL39" s="224">
        <v>0</v>
      </c>
      <c r="AM39" s="224">
        <v>0</v>
      </c>
      <c r="AN39" s="225">
        <v>0</v>
      </c>
      <c r="AO39" s="243">
        <v>0</v>
      </c>
      <c r="AP39" s="245">
        <v>0</v>
      </c>
      <c r="AQ39" s="239"/>
    </row>
    <row r="40" spans="2:43" x14ac:dyDescent="0.2">
      <c r="C40" s="246"/>
      <c r="D40" s="246"/>
      <c r="E40" s="246"/>
      <c r="F40" s="246"/>
      <c r="G40" s="246"/>
      <c r="H40" s="246"/>
      <c r="I40" s="246"/>
      <c r="J40" s="246"/>
      <c r="K40" s="246"/>
      <c r="L40" s="246"/>
      <c r="M40" s="239"/>
      <c r="N40" s="239"/>
      <c r="O40" s="239"/>
      <c r="P40" s="239"/>
      <c r="Q40" s="239"/>
      <c r="R40" s="239"/>
      <c r="S40" s="239"/>
      <c r="T40" s="239"/>
      <c r="U40" s="239"/>
      <c r="V40" s="239"/>
      <c r="W40" s="239"/>
      <c r="X40" s="239"/>
      <c r="Y40" s="239"/>
      <c r="Z40" s="239"/>
      <c r="AA40" s="239"/>
      <c r="AB40" s="239"/>
      <c r="AC40" s="239"/>
      <c r="AD40" s="239"/>
      <c r="AE40" s="239"/>
      <c r="AF40" s="239"/>
      <c r="AG40" s="239"/>
      <c r="AH40" s="239"/>
      <c r="AI40" s="239"/>
      <c r="AJ40" s="239"/>
      <c r="AK40" s="239"/>
      <c r="AL40" s="239"/>
      <c r="AM40" s="239"/>
      <c r="AN40" s="239"/>
      <c r="AO40" s="239"/>
      <c r="AP40" s="239"/>
      <c r="AQ40" s="239"/>
    </row>
    <row r="41" spans="2:43" x14ac:dyDescent="0.2">
      <c r="C41" s="246"/>
      <c r="D41" s="246"/>
      <c r="E41" s="246"/>
      <c r="F41" s="246"/>
      <c r="G41" s="246"/>
      <c r="H41" s="246"/>
      <c r="I41" s="246"/>
      <c r="J41" s="246"/>
      <c r="K41" s="246"/>
      <c r="L41" s="246"/>
      <c r="M41" s="239"/>
      <c r="N41" s="239"/>
      <c r="O41" s="239"/>
      <c r="P41" s="239"/>
      <c r="Q41" s="239"/>
      <c r="R41" s="239"/>
      <c r="S41" s="239"/>
      <c r="T41" s="239"/>
      <c r="U41" s="239"/>
      <c r="V41" s="239"/>
      <c r="W41" s="239"/>
      <c r="X41" s="239"/>
      <c r="Y41" s="239"/>
      <c r="Z41" s="239"/>
      <c r="AA41" s="239"/>
      <c r="AB41" s="239"/>
      <c r="AC41" s="239"/>
      <c r="AD41" s="239"/>
      <c r="AE41" s="239"/>
      <c r="AF41" s="239"/>
      <c r="AG41" s="239"/>
      <c r="AH41" s="239"/>
      <c r="AI41" s="239"/>
      <c r="AJ41" s="239"/>
      <c r="AK41" s="239"/>
      <c r="AL41" s="239"/>
      <c r="AM41" s="239"/>
      <c r="AN41" s="239"/>
      <c r="AO41" s="239"/>
      <c r="AP41" s="239"/>
      <c r="AQ41" s="239"/>
    </row>
    <row r="42" spans="2:43" x14ac:dyDescent="0.2">
      <c r="C42" s="246"/>
      <c r="D42" s="246"/>
      <c r="E42" s="246"/>
      <c r="F42" s="246"/>
      <c r="G42" s="246"/>
      <c r="H42" s="246"/>
      <c r="I42" s="246"/>
      <c r="J42" s="246"/>
      <c r="K42" s="246"/>
      <c r="L42" s="246"/>
      <c r="M42" s="239"/>
      <c r="N42" s="239"/>
      <c r="O42" s="239"/>
      <c r="P42" s="239"/>
      <c r="Q42" s="239"/>
      <c r="R42" s="239"/>
      <c r="S42" s="239"/>
      <c r="T42" s="239"/>
      <c r="U42" s="239"/>
      <c r="V42" s="239"/>
      <c r="W42" s="239"/>
      <c r="X42" s="239"/>
      <c r="Y42" s="239"/>
      <c r="Z42" s="239"/>
      <c r="AA42" s="239"/>
      <c r="AB42" s="239"/>
      <c r="AC42" s="239"/>
      <c r="AD42" s="239"/>
      <c r="AE42" s="239"/>
      <c r="AF42" s="239"/>
      <c r="AG42" s="239"/>
      <c r="AH42" s="239"/>
      <c r="AI42" s="239"/>
      <c r="AJ42" s="239"/>
      <c r="AK42" s="239"/>
      <c r="AL42" s="239"/>
      <c r="AM42" s="239"/>
      <c r="AN42" s="239"/>
      <c r="AO42" s="239"/>
      <c r="AP42" s="239"/>
      <c r="AQ42" s="239"/>
    </row>
    <row r="43" spans="2:43" x14ac:dyDescent="0.2">
      <c r="C43" s="246"/>
      <c r="D43" s="246"/>
      <c r="E43" s="246"/>
      <c r="F43" s="246"/>
      <c r="G43" s="246"/>
      <c r="H43" s="246"/>
      <c r="I43" s="246"/>
      <c r="J43" s="246"/>
      <c r="K43" s="246"/>
      <c r="L43" s="246"/>
      <c r="M43" s="239"/>
      <c r="N43" s="239"/>
      <c r="O43" s="239"/>
      <c r="P43" s="239"/>
      <c r="Q43" s="239"/>
      <c r="R43" s="239"/>
      <c r="S43" s="239"/>
      <c r="T43" s="239"/>
      <c r="U43" s="239"/>
      <c r="V43" s="239"/>
      <c r="W43" s="239"/>
      <c r="X43" s="239"/>
      <c r="Y43" s="239"/>
      <c r="Z43" s="239"/>
      <c r="AA43" s="239"/>
      <c r="AB43" s="239"/>
      <c r="AC43" s="239"/>
      <c r="AD43" s="239"/>
      <c r="AE43" s="239"/>
      <c r="AF43" s="239"/>
      <c r="AG43" s="239"/>
      <c r="AH43" s="239"/>
      <c r="AI43" s="239"/>
      <c r="AJ43" s="239"/>
      <c r="AK43" s="239"/>
      <c r="AL43" s="239"/>
      <c r="AM43" s="239"/>
      <c r="AN43" s="239"/>
      <c r="AO43" s="239"/>
      <c r="AP43" s="239"/>
      <c r="AQ43" s="239"/>
    </row>
    <row r="44" spans="2:43" x14ac:dyDescent="0.2">
      <c r="C44" s="246"/>
      <c r="D44" s="246"/>
      <c r="E44" s="246"/>
      <c r="F44" s="246"/>
      <c r="G44" s="246"/>
      <c r="H44" s="246"/>
      <c r="I44" s="246"/>
      <c r="J44" s="246"/>
      <c r="K44" s="246"/>
      <c r="L44" s="246"/>
      <c r="M44" s="239"/>
      <c r="N44" s="239"/>
      <c r="O44" s="239"/>
      <c r="P44" s="239"/>
      <c r="Q44" s="239"/>
      <c r="R44" s="239"/>
      <c r="S44" s="239"/>
      <c r="T44" s="239"/>
      <c r="U44" s="239"/>
      <c r="V44" s="239"/>
      <c r="W44" s="239"/>
      <c r="X44" s="239"/>
      <c r="Y44" s="239"/>
      <c r="Z44" s="239"/>
      <c r="AA44" s="239"/>
      <c r="AB44" s="239"/>
      <c r="AC44" s="239"/>
      <c r="AD44" s="239"/>
      <c r="AE44" s="239"/>
      <c r="AF44" s="239"/>
      <c r="AG44" s="239"/>
      <c r="AH44" s="239"/>
      <c r="AI44" s="239"/>
      <c r="AJ44" s="239"/>
      <c r="AK44" s="239"/>
      <c r="AL44" s="239"/>
      <c r="AM44" s="239"/>
      <c r="AN44" s="239"/>
      <c r="AO44" s="239"/>
      <c r="AP44" s="239"/>
      <c r="AQ44" s="239"/>
    </row>
    <row r="45" spans="2:43" x14ac:dyDescent="0.2">
      <c r="C45" s="70"/>
      <c r="D45" s="70"/>
      <c r="E45" s="70"/>
      <c r="F45" s="70"/>
      <c r="G45" s="70"/>
      <c r="H45" s="70"/>
      <c r="I45" s="70"/>
      <c r="J45" s="70"/>
      <c r="K45" s="70"/>
      <c r="L45" s="70"/>
    </row>
    <row r="46" spans="2:43" x14ac:dyDescent="0.2">
      <c r="C46" s="70"/>
      <c r="D46" s="70"/>
      <c r="E46" s="70"/>
      <c r="F46" s="70"/>
      <c r="G46" s="70"/>
      <c r="H46" s="70"/>
      <c r="I46" s="70"/>
      <c r="J46" s="70"/>
      <c r="K46" s="70"/>
      <c r="L46" s="70"/>
    </row>
    <row r="47" spans="2:43" x14ac:dyDescent="0.2">
      <c r="C47" s="70"/>
      <c r="D47" s="70"/>
      <c r="E47" s="70"/>
      <c r="F47" s="70"/>
      <c r="G47" s="70"/>
      <c r="H47" s="70"/>
      <c r="I47" s="70"/>
      <c r="J47" s="70"/>
      <c r="K47" s="70"/>
      <c r="L47" s="70"/>
    </row>
    <row r="48" spans="2:43" x14ac:dyDescent="0.2">
      <c r="C48" s="70"/>
      <c r="D48" s="70"/>
      <c r="E48" s="70"/>
      <c r="F48" s="70"/>
      <c r="G48" s="70"/>
      <c r="H48" s="70"/>
      <c r="I48" s="70"/>
      <c r="J48" s="70"/>
      <c r="K48" s="70"/>
      <c r="L48" s="70"/>
    </row>
    <row r="49" spans="3:12" x14ac:dyDescent="0.2">
      <c r="C49" s="70"/>
      <c r="D49" s="70"/>
      <c r="E49" s="70"/>
      <c r="F49" s="70"/>
      <c r="G49" s="70"/>
      <c r="H49" s="70"/>
      <c r="I49" s="70"/>
      <c r="J49" s="70"/>
      <c r="K49" s="70"/>
      <c r="L49" s="70"/>
    </row>
    <row r="50" spans="3:12" x14ac:dyDescent="0.2">
      <c r="C50" s="70"/>
      <c r="D50" s="70"/>
      <c r="E50" s="70"/>
      <c r="F50" s="70"/>
      <c r="G50" s="70"/>
      <c r="H50" s="70"/>
      <c r="I50" s="70"/>
      <c r="J50" s="70"/>
      <c r="K50" s="70"/>
      <c r="L50" s="70"/>
    </row>
    <row r="51" spans="3:12" x14ac:dyDescent="0.2">
      <c r="C51" s="70"/>
      <c r="D51" s="70"/>
      <c r="E51" s="70"/>
      <c r="F51" s="70"/>
      <c r="G51" s="70"/>
      <c r="H51" s="70"/>
      <c r="I51" s="70"/>
      <c r="J51" s="70"/>
      <c r="K51" s="70"/>
      <c r="L51" s="70"/>
    </row>
    <row r="52" spans="3:12" x14ac:dyDescent="0.2">
      <c r="C52" s="70"/>
      <c r="D52" s="70"/>
      <c r="E52" s="70"/>
      <c r="F52" s="70"/>
      <c r="G52" s="70"/>
      <c r="H52" s="70"/>
      <c r="I52" s="70"/>
      <c r="J52" s="70"/>
      <c r="K52" s="70"/>
      <c r="L52" s="70"/>
    </row>
    <row r="53" spans="3:12" x14ac:dyDescent="0.2">
      <c r="C53" s="70"/>
      <c r="D53" s="70"/>
      <c r="E53" s="70"/>
      <c r="F53" s="70"/>
      <c r="G53" s="70"/>
      <c r="H53" s="70"/>
      <c r="I53" s="70"/>
      <c r="J53" s="70"/>
      <c r="K53" s="70"/>
      <c r="L53" s="70"/>
    </row>
    <row r="54" spans="3:12" x14ac:dyDescent="0.2">
      <c r="C54" s="70"/>
      <c r="D54" s="70"/>
      <c r="E54" s="70"/>
      <c r="F54" s="70"/>
      <c r="G54" s="70"/>
      <c r="H54" s="70"/>
      <c r="I54" s="70"/>
      <c r="J54" s="70"/>
      <c r="K54" s="70"/>
      <c r="L54" s="70"/>
    </row>
    <row r="55" spans="3:12" x14ac:dyDescent="0.2">
      <c r="C55" s="70"/>
      <c r="D55" s="70"/>
      <c r="E55" s="70"/>
      <c r="F55" s="70"/>
      <c r="G55" s="70"/>
      <c r="H55" s="70"/>
      <c r="I55" s="70"/>
      <c r="J55" s="70"/>
      <c r="K55" s="70"/>
      <c r="L55" s="70"/>
    </row>
    <row r="56" spans="3:12" x14ac:dyDescent="0.2">
      <c r="C56" s="70"/>
      <c r="D56" s="70"/>
      <c r="E56" s="70"/>
      <c r="F56" s="70"/>
      <c r="G56" s="70"/>
      <c r="H56" s="70"/>
      <c r="I56" s="70"/>
      <c r="J56" s="70"/>
      <c r="K56" s="70"/>
      <c r="L56" s="70"/>
    </row>
    <row r="57" spans="3:12" x14ac:dyDescent="0.2">
      <c r="C57" s="70"/>
      <c r="D57" s="70"/>
      <c r="E57" s="70"/>
      <c r="F57" s="70"/>
      <c r="G57" s="70"/>
      <c r="H57" s="70"/>
      <c r="I57" s="70"/>
      <c r="J57" s="70"/>
      <c r="K57" s="70"/>
      <c r="L57" s="70"/>
    </row>
    <row r="58" spans="3:12" x14ac:dyDescent="0.2">
      <c r="C58" s="70"/>
      <c r="D58" s="70"/>
      <c r="E58" s="70"/>
      <c r="F58" s="70"/>
      <c r="G58" s="70"/>
      <c r="H58" s="70"/>
      <c r="I58" s="70"/>
      <c r="J58" s="70"/>
      <c r="K58" s="70"/>
      <c r="L58" s="70"/>
    </row>
    <row r="59" spans="3:12" x14ac:dyDescent="0.2">
      <c r="C59" s="70"/>
      <c r="D59" s="70"/>
      <c r="E59" s="70"/>
      <c r="F59" s="70"/>
      <c r="G59" s="70"/>
      <c r="H59" s="70"/>
      <c r="I59" s="70"/>
      <c r="J59" s="70"/>
      <c r="K59" s="70"/>
      <c r="L59" s="70"/>
    </row>
    <row r="60" spans="3:12" x14ac:dyDescent="0.2">
      <c r="C60" s="70"/>
      <c r="D60" s="70"/>
      <c r="E60" s="70"/>
      <c r="F60" s="70"/>
      <c r="G60" s="70"/>
      <c r="H60" s="70"/>
      <c r="I60" s="70"/>
      <c r="J60" s="70"/>
      <c r="K60" s="70"/>
      <c r="L60" s="70"/>
    </row>
    <row r="61" spans="3:12" x14ac:dyDescent="0.2">
      <c r="C61" s="70"/>
      <c r="D61" s="70"/>
      <c r="E61" s="70"/>
      <c r="F61" s="70"/>
      <c r="G61" s="70"/>
      <c r="H61" s="70"/>
      <c r="I61" s="70"/>
      <c r="J61" s="70"/>
      <c r="K61" s="70"/>
      <c r="L61" s="70"/>
    </row>
    <row r="62" spans="3:12" x14ac:dyDescent="0.2">
      <c r="C62" s="70"/>
      <c r="D62" s="70"/>
      <c r="E62" s="70"/>
      <c r="F62" s="70"/>
      <c r="G62" s="70"/>
      <c r="H62" s="70"/>
      <c r="I62" s="70"/>
      <c r="J62" s="70"/>
      <c r="K62" s="70"/>
      <c r="L62" s="70"/>
    </row>
    <row r="63" spans="3:12" x14ac:dyDescent="0.2">
      <c r="C63" s="70"/>
      <c r="D63" s="70"/>
      <c r="E63" s="70"/>
      <c r="F63" s="70"/>
      <c r="G63" s="70"/>
      <c r="H63" s="70"/>
      <c r="I63" s="70"/>
      <c r="J63" s="70"/>
      <c r="K63" s="70"/>
      <c r="L63" s="70"/>
    </row>
    <row r="64" spans="3:12" x14ac:dyDescent="0.2">
      <c r="C64" s="70"/>
      <c r="D64" s="70"/>
      <c r="E64" s="70"/>
      <c r="F64" s="70"/>
      <c r="G64" s="70"/>
      <c r="H64" s="70"/>
      <c r="I64" s="70"/>
      <c r="J64" s="70"/>
      <c r="K64" s="70"/>
      <c r="L64" s="70"/>
    </row>
    <row r="65" spans="3:12" x14ac:dyDescent="0.2">
      <c r="C65" s="70"/>
      <c r="D65" s="70"/>
      <c r="E65" s="70"/>
      <c r="F65" s="70"/>
      <c r="G65" s="70"/>
      <c r="H65" s="70"/>
      <c r="I65" s="70"/>
      <c r="J65" s="70"/>
      <c r="K65" s="70"/>
      <c r="L65" s="70"/>
    </row>
    <row r="66" spans="3:12" x14ac:dyDescent="0.2">
      <c r="C66" s="70"/>
      <c r="D66" s="70"/>
      <c r="E66" s="70"/>
      <c r="F66" s="70"/>
      <c r="G66" s="70"/>
      <c r="H66" s="70"/>
      <c r="I66" s="70"/>
      <c r="J66" s="70"/>
      <c r="K66" s="70"/>
      <c r="L66" s="70"/>
    </row>
    <row r="67" spans="3:12" x14ac:dyDescent="0.2">
      <c r="C67" s="70"/>
      <c r="D67" s="70"/>
      <c r="E67" s="70"/>
      <c r="F67" s="70"/>
      <c r="G67" s="70"/>
      <c r="H67" s="70"/>
      <c r="I67" s="70"/>
      <c r="J67" s="70"/>
      <c r="K67" s="70"/>
      <c r="L67" s="70"/>
    </row>
    <row r="68" spans="3:12" x14ac:dyDescent="0.2">
      <c r="C68" s="70"/>
      <c r="D68" s="70"/>
      <c r="E68" s="70"/>
      <c r="F68" s="70"/>
      <c r="G68" s="70"/>
      <c r="H68" s="70"/>
      <c r="I68" s="70"/>
      <c r="J68" s="70"/>
      <c r="K68" s="70"/>
      <c r="L68" s="70"/>
    </row>
    <row r="69" spans="3:12" x14ac:dyDescent="0.2">
      <c r="C69" s="70"/>
      <c r="D69" s="70"/>
      <c r="E69" s="70"/>
      <c r="F69" s="70"/>
      <c r="G69" s="70"/>
      <c r="H69" s="70"/>
      <c r="I69" s="70"/>
      <c r="J69" s="70"/>
      <c r="K69" s="70"/>
      <c r="L69" s="70"/>
    </row>
    <row r="70" spans="3:12" x14ac:dyDescent="0.2">
      <c r="C70" s="70"/>
      <c r="D70" s="70"/>
      <c r="E70" s="70"/>
      <c r="F70" s="70"/>
      <c r="G70" s="70"/>
      <c r="H70" s="70"/>
      <c r="I70" s="70"/>
      <c r="J70" s="70"/>
      <c r="K70" s="70"/>
      <c r="L70" s="70"/>
    </row>
    <row r="71" spans="3:12" x14ac:dyDescent="0.2">
      <c r="C71" s="70"/>
      <c r="D71" s="70"/>
      <c r="E71" s="70"/>
      <c r="F71" s="70"/>
      <c r="G71" s="70"/>
      <c r="H71" s="70"/>
      <c r="I71" s="70"/>
      <c r="J71" s="70"/>
      <c r="K71" s="70"/>
      <c r="L71" s="70"/>
    </row>
    <row r="72" spans="3:12" x14ac:dyDescent="0.2">
      <c r="C72" s="70"/>
      <c r="D72" s="70"/>
      <c r="E72" s="70"/>
      <c r="F72" s="70"/>
      <c r="G72" s="70"/>
      <c r="H72" s="70"/>
      <c r="I72" s="70"/>
      <c r="J72" s="70"/>
      <c r="K72" s="70"/>
      <c r="L72" s="70"/>
    </row>
    <row r="73" spans="3:12" x14ac:dyDescent="0.2">
      <c r="C73" s="70"/>
      <c r="D73" s="70"/>
      <c r="E73" s="70"/>
      <c r="F73" s="70"/>
      <c r="G73" s="70"/>
      <c r="H73" s="70"/>
      <c r="I73" s="70"/>
      <c r="J73" s="70"/>
      <c r="K73" s="70"/>
      <c r="L73" s="70"/>
    </row>
    <row r="74" spans="3:12" x14ac:dyDescent="0.2">
      <c r="C74" s="70"/>
      <c r="D74" s="70"/>
      <c r="E74" s="70"/>
      <c r="F74" s="70"/>
      <c r="G74" s="70"/>
      <c r="H74" s="70"/>
      <c r="I74" s="70"/>
      <c r="J74" s="70"/>
      <c r="K74" s="70"/>
      <c r="L74" s="70"/>
    </row>
    <row r="75" spans="3:12" x14ac:dyDescent="0.2">
      <c r="C75" s="70"/>
      <c r="D75" s="70"/>
      <c r="E75" s="70"/>
      <c r="F75" s="70"/>
      <c r="G75" s="70"/>
      <c r="H75" s="70"/>
      <c r="I75" s="70"/>
      <c r="J75" s="70"/>
      <c r="K75" s="70"/>
      <c r="L75" s="70"/>
    </row>
    <row r="76" spans="3:12" x14ac:dyDescent="0.2">
      <c r="C76" s="70"/>
      <c r="D76" s="70"/>
      <c r="E76" s="70"/>
      <c r="F76" s="70"/>
      <c r="G76" s="70"/>
      <c r="H76" s="70"/>
      <c r="I76" s="70"/>
      <c r="J76" s="70"/>
      <c r="K76" s="70"/>
      <c r="L76" s="70"/>
    </row>
    <row r="77" spans="3:12" x14ac:dyDescent="0.2">
      <c r="C77" s="70"/>
      <c r="D77" s="70"/>
      <c r="E77" s="70"/>
      <c r="F77" s="70"/>
      <c r="G77" s="70"/>
      <c r="H77" s="70"/>
      <c r="I77" s="70"/>
      <c r="J77" s="70"/>
      <c r="K77" s="70"/>
      <c r="L77" s="70"/>
    </row>
    <row r="78" spans="3:12" x14ac:dyDescent="0.2">
      <c r="C78" s="70"/>
      <c r="D78" s="70"/>
      <c r="E78" s="70"/>
      <c r="F78" s="70"/>
      <c r="G78" s="70"/>
      <c r="H78" s="70"/>
      <c r="I78" s="70"/>
      <c r="J78" s="70"/>
      <c r="K78" s="70"/>
      <c r="L78" s="70"/>
    </row>
    <row r="79" spans="3:12" x14ac:dyDescent="0.2">
      <c r="C79" s="70"/>
      <c r="D79" s="70"/>
      <c r="E79" s="70"/>
      <c r="F79" s="70"/>
      <c r="G79" s="70"/>
      <c r="H79" s="70"/>
      <c r="I79" s="70"/>
      <c r="J79" s="70"/>
      <c r="K79" s="70"/>
      <c r="L79" s="70"/>
    </row>
    <row r="80" spans="3:12" x14ac:dyDescent="0.2">
      <c r="C80" s="70"/>
      <c r="D80" s="70"/>
      <c r="E80" s="70"/>
      <c r="F80" s="70"/>
      <c r="G80" s="70"/>
      <c r="H80" s="70"/>
      <c r="I80" s="70"/>
      <c r="J80" s="70"/>
      <c r="K80" s="70"/>
      <c r="L80" s="70"/>
    </row>
    <row r="81" spans="3:12" x14ac:dyDescent="0.2">
      <c r="C81" s="70"/>
      <c r="D81" s="70"/>
      <c r="E81" s="70"/>
      <c r="F81" s="70"/>
      <c r="G81" s="70"/>
      <c r="H81" s="70"/>
      <c r="I81" s="70"/>
      <c r="J81" s="70"/>
      <c r="K81" s="70"/>
      <c r="L81" s="70"/>
    </row>
    <row r="82" spans="3:12" x14ac:dyDescent="0.2">
      <c r="C82" s="70"/>
      <c r="D82" s="70"/>
      <c r="E82" s="70"/>
      <c r="F82" s="70"/>
      <c r="G82" s="70"/>
      <c r="H82" s="70"/>
      <c r="I82" s="70"/>
      <c r="J82" s="70"/>
      <c r="K82" s="70"/>
      <c r="L82" s="70"/>
    </row>
    <row r="83" spans="3:12" x14ac:dyDescent="0.2">
      <c r="C83" s="70"/>
      <c r="D83" s="70"/>
      <c r="E83" s="70"/>
      <c r="F83" s="70"/>
      <c r="G83" s="70"/>
      <c r="H83" s="70"/>
      <c r="I83" s="70"/>
      <c r="J83" s="70"/>
      <c r="K83" s="70"/>
      <c r="L83" s="70"/>
    </row>
    <row r="84" spans="3:12" x14ac:dyDescent="0.2">
      <c r="C84" s="70"/>
      <c r="D84" s="70"/>
      <c r="E84" s="70"/>
      <c r="F84" s="70"/>
      <c r="G84" s="70"/>
      <c r="H84" s="70"/>
      <c r="I84" s="70"/>
      <c r="J84" s="70"/>
      <c r="K84" s="70"/>
      <c r="L84" s="70"/>
    </row>
    <row r="85" spans="3:12" x14ac:dyDescent="0.2">
      <c r="C85" s="70"/>
      <c r="D85" s="70"/>
      <c r="E85" s="70"/>
      <c r="F85" s="70"/>
      <c r="G85" s="70"/>
      <c r="H85" s="70"/>
      <c r="I85" s="70"/>
      <c r="J85" s="70"/>
      <c r="K85" s="70"/>
      <c r="L85" s="70"/>
    </row>
    <row r="86" spans="3:12" x14ac:dyDescent="0.2">
      <c r="C86" s="70"/>
      <c r="D86" s="70"/>
      <c r="E86" s="70"/>
      <c r="F86" s="70"/>
      <c r="G86" s="70"/>
      <c r="H86" s="70"/>
      <c r="I86" s="70"/>
      <c r="J86" s="70"/>
      <c r="K86" s="70"/>
      <c r="L86" s="70"/>
    </row>
    <row r="87" spans="3:12" x14ac:dyDescent="0.2">
      <c r="C87" s="70"/>
      <c r="D87" s="70"/>
      <c r="E87" s="70"/>
      <c r="F87" s="70"/>
      <c r="G87" s="70"/>
      <c r="H87" s="70"/>
      <c r="I87" s="70"/>
      <c r="J87" s="70"/>
      <c r="K87" s="70"/>
      <c r="L87" s="70"/>
    </row>
    <row r="88" spans="3:12" x14ac:dyDescent="0.2">
      <c r="C88" s="70"/>
      <c r="D88" s="70"/>
      <c r="E88" s="70"/>
      <c r="F88" s="70"/>
      <c r="G88" s="70"/>
      <c r="H88" s="70"/>
      <c r="I88" s="70"/>
      <c r="J88" s="70"/>
      <c r="K88" s="70"/>
      <c r="L88" s="70"/>
    </row>
    <row r="89" spans="3:12" x14ac:dyDescent="0.2">
      <c r="C89" s="70"/>
      <c r="D89" s="70"/>
      <c r="E89" s="70"/>
      <c r="F89" s="70"/>
      <c r="G89" s="70"/>
      <c r="H89" s="70"/>
      <c r="I89" s="70"/>
      <c r="J89" s="70"/>
      <c r="K89" s="70"/>
      <c r="L89" s="70"/>
    </row>
    <row r="90" spans="3:12" x14ac:dyDescent="0.2">
      <c r="C90" s="70"/>
      <c r="D90" s="70"/>
      <c r="E90" s="70"/>
      <c r="F90" s="70"/>
      <c r="G90" s="70"/>
      <c r="H90" s="70"/>
      <c r="I90" s="70"/>
      <c r="J90" s="70"/>
      <c r="K90" s="70"/>
      <c r="L90" s="70"/>
    </row>
    <row r="91" spans="3:12" x14ac:dyDescent="0.2">
      <c r="C91" s="70"/>
      <c r="D91" s="70"/>
      <c r="E91" s="70"/>
      <c r="F91" s="70"/>
      <c r="G91" s="70"/>
      <c r="H91" s="70"/>
      <c r="I91" s="70"/>
      <c r="J91" s="70"/>
      <c r="K91" s="70"/>
      <c r="L91" s="70"/>
    </row>
    <row r="92" spans="3:12" x14ac:dyDescent="0.2">
      <c r="C92" s="70"/>
      <c r="D92" s="70"/>
      <c r="E92" s="70"/>
      <c r="F92" s="70"/>
      <c r="G92" s="70"/>
      <c r="H92" s="70"/>
      <c r="I92" s="70"/>
      <c r="J92" s="70"/>
      <c r="K92" s="70"/>
      <c r="L92" s="70"/>
    </row>
    <row r="93" spans="3:12" x14ac:dyDescent="0.2">
      <c r="C93" s="70"/>
      <c r="D93" s="70"/>
      <c r="E93" s="70"/>
      <c r="F93" s="70"/>
      <c r="G93" s="70"/>
      <c r="H93" s="70"/>
      <c r="I93" s="70"/>
      <c r="J93" s="70"/>
      <c r="K93" s="70"/>
      <c r="L93" s="70"/>
    </row>
    <row r="94" spans="3:12" x14ac:dyDescent="0.2">
      <c r="C94" s="70"/>
      <c r="D94" s="70"/>
      <c r="E94" s="70"/>
      <c r="F94" s="70"/>
      <c r="G94" s="70"/>
      <c r="H94" s="70"/>
      <c r="I94" s="70"/>
      <c r="J94" s="70"/>
      <c r="K94" s="70"/>
      <c r="L94" s="70"/>
    </row>
    <row r="95" spans="3:12" x14ac:dyDescent="0.2">
      <c r="C95" s="70"/>
      <c r="D95" s="70"/>
      <c r="E95" s="70"/>
      <c r="F95" s="70"/>
      <c r="G95" s="70"/>
      <c r="H95" s="70"/>
      <c r="I95" s="70"/>
      <c r="J95" s="70"/>
      <c r="K95" s="70"/>
      <c r="L95" s="70"/>
    </row>
    <row r="96" spans="3:12" x14ac:dyDescent="0.2">
      <c r="C96" s="70"/>
      <c r="D96" s="70"/>
      <c r="E96" s="70"/>
      <c r="F96" s="70"/>
      <c r="G96" s="70"/>
      <c r="H96" s="70"/>
      <c r="I96" s="70"/>
      <c r="J96" s="70"/>
      <c r="K96" s="70"/>
      <c r="L96" s="70"/>
    </row>
    <row r="97" spans="3:12" x14ac:dyDescent="0.2">
      <c r="C97" s="70"/>
      <c r="D97" s="70"/>
      <c r="E97" s="70"/>
      <c r="F97" s="70"/>
      <c r="G97" s="70"/>
      <c r="H97" s="70"/>
      <c r="I97" s="70"/>
      <c r="J97" s="70"/>
      <c r="K97" s="70"/>
      <c r="L97" s="70"/>
    </row>
    <row r="98" spans="3:12" x14ac:dyDescent="0.2">
      <c r="C98" s="70"/>
      <c r="D98" s="70"/>
      <c r="E98" s="70"/>
      <c r="F98" s="70"/>
      <c r="G98" s="70"/>
      <c r="H98" s="70"/>
      <c r="I98" s="70"/>
      <c r="J98" s="70"/>
      <c r="K98" s="70"/>
      <c r="L98" s="70"/>
    </row>
    <row r="99" spans="3:12" x14ac:dyDescent="0.2">
      <c r="C99" s="70"/>
      <c r="D99" s="70"/>
      <c r="E99" s="70"/>
      <c r="F99" s="70"/>
      <c r="G99" s="70"/>
      <c r="H99" s="70"/>
      <c r="I99" s="70"/>
      <c r="J99" s="70"/>
      <c r="K99" s="70"/>
      <c r="L99" s="70"/>
    </row>
    <row r="100" spans="3:12" x14ac:dyDescent="0.2">
      <c r="C100" s="70"/>
      <c r="D100" s="70"/>
      <c r="E100" s="70"/>
      <c r="F100" s="70"/>
      <c r="G100" s="70"/>
      <c r="H100" s="70"/>
      <c r="I100" s="70"/>
      <c r="J100" s="70"/>
      <c r="K100" s="70"/>
      <c r="L100" s="70"/>
    </row>
    <row r="101" spans="3:12" x14ac:dyDescent="0.2">
      <c r="C101" s="70"/>
      <c r="D101" s="70"/>
      <c r="E101" s="70"/>
      <c r="F101" s="70"/>
      <c r="G101" s="70"/>
      <c r="H101" s="70"/>
      <c r="I101" s="70"/>
      <c r="J101" s="70"/>
      <c r="K101" s="70"/>
      <c r="L101" s="70"/>
    </row>
    <row r="102" spans="3:12" x14ac:dyDescent="0.2">
      <c r="C102" s="70"/>
      <c r="D102" s="70"/>
      <c r="E102" s="70"/>
      <c r="F102" s="70"/>
      <c r="G102" s="70"/>
      <c r="H102" s="70"/>
      <c r="I102" s="70"/>
      <c r="J102" s="70"/>
      <c r="K102" s="70"/>
      <c r="L102" s="70"/>
    </row>
    <row r="103" spans="3:12" x14ac:dyDescent="0.2">
      <c r="C103" s="70"/>
      <c r="D103" s="70"/>
      <c r="E103" s="70"/>
      <c r="F103" s="70"/>
      <c r="G103" s="70"/>
      <c r="H103" s="70"/>
      <c r="I103" s="70"/>
      <c r="J103" s="70"/>
      <c r="K103" s="70"/>
      <c r="L103" s="70"/>
    </row>
    <row r="104" spans="3:12" x14ac:dyDescent="0.2">
      <c r="C104" s="70"/>
      <c r="D104" s="70"/>
      <c r="E104" s="70"/>
      <c r="F104" s="70"/>
      <c r="G104" s="70"/>
      <c r="H104" s="70"/>
      <c r="I104" s="70"/>
      <c r="J104" s="70"/>
      <c r="K104" s="70"/>
      <c r="L104" s="70"/>
    </row>
    <row r="105" spans="3:12" x14ac:dyDescent="0.2">
      <c r="C105" s="70"/>
      <c r="D105" s="70"/>
      <c r="E105" s="70"/>
      <c r="F105" s="70"/>
      <c r="G105" s="70"/>
      <c r="H105" s="70"/>
      <c r="I105" s="70"/>
      <c r="J105" s="70"/>
      <c r="K105" s="70"/>
      <c r="L105" s="70"/>
    </row>
    <row r="106" spans="3:12" x14ac:dyDescent="0.2">
      <c r="C106" s="70"/>
      <c r="D106" s="70"/>
      <c r="E106" s="70"/>
      <c r="F106" s="70"/>
      <c r="G106" s="70"/>
      <c r="H106" s="70"/>
      <c r="I106" s="70"/>
      <c r="J106" s="70"/>
      <c r="K106" s="70"/>
      <c r="L106" s="70"/>
    </row>
    <row r="107" spans="3:12" x14ac:dyDescent="0.2">
      <c r="C107" s="70"/>
      <c r="D107" s="70"/>
      <c r="E107" s="70"/>
      <c r="F107" s="70"/>
      <c r="G107" s="70"/>
      <c r="H107" s="70"/>
      <c r="I107" s="70"/>
      <c r="J107" s="70"/>
      <c r="K107" s="70"/>
      <c r="L107" s="70"/>
    </row>
    <row r="108" spans="3:12" x14ac:dyDescent="0.2">
      <c r="C108" s="70"/>
      <c r="D108" s="70"/>
      <c r="E108" s="70"/>
      <c r="F108" s="70"/>
      <c r="G108" s="70"/>
      <c r="H108" s="70"/>
      <c r="I108" s="70"/>
      <c r="J108" s="70"/>
      <c r="K108" s="70"/>
      <c r="L108" s="70"/>
    </row>
    <row r="109" spans="3:12" x14ac:dyDescent="0.2">
      <c r="C109" s="70"/>
      <c r="D109" s="70"/>
      <c r="E109" s="70"/>
      <c r="F109" s="70"/>
      <c r="G109" s="70"/>
      <c r="H109" s="70"/>
      <c r="I109" s="70"/>
      <c r="J109" s="70"/>
      <c r="K109" s="70"/>
      <c r="L109" s="70"/>
    </row>
    <row r="110" spans="3:12" x14ac:dyDescent="0.2">
      <c r="C110" s="70"/>
      <c r="D110" s="70"/>
      <c r="E110" s="70"/>
      <c r="F110" s="70"/>
      <c r="G110" s="70"/>
      <c r="H110" s="70"/>
      <c r="I110" s="70"/>
      <c r="J110" s="70"/>
      <c r="K110" s="70"/>
      <c r="L110" s="70"/>
    </row>
    <row r="111" spans="3:12" x14ac:dyDescent="0.2">
      <c r="C111" s="70"/>
      <c r="D111" s="70"/>
      <c r="E111" s="70"/>
      <c r="F111" s="70"/>
      <c r="G111" s="70"/>
      <c r="H111" s="70"/>
      <c r="I111" s="70"/>
      <c r="J111" s="70"/>
      <c r="K111" s="70"/>
      <c r="L111" s="70"/>
    </row>
    <row r="112" spans="3:12" x14ac:dyDescent="0.2">
      <c r="C112" s="70"/>
      <c r="D112" s="70"/>
      <c r="E112" s="70"/>
      <c r="F112" s="70"/>
      <c r="G112" s="70"/>
      <c r="H112" s="70"/>
      <c r="I112" s="70"/>
      <c r="J112" s="70"/>
      <c r="K112" s="70"/>
      <c r="L112" s="70"/>
    </row>
    <row r="113" spans="3:12" x14ac:dyDescent="0.2">
      <c r="C113" s="70"/>
      <c r="D113" s="70"/>
      <c r="E113" s="70"/>
      <c r="F113" s="70"/>
      <c r="G113" s="70"/>
      <c r="H113" s="70"/>
      <c r="I113" s="70"/>
      <c r="J113" s="70"/>
      <c r="K113" s="70"/>
      <c r="L113" s="70"/>
    </row>
    <row r="114" spans="3:12" x14ac:dyDescent="0.2">
      <c r="C114" s="70"/>
      <c r="D114" s="70"/>
      <c r="E114" s="70"/>
      <c r="F114" s="70"/>
      <c r="G114" s="70"/>
      <c r="H114" s="70"/>
      <c r="I114" s="70"/>
      <c r="J114" s="70"/>
      <c r="K114" s="70"/>
      <c r="L114" s="70"/>
    </row>
    <row r="115" spans="3:12" x14ac:dyDescent="0.2">
      <c r="C115" s="70"/>
      <c r="D115" s="70"/>
      <c r="E115" s="70"/>
      <c r="F115" s="70"/>
      <c r="G115" s="70"/>
      <c r="H115" s="70"/>
      <c r="I115" s="70"/>
      <c r="J115" s="70"/>
      <c r="K115" s="70"/>
      <c r="L115" s="70"/>
    </row>
    <row r="116" spans="3:12" x14ac:dyDescent="0.2">
      <c r="C116" s="70"/>
      <c r="D116" s="70"/>
      <c r="E116" s="70"/>
      <c r="F116" s="70"/>
      <c r="G116" s="70"/>
      <c r="H116" s="70"/>
      <c r="I116" s="70"/>
      <c r="J116" s="70"/>
      <c r="K116" s="70"/>
      <c r="L116" s="70"/>
    </row>
    <row r="117" spans="3:12" x14ac:dyDescent="0.2">
      <c r="C117" s="70"/>
      <c r="D117" s="70"/>
      <c r="E117" s="70"/>
      <c r="F117" s="70"/>
      <c r="G117" s="70"/>
      <c r="H117" s="70"/>
      <c r="I117" s="70"/>
      <c r="J117" s="70"/>
      <c r="K117" s="70"/>
      <c r="L117" s="70"/>
    </row>
    <row r="118" spans="3:12" x14ac:dyDescent="0.2">
      <c r="C118" s="70"/>
      <c r="D118" s="70"/>
      <c r="E118" s="70"/>
      <c r="F118" s="70"/>
      <c r="G118" s="70"/>
      <c r="H118" s="70"/>
      <c r="I118" s="70"/>
      <c r="J118" s="70"/>
      <c r="K118" s="70"/>
      <c r="L118" s="70"/>
    </row>
    <row r="119" spans="3:12" x14ac:dyDescent="0.2">
      <c r="C119" s="70"/>
      <c r="D119" s="70"/>
      <c r="E119" s="70"/>
      <c r="F119" s="70"/>
      <c r="G119" s="70"/>
      <c r="H119" s="70"/>
      <c r="I119" s="70"/>
      <c r="J119" s="70"/>
      <c r="K119" s="70"/>
      <c r="L119" s="70"/>
    </row>
    <row r="120" spans="3:12" x14ac:dyDescent="0.2">
      <c r="C120" s="70"/>
      <c r="D120" s="70"/>
      <c r="E120" s="70"/>
      <c r="F120" s="70"/>
      <c r="G120" s="70"/>
      <c r="H120" s="70"/>
      <c r="I120" s="70"/>
      <c r="J120" s="70"/>
      <c r="K120" s="70"/>
      <c r="L120" s="70"/>
    </row>
    <row r="121" spans="3:12" x14ac:dyDescent="0.2">
      <c r="C121" s="70"/>
      <c r="D121" s="70"/>
      <c r="E121" s="70"/>
      <c r="F121" s="70"/>
      <c r="G121" s="70"/>
      <c r="H121" s="70"/>
      <c r="I121" s="70"/>
      <c r="J121" s="70"/>
      <c r="K121" s="70"/>
      <c r="L121" s="70"/>
    </row>
    <row r="122" spans="3:12" x14ac:dyDescent="0.2">
      <c r="C122" s="70"/>
      <c r="D122" s="70"/>
      <c r="E122" s="70"/>
      <c r="F122" s="70"/>
      <c r="G122" s="70"/>
      <c r="H122" s="70"/>
      <c r="I122" s="70"/>
      <c r="J122" s="70"/>
      <c r="K122" s="70"/>
      <c r="L122" s="70"/>
    </row>
    <row r="123" spans="3:12" x14ac:dyDescent="0.2">
      <c r="C123" s="70"/>
      <c r="D123" s="70"/>
      <c r="E123" s="70"/>
      <c r="F123" s="70"/>
      <c r="G123" s="70"/>
      <c r="H123" s="70"/>
      <c r="I123" s="70"/>
      <c r="J123" s="70"/>
      <c r="K123" s="70"/>
      <c r="L123" s="70"/>
    </row>
    <row r="124" spans="3:12" x14ac:dyDescent="0.2">
      <c r="C124" s="70"/>
      <c r="D124" s="70"/>
      <c r="E124" s="70"/>
      <c r="F124" s="70"/>
      <c r="G124" s="70"/>
      <c r="H124" s="70"/>
      <c r="I124" s="70"/>
      <c r="J124" s="70"/>
      <c r="K124" s="70"/>
      <c r="L124" s="70"/>
    </row>
    <row r="125" spans="3:12" x14ac:dyDescent="0.2">
      <c r="C125" s="70"/>
      <c r="D125" s="70"/>
      <c r="E125" s="70"/>
      <c r="F125" s="70"/>
      <c r="G125" s="70"/>
      <c r="H125" s="70"/>
      <c r="I125" s="70"/>
      <c r="J125" s="70"/>
      <c r="K125" s="70"/>
      <c r="L125" s="70"/>
    </row>
    <row r="126" spans="3:12" x14ac:dyDescent="0.2">
      <c r="C126" s="70"/>
      <c r="D126" s="70"/>
      <c r="E126" s="70"/>
      <c r="F126" s="70"/>
      <c r="G126" s="70"/>
      <c r="H126" s="70"/>
      <c r="I126" s="70"/>
      <c r="J126" s="70"/>
      <c r="K126" s="70"/>
      <c r="L126" s="70"/>
    </row>
    <row r="127" spans="3:12" x14ac:dyDescent="0.2">
      <c r="C127" s="70"/>
      <c r="D127" s="70"/>
      <c r="E127" s="70"/>
      <c r="F127" s="70"/>
      <c r="G127" s="70"/>
      <c r="H127" s="70"/>
      <c r="I127" s="70"/>
      <c r="J127" s="70"/>
      <c r="K127" s="70"/>
      <c r="L127" s="70"/>
    </row>
    <row r="128" spans="3:12" x14ac:dyDescent="0.2">
      <c r="C128" s="70"/>
      <c r="D128" s="70"/>
      <c r="E128" s="70"/>
      <c r="F128" s="70"/>
      <c r="G128" s="70"/>
      <c r="H128" s="70"/>
      <c r="I128" s="70"/>
      <c r="J128" s="70"/>
      <c r="K128" s="70"/>
      <c r="L128" s="70"/>
    </row>
    <row r="129" spans="3:12" x14ac:dyDescent="0.2">
      <c r="C129" s="70"/>
      <c r="D129" s="70"/>
      <c r="E129" s="70"/>
      <c r="F129" s="70"/>
      <c r="G129" s="70"/>
      <c r="H129" s="70"/>
      <c r="I129" s="70"/>
      <c r="J129" s="70"/>
      <c r="K129" s="70"/>
      <c r="L129" s="70"/>
    </row>
    <row r="130" spans="3:12" x14ac:dyDescent="0.2">
      <c r="C130" s="70"/>
      <c r="D130" s="70"/>
      <c r="E130" s="70"/>
      <c r="F130" s="70"/>
      <c r="G130" s="70"/>
      <c r="H130" s="70"/>
      <c r="I130" s="70"/>
      <c r="J130" s="70"/>
      <c r="K130" s="70"/>
      <c r="L130" s="70"/>
    </row>
    <row r="131" spans="3:12" x14ac:dyDescent="0.2">
      <c r="C131" s="70"/>
      <c r="D131" s="70"/>
      <c r="E131" s="70"/>
      <c r="F131" s="70"/>
      <c r="G131" s="70"/>
      <c r="H131" s="70"/>
      <c r="I131" s="70"/>
      <c r="J131" s="70"/>
      <c r="K131" s="70"/>
      <c r="L131" s="70"/>
    </row>
    <row r="132" spans="3:12" x14ac:dyDescent="0.2">
      <c r="C132" s="70"/>
      <c r="D132" s="70"/>
      <c r="E132" s="70"/>
      <c r="F132" s="70"/>
      <c r="G132" s="70"/>
      <c r="H132" s="70"/>
      <c r="I132" s="70"/>
      <c r="J132" s="70"/>
      <c r="K132" s="70"/>
      <c r="L132" s="70"/>
    </row>
    <row r="133" spans="3:12" x14ac:dyDescent="0.2">
      <c r="C133" s="70"/>
      <c r="D133" s="70"/>
      <c r="E133" s="70"/>
      <c r="F133" s="70"/>
      <c r="G133" s="70"/>
      <c r="H133" s="70"/>
      <c r="I133" s="70"/>
      <c r="J133" s="70"/>
      <c r="K133" s="70"/>
      <c r="L133" s="70"/>
    </row>
    <row r="134" spans="3:12" x14ac:dyDescent="0.2">
      <c r="C134" s="70"/>
      <c r="D134" s="70"/>
      <c r="E134" s="70"/>
      <c r="F134" s="70"/>
      <c r="G134" s="70"/>
      <c r="H134" s="70"/>
      <c r="I134" s="70"/>
      <c r="J134" s="70"/>
      <c r="K134" s="70"/>
      <c r="L134" s="70"/>
    </row>
    <row r="135" spans="3:12" x14ac:dyDescent="0.2">
      <c r="C135" s="70"/>
      <c r="D135" s="70"/>
      <c r="E135" s="70"/>
      <c r="F135" s="70"/>
      <c r="G135" s="70"/>
      <c r="H135" s="70"/>
      <c r="I135" s="70"/>
      <c r="J135" s="70"/>
      <c r="K135" s="70"/>
      <c r="L135" s="70"/>
    </row>
    <row r="136" spans="3:12" x14ac:dyDescent="0.2">
      <c r="C136" s="70"/>
      <c r="D136" s="70"/>
      <c r="E136" s="70"/>
      <c r="F136" s="70"/>
      <c r="G136" s="70"/>
      <c r="H136" s="70"/>
      <c r="I136" s="70"/>
      <c r="J136" s="70"/>
      <c r="K136" s="70"/>
      <c r="L136" s="70"/>
    </row>
    <row r="137" spans="3:12" x14ac:dyDescent="0.2">
      <c r="C137" s="70"/>
      <c r="D137" s="70"/>
      <c r="E137" s="70"/>
      <c r="F137" s="70"/>
      <c r="G137" s="70"/>
      <c r="H137" s="70"/>
      <c r="I137" s="70"/>
      <c r="J137" s="70"/>
      <c r="K137" s="70"/>
      <c r="L137" s="70"/>
    </row>
    <row r="138" spans="3:12" x14ac:dyDescent="0.2">
      <c r="C138" s="70"/>
      <c r="D138" s="70"/>
      <c r="E138" s="70"/>
      <c r="F138" s="70"/>
      <c r="G138" s="70"/>
      <c r="H138" s="70"/>
      <c r="I138" s="70"/>
      <c r="J138" s="70"/>
      <c r="K138" s="70"/>
      <c r="L138" s="70"/>
    </row>
    <row r="139" spans="3:12" x14ac:dyDescent="0.2">
      <c r="C139" s="70"/>
      <c r="D139" s="70"/>
      <c r="E139" s="70"/>
      <c r="F139" s="70"/>
      <c r="G139" s="70"/>
      <c r="H139" s="70"/>
      <c r="I139" s="70"/>
      <c r="J139" s="70"/>
      <c r="K139" s="70"/>
      <c r="L139" s="70"/>
    </row>
    <row r="140" spans="3:12" x14ac:dyDescent="0.2">
      <c r="C140" s="70"/>
      <c r="D140" s="70"/>
      <c r="E140" s="70"/>
      <c r="F140" s="70"/>
      <c r="G140" s="70"/>
      <c r="H140" s="70"/>
      <c r="I140" s="70"/>
      <c r="J140" s="70"/>
      <c r="K140" s="70"/>
      <c r="L140" s="70"/>
    </row>
    <row r="141" spans="3:12" x14ac:dyDescent="0.2">
      <c r="C141" s="70"/>
      <c r="D141" s="70"/>
      <c r="E141" s="70"/>
      <c r="F141" s="70"/>
      <c r="G141" s="70"/>
      <c r="H141" s="70"/>
      <c r="I141" s="70"/>
      <c r="J141" s="70"/>
      <c r="K141" s="70"/>
      <c r="L141" s="70"/>
    </row>
    <row r="142" spans="3:12" x14ac:dyDescent="0.2">
      <c r="C142" s="70"/>
      <c r="D142" s="70"/>
      <c r="E142" s="70"/>
      <c r="F142" s="70"/>
      <c r="G142" s="70"/>
      <c r="H142" s="70"/>
      <c r="I142" s="70"/>
      <c r="J142" s="70"/>
      <c r="K142" s="70"/>
      <c r="L142" s="70"/>
    </row>
    <row r="143" spans="3:12" x14ac:dyDescent="0.2">
      <c r="C143" s="70"/>
      <c r="D143" s="70"/>
      <c r="E143" s="70"/>
      <c r="F143" s="70"/>
      <c r="G143" s="70"/>
      <c r="H143" s="70"/>
      <c r="I143" s="70"/>
      <c r="J143" s="70"/>
      <c r="K143" s="70"/>
      <c r="L143" s="70"/>
    </row>
    <row r="144" spans="3:12" x14ac:dyDescent="0.2">
      <c r="C144" s="70"/>
      <c r="D144" s="70"/>
      <c r="E144" s="70"/>
      <c r="F144" s="70"/>
      <c r="G144" s="70"/>
      <c r="H144" s="70"/>
      <c r="I144" s="70"/>
      <c r="J144" s="70"/>
      <c r="K144" s="70"/>
      <c r="L144" s="70"/>
    </row>
    <row r="145" spans="3:12" x14ac:dyDescent="0.2">
      <c r="C145" s="70"/>
      <c r="D145" s="70"/>
      <c r="E145" s="70"/>
      <c r="F145" s="70"/>
      <c r="G145" s="70"/>
      <c r="H145" s="70"/>
      <c r="I145" s="70"/>
      <c r="J145" s="70"/>
      <c r="K145" s="70"/>
      <c r="L145" s="70"/>
    </row>
    <row r="146" spans="3:12" x14ac:dyDescent="0.2">
      <c r="C146" s="70"/>
      <c r="D146" s="70"/>
      <c r="E146" s="70"/>
      <c r="F146" s="70"/>
      <c r="G146" s="70"/>
      <c r="H146" s="70"/>
      <c r="I146" s="70"/>
      <c r="J146" s="70"/>
      <c r="K146" s="70"/>
      <c r="L146" s="70"/>
    </row>
    <row r="147" spans="3:12" x14ac:dyDescent="0.2">
      <c r="C147" s="70"/>
      <c r="D147" s="70"/>
      <c r="E147" s="70"/>
      <c r="F147" s="70"/>
      <c r="G147" s="70"/>
      <c r="H147" s="70"/>
      <c r="I147" s="70"/>
      <c r="J147" s="70"/>
      <c r="K147" s="70"/>
      <c r="L147" s="70"/>
    </row>
    <row r="148" spans="3:12" x14ac:dyDescent="0.2">
      <c r="C148" s="70"/>
      <c r="D148" s="70"/>
      <c r="E148" s="70"/>
      <c r="F148" s="70"/>
      <c r="G148" s="70"/>
      <c r="H148" s="70"/>
      <c r="I148" s="70"/>
      <c r="J148" s="70"/>
      <c r="K148" s="70"/>
      <c r="L148" s="70"/>
    </row>
    <row r="149" spans="3:12" x14ac:dyDescent="0.2">
      <c r="C149" s="70"/>
      <c r="D149" s="70"/>
      <c r="E149" s="70"/>
      <c r="F149" s="70"/>
      <c r="G149" s="70"/>
      <c r="H149" s="70"/>
      <c r="I149" s="70"/>
      <c r="J149" s="70"/>
      <c r="K149" s="70"/>
      <c r="L149" s="70"/>
    </row>
    <row r="150" spans="3:12" x14ac:dyDescent="0.2">
      <c r="C150" s="70"/>
      <c r="D150" s="70"/>
      <c r="E150" s="70"/>
      <c r="F150" s="70"/>
      <c r="G150" s="70"/>
      <c r="H150" s="70"/>
      <c r="I150" s="70"/>
      <c r="J150" s="70"/>
      <c r="K150" s="70"/>
      <c r="L150" s="70"/>
    </row>
    <row r="151" spans="3:12" x14ac:dyDescent="0.2">
      <c r="C151" s="70"/>
      <c r="D151" s="70"/>
      <c r="E151" s="70"/>
      <c r="F151" s="70"/>
      <c r="G151" s="70"/>
      <c r="H151" s="70"/>
      <c r="I151" s="70"/>
      <c r="J151" s="70"/>
      <c r="K151" s="70"/>
      <c r="L151" s="70"/>
    </row>
    <row r="152" spans="3:12" x14ac:dyDescent="0.2">
      <c r="C152" s="70"/>
      <c r="D152" s="70"/>
      <c r="E152" s="70"/>
      <c r="F152" s="70"/>
      <c r="G152" s="70"/>
      <c r="H152" s="70"/>
      <c r="I152" s="70"/>
      <c r="J152" s="70"/>
      <c r="K152" s="70"/>
      <c r="L152" s="70"/>
    </row>
    <row r="153" spans="3:12" x14ac:dyDescent="0.2">
      <c r="C153" s="70"/>
      <c r="D153" s="70"/>
      <c r="E153" s="70"/>
      <c r="F153" s="70"/>
      <c r="G153" s="70"/>
      <c r="H153" s="70"/>
      <c r="I153" s="70"/>
      <c r="J153" s="70"/>
      <c r="K153" s="70"/>
      <c r="L153" s="70"/>
    </row>
    <row r="154" spans="3:12" x14ac:dyDescent="0.2">
      <c r="C154" s="70"/>
      <c r="D154" s="70"/>
      <c r="E154" s="70"/>
      <c r="F154" s="70"/>
      <c r="G154" s="70"/>
      <c r="H154" s="70"/>
      <c r="I154" s="70"/>
      <c r="J154" s="70"/>
      <c r="K154" s="70"/>
      <c r="L154" s="70"/>
    </row>
    <row r="155" spans="3:12" x14ac:dyDescent="0.2">
      <c r="C155" s="70"/>
      <c r="D155" s="70"/>
      <c r="E155" s="70"/>
      <c r="F155" s="70"/>
      <c r="G155" s="70"/>
      <c r="H155" s="70"/>
      <c r="I155" s="70"/>
      <c r="J155" s="70"/>
      <c r="K155" s="70"/>
      <c r="L155" s="70"/>
    </row>
    <row r="156" spans="3:12" x14ac:dyDescent="0.2">
      <c r="C156" s="70"/>
      <c r="D156" s="70"/>
      <c r="E156" s="70"/>
      <c r="F156" s="70"/>
      <c r="G156" s="70"/>
      <c r="H156" s="70"/>
      <c r="I156" s="70"/>
      <c r="J156" s="70"/>
      <c r="K156" s="70"/>
      <c r="L156" s="70"/>
    </row>
    <row r="157" spans="3:12" x14ac:dyDescent="0.2">
      <c r="C157" s="70"/>
      <c r="D157" s="70"/>
      <c r="E157" s="70"/>
      <c r="F157" s="70"/>
      <c r="G157" s="70"/>
      <c r="H157" s="70"/>
      <c r="I157" s="70"/>
      <c r="J157" s="70"/>
      <c r="K157" s="70"/>
      <c r="L157" s="70"/>
    </row>
    <row r="158" spans="3:12" x14ac:dyDescent="0.2">
      <c r="C158" s="70"/>
      <c r="D158" s="70"/>
      <c r="E158" s="70"/>
      <c r="F158" s="70"/>
      <c r="G158" s="70"/>
      <c r="H158" s="70"/>
      <c r="I158" s="70"/>
      <c r="J158" s="70"/>
      <c r="K158" s="70"/>
      <c r="L158" s="70"/>
    </row>
    <row r="159" spans="3:12" x14ac:dyDescent="0.2">
      <c r="C159" s="70"/>
      <c r="D159" s="70"/>
      <c r="E159" s="70"/>
      <c r="F159" s="70"/>
      <c r="G159" s="70"/>
      <c r="H159" s="70"/>
      <c r="I159" s="70"/>
      <c r="J159" s="70"/>
      <c r="K159" s="70"/>
      <c r="L159" s="70"/>
    </row>
    <row r="160" spans="3:12" x14ac:dyDescent="0.2">
      <c r="C160" s="70"/>
      <c r="D160" s="70"/>
      <c r="E160" s="70"/>
      <c r="F160" s="70"/>
      <c r="G160" s="70"/>
      <c r="H160" s="70"/>
      <c r="I160" s="70"/>
      <c r="J160" s="70"/>
      <c r="K160" s="70"/>
      <c r="L160" s="70"/>
    </row>
    <row r="161" spans="3:12" x14ac:dyDescent="0.2">
      <c r="C161" s="70"/>
      <c r="D161" s="70"/>
      <c r="E161" s="70"/>
      <c r="F161" s="70"/>
      <c r="G161" s="70"/>
      <c r="H161" s="70"/>
      <c r="I161" s="70"/>
      <c r="J161" s="70"/>
      <c r="K161" s="70"/>
      <c r="L161" s="70"/>
    </row>
    <row r="162" spans="3:12" x14ac:dyDescent="0.2">
      <c r="C162" s="70"/>
      <c r="D162" s="70"/>
      <c r="E162" s="70"/>
      <c r="F162" s="70"/>
      <c r="G162" s="70"/>
      <c r="H162" s="70"/>
      <c r="I162" s="70"/>
      <c r="J162" s="70"/>
      <c r="K162" s="70"/>
      <c r="L162" s="70"/>
    </row>
    <row r="163" spans="3:12" x14ac:dyDescent="0.2">
      <c r="C163" s="70"/>
      <c r="D163" s="70"/>
      <c r="E163" s="70"/>
      <c r="F163" s="70"/>
      <c r="G163" s="70"/>
      <c r="H163" s="70"/>
      <c r="I163" s="70"/>
      <c r="J163" s="70"/>
      <c r="K163" s="70"/>
      <c r="L163" s="70"/>
    </row>
    <row r="164" spans="3:12" x14ac:dyDescent="0.2">
      <c r="C164" s="70"/>
      <c r="D164" s="70"/>
      <c r="E164" s="70"/>
      <c r="F164" s="70"/>
      <c r="G164" s="70"/>
      <c r="H164" s="70"/>
      <c r="I164" s="70"/>
      <c r="J164" s="70"/>
      <c r="K164" s="70"/>
      <c r="L164" s="70"/>
    </row>
    <row r="165" spans="3:12" x14ac:dyDescent="0.2">
      <c r="C165" s="70"/>
      <c r="D165" s="70"/>
      <c r="E165" s="70"/>
      <c r="F165" s="70"/>
      <c r="G165" s="70"/>
      <c r="H165" s="70"/>
      <c r="I165" s="70"/>
      <c r="J165" s="70"/>
      <c r="K165" s="70"/>
      <c r="L165" s="70"/>
    </row>
    <row r="166" spans="3:12" x14ac:dyDescent="0.2">
      <c r="C166" s="70"/>
      <c r="D166" s="70"/>
      <c r="E166" s="70"/>
      <c r="F166" s="70"/>
      <c r="G166" s="70"/>
      <c r="H166" s="70"/>
      <c r="I166" s="70"/>
      <c r="J166" s="70"/>
      <c r="K166" s="70"/>
      <c r="L166" s="70"/>
    </row>
    <row r="167" spans="3:12" x14ac:dyDescent="0.2">
      <c r="C167" s="70"/>
      <c r="D167" s="70"/>
      <c r="E167" s="70"/>
      <c r="F167" s="70"/>
      <c r="G167" s="70"/>
      <c r="H167" s="70"/>
      <c r="I167" s="70"/>
      <c r="J167" s="70"/>
      <c r="K167" s="70"/>
      <c r="L167" s="70"/>
    </row>
    <row r="168" spans="3:12" x14ac:dyDescent="0.2">
      <c r="C168" s="70"/>
      <c r="D168" s="70"/>
      <c r="E168" s="70"/>
      <c r="F168" s="70"/>
      <c r="G168" s="70"/>
      <c r="H168" s="70"/>
      <c r="I168" s="70"/>
      <c r="J168" s="70"/>
      <c r="K168" s="70"/>
      <c r="L168" s="70"/>
    </row>
    <row r="169" spans="3:12" x14ac:dyDescent="0.2">
      <c r="C169" s="70"/>
      <c r="D169" s="70"/>
      <c r="E169" s="70"/>
      <c r="F169" s="70"/>
      <c r="G169" s="70"/>
      <c r="H169" s="70"/>
      <c r="I169" s="70"/>
      <c r="J169" s="70"/>
      <c r="K169" s="70"/>
      <c r="L169" s="70"/>
    </row>
    <row r="170" spans="3:12" x14ac:dyDescent="0.2">
      <c r="C170" s="70"/>
      <c r="D170" s="70"/>
      <c r="E170" s="70"/>
      <c r="F170" s="70"/>
      <c r="G170" s="70"/>
      <c r="H170" s="70"/>
      <c r="I170" s="70"/>
      <c r="J170" s="70"/>
      <c r="K170" s="70"/>
      <c r="L170" s="70"/>
    </row>
    <row r="171" spans="3:12" x14ac:dyDescent="0.2">
      <c r="C171" s="70"/>
      <c r="D171" s="70"/>
      <c r="E171" s="70"/>
      <c r="F171" s="70"/>
      <c r="G171" s="70"/>
      <c r="H171" s="70"/>
      <c r="I171" s="70"/>
      <c r="J171" s="70"/>
      <c r="K171" s="70"/>
      <c r="L171" s="70"/>
    </row>
    <row r="172" spans="3:12" x14ac:dyDescent="0.2">
      <c r="C172" s="70"/>
      <c r="D172" s="70"/>
      <c r="E172" s="70"/>
      <c r="F172" s="70"/>
      <c r="G172" s="70"/>
      <c r="H172" s="70"/>
      <c r="I172" s="70"/>
      <c r="J172" s="70"/>
      <c r="K172" s="70"/>
      <c r="L172" s="70"/>
    </row>
    <row r="173" spans="3:12" x14ac:dyDescent="0.2">
      <c r="C173" s="70"/>
      <c r="D173" s="70"/>
      <c r="E173" s="70"/>
      <c r="F173" s="70"/>
      <c r="G173" s="70"/>
      <c r="H173" s="70"/>
      <c r="I173" s="70"/>
      <c r="J173" s="70"/>
      <c r="K173" s="70"/>
      <c r="L173" s="70"/>
    </row>
    <row r="174" spans="3:12" x14ac:dyDescent="0.2">
      <c r="C174" s="70"/>
      <c r="D174" s="70"/>
      <c r="E174" s="70"/>
      <c r="F174" s="70"/>
      <c r="G174" s="70"/>
      <c r="H174" s="70"/>
      <c r="I174" s="70"/>
      <c r="J174" s="70"/>
      <c r="K174" s="70"/>
      <c r="L174" s="70"/>
    </row>
    <row r="175" spans="3:12" x14ac:dyDescent="0.2">
      <c r="C175" s="70"/>
      <c r="D175" s="70"/>
      <c r="E175" s="70"/>
      <c r="F175" s="70"/>
      <c r="G175" s="70"/>
      <c r="H175" s="70"/>
      <c r="I175" s="70"/>
      <c r="J175" s="70"/>
      <c r="K175" s="70"/>
      <c r="L175" s="70"/>
    </row>
    <row r="176" spans="3:12" x14ac:dyDescent="0.2">
      <c r="C176" s="70"/>
      <c r="D176" s="70"/>
      <c r="E176" s="70"/>
      <c r="F176" s="70"/>
      <c r="G176" s="70"/>
      <c r="H176" s="70"/>
      <c r="I176" s="70"/>
      <c r="J176" s="70"/>
      <c r="K176" s="70"/>
      <c r="L176" s="70"/>
    </row>
    <row r="177" spans="3:12" x14ac:dyDescent="0.2">
      <c r="C177" s="70"/>
      <c r="D177" s="70"/>
      <c r="E177" s="70"/>
      <c r="F177" s="70"/>
      <c r="G177" s="70"/>
      <c r="H177" s="70"/>
      <c r="I177" s="70"/>
      <c r="J177" s="70"/>
      <c r="K177" s="70"/>
      <c r="L177" s="70"/>
    </row>
    <row r="178" spans="3:12" x14ac:dyDescent="0.2">
      <c r="C178" s="70"/>
      <c r="D178" s="70"/>
      <c r="E178" s="70"/>
      <c r="F178" s="70"/>
      <c r="G178" s="70"/>
      <c r="H178" s="70"/>
      <c r="I178" s="70"/>
      <c r="J178" s="70"/>
      <c r="K178" s="70"/>
      <c r="L178" s="70"/>
    </row>
    <row r="179" spans="3:12" x14ac:dyDescent="0.2">
      <c r="C179" s="70"/>
      <c r="D179" s="70"/>
      <c r="E179" s="70"/>
      <c r="F179" s="70"/>
      <c r="G179" s="70"/>
      <c r="H179" s="70"/>
      <c r="I179" s="70"/>
      <c r="J179" s="70"/>
      <c r="K179" s="70"/>
      <c r="L179" s="70"/>
    </row>
    <row r="180" spans="3:12" x14ac:dyDescent="0.2">
      <c r="C180" s="70"/>
      <c r="D180" s="70"/>
      <c r="E180" s="70"/>
      <c r="F180" s="70"/>
      <c r="G180" s="70"/>
      <c r="H180" s="70"/>
      <c r="I180" s="70"/>
      <c r="J180" s="70"/>
      <c r="K180" s="70"/>
      <c r="L180" s="70"/>
    </row>
    <row r="181" spans="3:12" x14ac:dyDescent="0.2">
      <c r="C181" s="70"/>
      <c r="D181" s="70"/>
      <c r="E181" s="70"/>
      <c r="F181" s="70"/>
      <c r="G181" s="70"/>
      <c r="H181" s="70"/>
      <c r="I181" s="70"/>
      <c r="J181" s="70"/>
      <c r="K181" s="70"/>
      <c r="L181" s="70"/>
    </row>
    <row r="182" spans="3:12" x14ac:dyDescent="0.2">
      <c r="C182" s="70"/>
      <c r="D182" s="70"/>
      <c r="E182" s="70"/>
      <c r="F182" s="70"/>
      <c r="G182" s="70"/>
      <c r="H182" s="70"/>
      <c r="I182" s="70"/>
      <c r="J182" s="70"/>
      <c r="K182" s="70"/>
      <c r="L182" s="70"/>
    </row>
    <row r="183" spans="3:12" x14ac:dyDescent="0.2">
      <c r="C183" s="70"/>
      <c r="D183" s="70"/>
      <c r="E183" s="70"/>
      <c r="F183" s="70"/>
      <c r="G183" s="70"/>
      <c r="H183" s="70"/>
      <c r="I183" s="70"/>
      <c r="J183" s="70"/>
      <c r="K183" s="70"/>
      <c r="L183" s="70"/>
    </row>
    <row r="184" spans="3:12" x14ac:dyDescent="0.2">
      <c r="C184" s="70"/>
      <c r="D184" s="70"/>
      <c r="E184" s="70"/>
      <c r="F184" s="70"/>
      <c r="G184" s="70"/>
      <c r="H184" s="70"/>
      <c r="I184" s="70"/>
      <c r="J184" s="70"/>
      <c r="K184" s="70"/>
      <c r="L184" s="70"/>
    </row>
    <row r="185" spans="3:12" x14ac:dyDescent="0.2">
      <c r="C185" s="70"/>
      <c r="D185" s="70"/>
      <c r="E185" s="70"/>
      <c r="F185" s="70"/>
      <c r="G185" s="70"/>
      <c r="H185" s="70"/>
      <c r="I185" s="70"/>
      <c r="J185" s="70"/>
      <c r="K185" s="70"/>
      <c r="L185" s="70"/>
    </row>
    <row r="186" spans="3:12" x14ac:dyDescent="0.2">
      <c r="C186" s="70"/>
      <c r="D186" s="70"/>
      <c r="E186" s="70"/>
      <c r="F186" s="70"/>
      <c r="G186" s="70"/>
      <c r="H186" s="70"/>
      <c r="I186" s="70"/>
      <c r="J186" s="70"/>
      <c r="K186" s="70"/>
      <c r="L186" s="70"/>
    </row>
    <row r="187" spans="3:12" x14ac:dyDescent="0.2">
      <c r="C187" s="70"/>
      <c r="D187" s="70"/>
      <c r="E187" s="70"/>
      <c r="F187" s="70"/>
      <c r="G187" s="70"/>
      <c r="H187" s="70"/>
      <c r="I187" s="70"/>
      <c r="J187" s="70"/>
      <c r="K187" s="70"/>
      <c r="L187" s="70"/>
    </row>
    <row r="188" spans="3:12" x14ac:dyDescent="0.2">
      <c r="C188" s="70"/>
      <c r="D188" s="70"/>
      <c r="E188" s="70"/>
      <c r="F188" s="70"/>
      <c r="G188" s="70"/>
      <c r="H188" s="70"/>
      <c r="I188" s="70"/>
      <c r="J188" s="70"/>
      <c r="K188" s="70"/>
      <c r="L188" s="70"/>
    </row>
    <row r="189" spans="3:12" x14ac:dyDescent="0.2">
      <c r="C189" s="70"/>
      <c r="D189" s="70"/>
      <c r="E189" s="70"/>
      <c r="F189" s="70"/>
      <c r="G189" s="70"/>
      <c r="H189" s="70"/>
      <c r="I189" s="70"/>
      <c r="J189" s="70"/>
      <c r="K189" s="70"/>
      <c r="L189" s="70"/>
    </row>
    <row r="190" spans="3:12" x14ac:dyDescent="0.2">
      <c r="C190" s="70"/>
      <c r="D190" s="70"/>
      <c r="E190" s="70"/>
      <c r="F190" s="70"/>
      <c r="G190" s="70"/>
      <c r="H190" s="70"/>
      <c r="I190" s="70"/>
      <c r="J190" s="70"/>
      <c r="K190" s="70"/>
      <c r="L190" s="70"/>
    </row>
    <row r="191" spans="3:12" x14ac:dyDescent="0.2">
      <c r="C191" s="70"/>
      <c r="D191" s="70"/>
      <c r="E191" s="70"/>
      <c r="F191" s="70"/>
      <c r="G191" s="70"/>
      <c r="H191" s="70"/>
      <c r="I191" s="70"/>
      <c r="J191" s="70"/>
      <c r="K191" s="70"/>
      <c r="L191" s="70"/>
    </row>
    <row r="192" spans="3:12" x14ac:dyDescent="0.2">
      <c r="C192" s="70"/>
      <c r="D192" s="70"/>
      <c r="E192" s="70"/>
      <c r="F192" s="70"/>
      <c r="G192" s="70"/>
      <c r="H192" s="70"/>
      <c r="I192" s="70"/>
      <c r="J192" s="70"/>
      <c r="K192" s="70"/>
      <c r="L192" s="70"/>
    </row>
    <row r="193" spans="3:12" x14ac:dyDescent="0.2">
      <c r="C193" s="70"/>
      <c r="D193" s="70"/>
      <c r="E193" s="70"/>
      <c r="F193" s="70"/>
      <c r="G193" s="70"/>
      <c r="H193" s="70"/>
      <c r="I193" s="70"/>
      <c r="J193" s="70"/>
      <c r="K193" s="70"/>
      <c r="L193" s="70"/>
    </row>
    <row r="194" spans="3:12" x14ac:dyDescent="0.2">
      <c r="C194" s="70"/>
      <c r="D194" s="70"/>
      <c r="E194" s="70"/>
      <c r="F194" s="70"/>
      <c r="G194" s="70"/>
      <c r="H194" s="70"/>
      <c r="I194" s="70"/>
      <c r="J194" s="70"/>
      <c r="K194" s="70"/>
      <c r="L194" s="70"/>
    </row>
    <row r="195" spans="3:12" x14ac:dyDescent="0.2">
      <c r="C195" s="70"/>
      <c r="D195" s="70"/>
      <c r="E195" s="70"/>
      <c r="F195" s="70"/>
      <c r="G195" s="70"/>
      <c r="H195" s="70"/>
      <c r="I195" s="70"/>
      <c r="J195" s="70"/>
      <c r="K195" s="70"/>
      <c r="L195" s="70"/>
    </row>
    <row r="196" spans="3:12" x14ac:dyDescent="0.2">
      <c r="C196" s="70"/>
      <c r="D196" s="70"/>
      <c r="E196" s="70"/>
      <c r="F196" s="70"/>
      <c r="G196" s="70"/>
      <c r="H196" s="70"/>
      <c r="I196" s="70"/>
      <c r="J196" s="70"/>
      <c r="K196" s="70"/>
      <c r="L196" s="70"/>
    </row>
    <row r="197" spans="3:12" x14ac:dyDescent="0.2">
      <c r="C197" s="70"/>
      <c r="D197" s="70"/>
      <c r="E197" s="70"/>
      <c r="F197" s="70"/>
      <c r="G197" s="70"/>
      <c r="H197" s="70"/>
      <c r="I197" s="70"/>
      <c r="J197" s="70"/>
      <c r="K197" s="70"/>
      <c r="L197" s="70"/>
    </row>
    <row r="198" spans="3:12" x14ac:dyDescent="0.2">
      <c r="C198" s="70"/>
      <c r="D198" s="70"/>
      <c r="E198" s="70"/>
      <c r="F198" s="70"/>
      <c r="G198" s="70"/>
      <c r="H198" s="70"/>
      <c r="I198" s="70"/>
      <c r="J198" s="70"/>
      <c r="K198" s="70"/>
      <c r="L198" s="70"/>
    </row>
    <row r="199" spans="3:12" x14ac:dyDescent="0.2">
      <c r="C199" s="70"/>
      <c r="D199" s="70"/>
      <c r="E199" s="70"/>
      <c r="F199" s="70"/>
      <c r="G199" s="70"/>
      <c r="H199" s="70"/>
      <c r="I199" s="70"/>
      <c r="J199" s="70"/>
      <c r="K199" s="70"/>
      <c r="L199" s="70"/>
    </row>
    <row r="200" spans="3:12" x14ac:dyDescent="0.2">
      <c r="C200" s="70"/>
      <c r="D200" s="70"/>
      <c r="E200" s="70"/>
      <c r="F200" s="70"/>
      <c r="G200" s="70"/>
      <c r="H200" s="70"/>
      <c r="I200" s="70"/>
      <c r="J200" s="70"/>
      <c r="K200" s="70"/>
      <c r="L200" s="70"/>
    </row>
    <row r="201" spans="3:12" x14ac:dyDescent="0.2">
      <c r="C201" s="70"/>
      <c r="D201" s="70"/>
      <c r="E201" s="70"/>
      <c r="F201" s="70"/>
      <c r="G201" s="70"/>
      <c r="H201" s="70"/>
      <c r="I201" s="70"/>
      <c r="J201" s="70"/>
      <c r="K201" s="70"/>
      <c r="L201" s="70"/>
    </row>
    <row r="202" spans="3:12" x14ac:dyDescent="0.2">
      <c r="C202" s="70"/>
      <c r="D202" s="70"/>
      <c r="E202" s="70"/>
      <c r="F202" s="70"/>
      <c r="G202" s="70"/>
      <c r="H202" s="70"/>
      <c r="I202" s="70"/>
      <c r="J202" s="70"/>
      <c r="K202" s="70"/>
      <c r="L202" s="70"/>
    </row>
    <row r="203" spans="3:12" x14ac:dyDescent="0.2">
      <c r="C203" s="70"/>
      <c r="D203" s="70"/>
      <c r="E203" s="70"/>
      <c r="F203" s="70"/>
      <c r="G203" s="70"/>
      <c r="H203" s="70"/>
      <c r="I203" s="70"/>
      <c r="J203" s="70"/>
      <c r="K203" s="70"/>
      <c r="L203" s="70"/>
    </row>
    <row r="204" spans="3:12" x14ac:dyDescent="0.2">
      <c r="C204" s="70"/>
      <c r="D204" s="70"/>
      <c r="E204" s="70"/>
      <c r="F204" s="70"/>
      <c r="G204" s="70"/>
      <c r="H204" s="70"/>
      <c r="I204" s="70"/>
      <c r="J204" s="70"/>
      <c r="K204" s="70"/>
      <c r="L204" s="70"/>
    </row>
    <row r="205" spans="3:12" x14ac:dyDescent="0.2">
      <c r="C205" s="70"/>
      <c r="D205" s="70"/>
      <c r="E205" s="70"/>
      <c r="F205" s="70"/>
      <c r="G205" s="70"/>
      <c r="H205" s="70"/>
      <c r="I205" s="70"/>
      <c r="J205" s="70"/>
      <c r="K205" s="70"/>
      <c r="L205" s="70"/>
    </row>
    <row r="206" spans="3:12" x14ac:dyDescent="0.2">
      <c r="C206" s="70"/>
      <c r="D206" s="70"/>
      <c r="E206" s="70"/>
      <c r="F206" s="70"/>
      <c r="G206" s="70"/>
      <c r="H206" s="70"/>
      <c r="I206" s="70"/>
      <c r="J206" s="70"/>
      <c r="K206" s="70"/>
      <c r="L206" s="70"/>
    </row>
    <row r="207" spans="3:12" x14ac:dyDescent="0.2">
      <c r="C207" s="70"/>
      <c r="D207" s="70"/>
      <c r="E207" s="70"/>
      <c r="F207" s="70"/>
      <c r="G207" s="70"/>
      <c r="H207" s="70"/>
      <c r="I207" s="70"/>
      <c r="J207" s="70"/>
      <c r="K207" s="70"/>
      <c r="L207" s="70"/>
    </row>
    <row r="208" spans="3:12" x14ac:dyDescent="0.2">
      <c r="C208" s="70"/>
      <c r="D208" s="70"/>
      <c r="E208" s="70"/>
      <c r="F208" s="70"/>
      <c r="G208" s="70"/>
      <c r="H208" s="70"/>
      <c r="I208" s="70"/>
      <c r="J208" s="70"/>
      <c r="K208" s="70"/>
      <c r="L208" s="70"/>
    </row>
    <row r="209" spans="3:12" x14ac:dyDescent="0.2">
      <c r="C209" s="70"/>
      <c r="D209" s="70"/>
      <c r="E209" s="70"/>
      <c r="F209" s="70"/>
      <c r="G209" s="70"/>
      <c r="H209" s="70"/>
      <c r="I209" s="70"/>
      <c r="J209" s="70"/>
      <c r="K209" s="70"/>
      <c r="L209" s="70"/>
    </row>
    <row r="210" spans="3:12" x14ac:dyDescent="0.2">
      <c r="C210" s="70"/>
      <c r="D210" s="70"/>
      <c r="E210" s="70"/>
      <c r="F210" s="70"/>
      <c r="G210" s="70"/>
      <c r="H210" s="70"/>
      <c r="I210" s="70"/>
      <c r="J210" s="70"/>
      <c r="K210" s="70"/>
      <c r="L210" s="70"/>
    </row>
    <row r="211" spans="3:12" x14ac:dyDescent="0.2">
      <c r="C211" s="70"/>
      <c r="D211" s="70"/>
      <c r="E211" s="70"/>
      <c r="F211" s="70"/>
      <c r="G211" s="70"/>
      <c r="H211" s="70"/>
      <c r="I211" s="70"/>
      <c r="J211" s="70"/>
      <c r="K211" s="70"/>
      <c r="L211" s="70"/>
    </row>
    <row r="212" spans="3:12" x14ac:dyDescent="0.2">
      <c r="C212" s="70"/>
      <c r="D212" s="70"/>
      <c r="E212" s="70"/>
      <c r="F212" s="70"/>
      <c r="G212" s="70"/>
      <c r="H212" s="70"/>
      <c r="I212" s="70"/>
      <c r="J212" s="70"/>
      <c r="K212" s="70"/>
      <c r="L212" s="70"/>
    </row>
    <row r="213" spans="3:12" x14ac:dyDescent="0.2">
      <c r="C213" s="70"/>
      <c r="D213" s="70"/>
      <c r="E213" s="70"/>
      <c r="F213" s="70"/>
      <c r="G213" s="70"/>
      <c r="H213" s="70"/>
      <c r="I213" s="70"/>
      <c r="J213" s="70"/>
      <c r="K213" s="70"/>
      <c r="L213" s="70"/>
    </row>
    <row r="214" spans="3:12" x14ac:dyDescent="0.2">
      <c r="C214" s="70"/>
      <c r="D214" s="70"/>
      <c r="E214" s="70"/>
      <c r="F214" s="70"/>
      <c r="G214" s="70"/>
      <c r="H214" s="70"/>
      <c r="I214" s="70"/>
      <c r="J214" s="70"/>
      <c r="K214" s="70"/>
      <c r="L214" s="70"/>
    </row>
    <row r="215" spans="3:12" x14ac:dyDescent="0.2">
      <c r="C215" s="70"/>
      <c r="D215" s="70"/>
      <c r="E215" s="70"/>
      <c r="F215" s="70"/>
      <c r="G215" s="70"/>
      <c r="H215" s="70"/>
      <c r="I215" s="70"/>
      <c r="J215" s="70"/>
      <c r="K215" s="70"/>
      <c r="L215" s="70"/>
    </row>
    <row r="216" spans="3:12" x14ac:dyDescent="0.2">
      <c r="C216" s="70"/>
      <c r="D216" s="70"/>
      <c r="E216" s="70"/>
      <c r="F216" s="70"/>
      <c r="G216" s="70"/>
      <c r="H216" s="70"/>
      <c r="I216" s="70"/>
      <c r="J216" s="70"/>
      <c r="K216" s="70"/>
      <c r="L216" s="70"/>
    </row>
    <row r="217" spans="3:12" x14ac:dyDescent="0.2">
      <c r="C217" s="70"/>
      <c r="D217" s="70"/>
      <c r="E217" s="70"/>
      <c r="F217" s="70"/>
      <c r="G217" s="70"/>
      <c r="H217" s="70"/>
      <c r="I217" s="70"/>
      <c r="J217" s="70"/>
      <c r="K217" s="70"/>
      <c r="L217" s="70"/>
    </row>
    <row r="218" spans="3:12" x14ac:dyDescent="0.2">
      <c r="C218" s="70"/>
      <c r="D218" s="70"/>
      <c r="E218" s="70"/>
      <c r="F218" s="70"/>
      <c r="G218" s="70"/>
      <c r="H218" s="70"/>
      <c r="I218" s="70"/>
      <c r="J218" s="70"/>
      <c r="K218" s="70"/>
      <c r="L218" s="70"/>
    </row>
  </sheetData>
  <mergeCells count="18">
    <mergeCell ref="AP4:AP5"/>
    <mergeCell ref="B3:B4"/>
    <mergeCell ref="C3:L3"/>
    <mergeCell ref="M3:V3"/>
    <mergeCell ref="W3:AF3"/>
    <mergeCell ref="AG3:AP3"/>
    <mergeCell ref="C4:E4"/>
    <mergeCell ref="F4:K4"/>
    <mergeCell ref="L4:L5"/>
    <mergeCell ref="M4:O4"/>
    <mergeCell ref="P4:U4"/>
    <mergeCell ref="V4:V5"/>
    <mergeCell ref="W4:Y4"/>
    <mergeCell ref="Z4:AE4"/>
    <mergeCell ref="AF4:AF5"/>
    <mergeCell ref="H1:I1"/>
    <mergeCell ref="AG4:AI4"/>
    <mergeCell ref="AJ4:AO4"/>
  </mergeCells>
  <phoneticPr fontId="4"/>
  <pageMargins left="0.39370078740157483" right="0.39370078740157483" top="0.27559055118110237" bottom="0.39370078740157483" header="0.19685039370078741" footer="0.19685039370078741"/>
  <pageSetup paperSize="9" scale="35" orientation="landscape" r:id="rId1"/>
  <headerFooter alignWithMargins="0">
    <oddFooter>&amp;L&amp;20&amp;A&amp;C&amp;P/&amp;N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OS43"/>
  <sheetViews>
    <sheetView zoomScaleNormal="100" workbookViewId="0">
      <pane xSplit="2" ySplit="9" topLeftCell="C10" activePane="bottomRight" state="frozen"/>
      <selection activeCell="F37" sqref="F37"/>
      <selection pane="topRight" activeCell="F37" sqref="F37"/>
      <selection pane="bottomLeft" activeCell="F37" sqref="F37"/>
      <selection pane="bottomRight" activeCell="C9" sqref="C9"/>
    </sheetView>
  </sheetViews>
  <sheetFormatPr defaultColWidth="8.21875" defaultRowHeight="13.2" x14ac:dyDescent="0.2"/>
  <cols>
    <col min="1" max="1" width="3.77734375" style="71" customWidth="1"/>
    <col min="2" max="2" width="9.77734375" style="71" customWidth="1"/>
    <col min="3" max="3" width="8.21875" style="71" customWidth="1"/>
    <col min="4" max="5" width="10" style="71" customWidth="1"/>
    <col min="6" max="6" width="7" style="71" customWidth="1"/>
    <col min="7" max="13" width="10.33203125" style="71" customWidth="1"/>
    <col min="14" max="16" width="8.88671875" style="71" customWidth="1"/>
    <col min="17" max="17" width="7.6640625" style="71" customWidth="1"/>
    <col min="18" max="24" width="10.6640625" style="71" customWidth="1"/>
    <col min="25" max="27" width="8.88671875" style="71" customWidth="1"/>
    <col min="28" max="28" width="7.6640625" style="71" customWidth="1"/>
    <col min="29" max="29" width="8.88671875" style="71" customWidth="1"/>
    <col min="30" max="30" width="10.44140625" style="71" customWidth="1"/>
    <col min="31" max="33" width="8.88671875" style="71" customWidth="1"/>
    <col min="34" max="35" width="10" style="71" customWidth="1"/>
    <col min="36" max="38" width="8.88671875" style="71" customWidth="1"/>
    <col min="39" max="39" width="7.77734375" style="71" customWidth="1"/>
    <col min="40" max="49" width="8.88671875" style="71" customWidth="1"/>
    <col min="50" max="50" width="7.77734375" style="71" customWidth="1"/>
    <col min="51" max="55" width="8.88671875" style="71" customWidth="1"/>
    <col min="56" max="57" width="10.33203125" style="71" customWidth="1"/>
    <col min="58" max="60" width="8.88671875" style="71" customWidth="1"/>
    <col min="61" max="61" width="8" style="71" customWidth="1"/>
    <col min="62" max="71" width="8.88671875" style="71" customWidth="1"/>
    <col min="72" max="72" width="7.44140625" style="71" customWidth="1"/>
    <col min="73" max="77" width="8.88671875" style="71" customWidth="1"/>
    <col min="78" max="78" width="11.77734375" style="71" customWidth="1"/>
    <col min="79" max="79" width="12" style="71" customWidth="1"/>
    <col min="80" max="82" width="8.88671875" style="247" customWidth="1"/>
    <col min="83" max="83" width="7.77734375" style="247" customWidth="1"/>
    <col min="84" max="90" width="9" style="247" customWidth="1"/>
    <col min="91" max="93" width="8.88671875" style="71" customWidth="1"/>
    <col min="94" max="94" width="7.44140625" style="71" customWidth="1"/>
    <col min="95" max="97" width="10.109375" style="71" customWidth="1"/>
    <col min="98" max="99" width="8.88671875" style="71" customWidth="1"/>
    <col min="100" max="101" width="10.21875" style="71" customWidth="1"/>
    <col min="102" max="104" width="8.88671875" style="71" customWidth="1"/>
    <col min="105" max="105" width="7.33203125" style="71" customWidth="1"/>
    <col min="106" max="110" width="8.88671875" style="71" customWidth="1"/>
    <col min="111" max="112" width="9.21875" style="71" customWidth="1"/>
    <col min="113" max="115" width="8.88671875" style="247" customWidth="1"/>
    <col min="116" max="116" width="7.33203125" style="247" customWidth="1"/>
    <col min="117" max="121" width="8.88671875" style="247" customWidth="1"/>
    <col min="122" max="123" width="9.6640625" style="247" customWidth="1"/>
    <col min="124" max="126" width="8.88671875" style="71" customWidth="1"/>
    <col min="127" max="127" width="7.77734375" style="71" customWidth="1"/>
    <col min="128" max="132" width="8.88671875" style="71" customWidth="1"/>
    <col min="133" max="134" width="9.33203125" style="71" customWidth="1"/>
    <col min="135" max="137" width="8.88671875" style="71" customWidth="1"/>
    <col min="138" max="138" width="7.44140625" style="71" customWidth="1"/>
    <col min="139" max="148" width="8.88671875" style="71" customWidth="1"/>
    <col min="149" max="149" width="7.21875" style="71" customWidth="1"/>
    <col min="150" max="159" width="8.88671875" style="71" customWidth="1"/>
    <col min="160" max="160" width="7.21875" style="71" customWidth="1"/>
    <col min="161" max="167" width="8.88671875" style="71" customWidth="1"/>
    <col min="168" max="170" width="8.88671875" style="247" customWidth="1"/>
    <col min="171" max="171" width="7.33203125" style="247" customWidth="1"/>
    <col min="172" max="176" width="8.88671875" style="247" customWidth="1"/>
    <col min="177" max="178" width="9.6640625" style="247" customWidth="1"/>
    <col min="179" max="181" width="8.88671875" style="71" customWidth="1"/>
    <col min="182" max="182" width="7.21875" style="71" customWidth="1"/>
    <col min="183" max="187" width="8.88671875" style="71" customWidth="1"/>
    <col min="188" max="189" width="9.44140625" style="71" customWidth="1"/>
    <col min="190" max="192" width="8.88671875" style="71" customWidth="1"/>
    <col min="193" max="193" width="7.77734375" style="71" customWidth="1"/>
    <col min="194" max="203" width="8.88671875" style="71" customWidth="1"/>
    <col min="204" max="204" width="7.44140625" style="71" customWidth="1"/>
    <col min="205" max="214" width="8.88671875" style="71" customWidth="1"/>
    <col min="215" max="215" width="7.33203125" style="71" customWidth="1"/>
    <col min="216" max="218" width="8.88671875" style="71" customWidth="1"/>
    <col min="219" max="219" width="10.44140625" style="71" customWidth="1"/>
    <col min="220" max="220" width="8.88671875" style="71" customWidth="1"/>
    <col min="221" max="222" width="9.6640625" style="71" customWidth="1"/>
    <col min="223" max="225" width="8.88671875" style="71" customWidth="1"/>
    <col min="226" max="226" width="7.6640625" style="71" customWidth="1"/>
    <col min="227" max="231" width="8.88671875" style="71" customWidth="1"/>
    <col min="232" max="233" width="10" style="71" customWidth="1"/>
    <col min="234" max="235" width="7.44140625" style="247" customWidth="1"/>
    <col min="236" max="236" width="9.33203125" style="247" customWidth="1"/>
    <col min="237" max="237" width="7.44140625" style="247" customWidth="1"/>
    <col min="238" max="244" width="10.109375" style="247" customWidth="1"/>
    <col min="245" max="247" width="10.109375" style="71" customWidth="1"/>
    <col min="248" max="248" width="7.109375" style="71" customWidth="1"/>
    <col min="249" max="258" width="10.109375" style="71" customWidth="1"/>
    <col min="259" max="259" width="7.33203125" style="71" customWidth="1"/>
    <col min="260" max="269" width="10.109375" style="71" customWidth="1"/>
    <col min="270" max="270" width="7.21875" style="71" customWidth="1"/>
    <col min="271" max="280" width="10.109375" style="71" customWidth="1"/>
    <col min="281" max="281" width="7.6640625" style="71" customWidth="1"/>
    <col min="282" max="291" width="10.109375" style="71" customWidth="1"/>
    <col min="292" max="292" width="6.33203125" style="71" customWidth="1"/>
    <col min="293" max="302" width="10.109375" style="71" customWidth="1"/>
    <col min="303" max="303" width="7.44140625" style="71" customWidth="1"/>
    <col min="304" max="310" width="10.109375" style="71" customWidth="1"/>
    <col min="311" max="313" width="10.109375" style="247" customWidth="1"/>
    <col min="314" max="314" width="7.109375" style="247" customWidth="1"/>
    <col min="315" max="324" width="10.109375" style="247" customWidth="1"/>
    <col min="325" max="325" width="7.44140625" style="247" customWidth="1"/>
    <col min="326" max="335" width="10.109375" style="247" customWidth="1"/>
    <col min="336" max="336" width="6.88671875" style="247" customWidth="1"/>
    <col min="337" max="343" width="10.109375" style="247" customWidth="1"/>
    <col min="344" max="346" width="10.109375" style="71" customWidth="1"/>
    <col min="347" max="347" width="7.21875" style="71" customWidth="1"/>
    <col min="348" max="357" width="10.109375" style="71" customWidth="1"/>
    <col min="358" max="358" width="7.21875" style="71" customWidth="1"/>
    <col min="359" max="368" width="10.109375" style="71" customWidth="1"/>
    <col min="369" max="369" width="7" style="71" customWidth="1"/>
    <col min="370" max="379" width="10.109375" style="71" customWidth="1"/>
    <col min="380" max="380" width="6.88671875" style="71" customWidth="1"/>
    <col min="381" max="385" width="10.109375" style="71" customWidth="1"/>
    <col min="386" max="387" width="10.33203125" style="71" customWidth="1"/>
    <col min="388" max="390" width="10.109375" style="71" customWidth="1"/>
    <col min="391" max="391" width="6.88671875" style="71" customWidth="1"/>
    <col min="392" max="396" width="10.109375" style="71" customWidth="1"/>
    <col min="397" max="398" width="10.33203125" style="71" customWidth="1"/>
    <col min="399" max="401" width="9.21875" style="71" customWidth="1"/>
    <col min="402" max="402" width="7" style="71" customWidth="1"/>
    <col min="403" max="404" width="9.21875" style="71" customWidth="1"/>
    <col min="405" max="405" width="10.44140625" style="71" customWidth="1"/>
    <col min="406" max="406" width="12.109375" style="71" customWidth="1"/>
    <col min="407" max="407" width="10.109375" style="71" customWidth="1"/>
    <col min="408" max="409" width="10.33203125" style="71" customWidth="1"/>
    <col min="410" max="16384" width="8.21875" style="71"/>
  </cols>
  <sheetData>
    <row r="1" spans="1:409" ht="24" customHeight="1" x14ac:dyDescent="0.2">
      <c r="B1" s="10" t="s">
        <v>142</v>
      </c>
      <c r="E1" s="63">
        <f>第１表!F2</f>
        <v>7</v>
      </c>
      <c r="F1" s="419">
        <f>第１表!G2</f>
        <v>3</v>
      </c>
      <c r="G1" s="531">
        <f>IF(F1&lt;3,F1-2+12,F1-2)</f>
        <v>1</v>
      </c>
      <c r="H1" s="531"/>
      <c r="IB1" s="42"/>
      <c r="IC1" s="22"/>
      <c r="ID1" s="542"/>
      <c r="IE1" s="542"/>
    </row>
    <row r="2" spans="1:409" ht="24" customHeight="1" x14ac:dyDescent="0.2">
      <c r="B2" s="10" t="s">
        <v>143</v>
      </c>
      <c r="E2" s="19"/>
      <c r="F2" s="20"/>
      <c r="G2" s="542"/>
      <c r="H2" s="542"/>
      <c r="IB2" s="21"/>
      <c r="IC2" s="22"/>
      <c r="ID2" s="248"/>
      <c r="IE2" s="248"/>
    </row>
    <row r="3" spans="1:409" ht="24" customHeight="1" thickBot="1" x14ac:dyDescent="0.25">
      <c r="B3" s="10" t="s">
        <v>144</v>
      </c>
    </row>
    <row r="4" spans="1:409" ht="21" customHeight="1" thickBot="1" x14ac:dyDescent="0.25">
      <c r="B4" s="547" t="s">
        <v>42</v>
      </c>
      <c r="C4" s="550" t="s">
        <v>63</v>
      </c>
      <c r="D4" s="550"/>
      <c r="E4" s="550"/>
      <c r="F4" s="550"/>
      <c r="G4" s="550"/>
      <c r="H4" s="550"/>
      <c r="I4" s="550"/>
      <c r="J4" s="550"/>
      <c r="K4" s="550"/>
      <c r="L4" s="550"/>
      <c r="M4" s="550"/>
      <c r="N4" s="508"/>
      <c r="O4" s="508"/>
      <c r="P4" s="508"/>
      <c r="Q4" s="508"/>
      <c r="R4" s="508"/>
      <c r="S4" s="508"/>
      <c r="T4" s="508"/>
      <c r="U4" s="508"/>
      <c r="V4" s="508"/>
      <c r="W4" s="508"/>
      <c r="X4" s="508"/>
      <c r="Y4" s="508"/>
      <c r="Z4" s="508"/>
      <c r="AA4" s="508"/>
      <c r="AB4" s="508"/>
      <c r="AC4" s="508"/>
      <c r="AD4" s="508"/>
      <c r="AE4" s="508"/>
      <c r="AF4" s="508"/>
      <c r="AG4" s="508"/>
      <c r="AH4" s="508"/>
      <c r="AI4" s="508"/>
      <c r="AJ4" s="508"/>
      <c r="AK4" s="508"/>
      <c r="AL4" s="508"/>
      <c r="AM4" s="508"/>
      <c r="AN4" s="508"/>
      <c r="AO4" s="508"/>
      <c r="AP4" s="508"/>
      <c r="AQ4" s="508"/>
      <c r="AR4" s="508"/>
      <c r="AS4" s="508"/>
      <c r="AT4" s="508"/>
      <c r="AU4" s="508"/>
      <c r="AV4" s="508"/>
      <c r="AW4" s="508"/>
      <c r="AX4" s="508"/>
      <c r="AY4" s="508"/>
      <c r="AZ4" s="508"/>
      <c r="BA4" s="508"/>
      <c r="BB4" s="508"/>
      <c r="BC4" s="508"/>
      <c r="BD4" s="508"/>
      <c r="BE4" s="508"/>
      <c r="BF4" s="508"/>
      <c r="BG4" s="508"/>
      <c r="BH4" s="508"/>
      <c r="BI4" s="508"/>
      <c r="BJ4" s="508"/>
      <c r="BK4" s="508"/>
      <c r="BL4" s="508"/>
      <c r="BM4" s="508"/>
      <c r="BN4" s="508"/>
      <c r="BO4" s="508"/>
      <c r="BP4" s="508"/>
      <c r="BQ4" s="508"/>
      <c r="BR4" s="508"/>
      <c r="BS4" s="508"/>
      <c r="BT4" s="508"/>
      <c r="BU4" s="508"/>
      <c r="BV4" s="508"/>
      <c r="BW4" s="508"/>
      <c r="BX4" s="508"/>
      <c r="BY4" s="508"/>
      <c r="BZ4" s="508"/>
      <c r="CA4" s="508"/>
      <c r="CB4" s="508"/>
      <c r="CC4" s="508"/>
      <c r="CD4" s="508"/>
      <c r="CE4" s="508"/>
      <c r="CF4" s="508"/>
      <c r="CG4" s="508"/>
      <c r="CH4" s="508"/>
      <c r="CI4" s="508"/>
      <c r="CJ4" s="508"/>
      <c r="CK4" s="508"/>
      <c r="CL4" s="508"/>
      <c r="CM4" s="508"/>
      <c r="CN4" s="508"/>
      <c r="CO4" s="508"/>
      <c r="CP4" s="508"/>
      <c r="CQ4" s="508"/>
      <c r="CR4" s="508"/>
      <c r="CS4" s="508"/>
      <c r="CT4" s="508"/>
      <c r="CU4" s="508"/>
      <c r="CV4" s="508"/>
      <c r="CW4" s="508"/>
      <c r="CX4" s="508"/>
      <c r="CY4" s="508"/>
      <c r="CZ4" s="508"/>
      <c r="DA4" s="508"/>
      <c r="DB4" s="508"/>
      <c r="DC4" s="508"/>
      <c r="DD4" s="508"/>
      <c r="DE4" s="508"/>
      <c r="DF4" s="508"/>
      <c r="DG4" s="508"/>
      <c r="DH4" s="508"/>
      <c r="DI4" s="508"/>
      <c r="DJ4" s="508"/>
      <c r="DK4" s="508"/>
      <c r="DL4" s="508"/>
      <c r="DM4" s="508"/>
      <c r="DN4" s="508"/>
      <c r="DO4" s="508"/>
      <c r="DP4" s="508"/>
      <c r="DQ4" s="508"/>
      <c r="DR4" s="508"/>
      <c r="DS4" s="508"/>
      <c r="DT4" s="508"/>
      <c r="DU4" s="508"/>
      <c r="DV4" s="508"/>
      <c r="DW4" s="508"/>
      <c r="DX4" s="508"/>
      <c r="DY4" s="508"/>
      <c r="DZ4" s="508"/>
      <c r="EA4" s="508"/>
      <c r="EB4" s="508"/>
      <c r="EC4" s="508"/>
      <c r="ED4" s="508"/>
      <c r="EE4" s="508"/>
      <c r="EF4" s="508"/>
      <c r="EG4" s="508"/>
      <c r="EH4" s="508"/>
      <c r="EI4" s="508"/>
      <c r="EJ4" s="508"/>
      <c r="EK4" s="508"/>
      <c r="EL4" s="508"/>
      <c r="EM4" s="508"/>
      <c r="EN4" s="508"/>
      <c r="EO4" s="508"/>
      <c r="EP4" s="508"/>
      <c r="EQ4" s="508"/>
      <c r="ER4" s="508"/>
      <c r="ES4" s="508"/>
      <c r="ET4" s="508"/>
      <c r="EU4" s="508"/>
      <c r="EV4" s="508"/>
      <c r="EW4" s="508"/>
      <c r="EX4" s="508"/>
      <c r="EY4" s="508"/>
      <c r="EZ4" s="508"/>
      <c r="FA4" s="508"/>
      <c r="FB4" s="508"/>
      <c r="FC4" s="508"/>
      <c r="FD4" s="508"/>
      <c r="FE4" s="508"/>
      <c r="FF4" s="508"/>
      <c r="FG4" s="508"/>
      <c r="FH4" s="508"/>
      <c r="FI4" s="508"/>
      <c r="FJ4" s="508"/>
      <c r="FK4" s="508"/>
      <c r="FL4" s="508"/>
      <c r="FM4" s="508"/>
      <c r="FN4" s="508"/>
      <c r="FO4" s="508"/>
      <c r="FP4" s="508"/>
      <c r="FQ4" s="508"/>
      <c r="FR4" s="508"/>
      <c r="FS4" s="508"/>
      <c r="FT4" s="508"/>
      <c r="FU4" s="508"/>
      <c r="FV4" s="508"/>
      <c r="FW4" s="508"/>
      <c r="FX4" s="508"/>
      <c r="FY4" s="508"/>
      <c r="FZ4" s="508"/>
      <c r="GA4" s="508"/>
      <c r="GB4" s="508"/>
      <c r="GC4" s="508"/>
      <c r="GD4" s="508"/>
      <c r="GE4" s="508"/>
      <c r="GF4" s="508"/>
      <c r="GG4" s="508"/>
      <c r="GH4" s="508"/>
      <c r="GI4" s="508"/>
      <c r="GJ4" s="508"/>
      <c r="GK4" s="508"/>
      <c r="GL4" s="508"/>
      <c r="GM4" s="508"/>
      <c r="GN4" s="508"/>
      <c r="GO4" s="508"/>
      <c r="GP4" s="508"/>
      <c r="GQ4" s="508"/>
      <c r="GR4" s="508"/>
      <c r="GS4" s="508"/>
      <c r="GT4" s="508"/>
      <c r="GU4" s="508"/>
      <c r="GV4" s="508"/>
      <c r="GW4" s="508"/>
      <c r="GX4" s="508"/>
      <c r="GY4" s="508"/>
      <c r="GZ4" s="508"/>
      <c r="HA4" s="508"/>
      <c r="HB4" s="508"/>
      <c r="HC4" s="508"/>
      <c r="HD4" s="508"/>
      <c r="HE4" s="508"/>
      <c r="HF4" s="508"/>
      <c r="HG4" s="508"/>
      <c r="HH4" s="508"/>
      <c r="HI4" s="508"/>
      <c r="HJ4" s="508"/>
      <c r="HK4" s="508"/>
      <c r="HL4" s="508"/>
      <c r="HM4" s="508"/>
      <c r="HN4" s="508"/>
      <c r="HO4" s="508"/>
      <c r="HP4" s="508"/>
      <c r="HQ4" s="508"/>
      <c r="HR4" s="508"/>
      <c r="HS4" s="508"/>
      <c r="HT4" s="508"/>
      <c r="HU4" s="508"/>
      <c r="HV4" s="508"/>
      <c r="HW4" s="508"/>
      <c r="HX4" s="508"/>
      <c r="HY4" s="509"/>
      <c r="HZ4" s="439" t="s">
        <v>85</v>
      </c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0"/>
      <c r="JR4" s="440"/>
      <c r="JS4" s="440"/>
      <c r="JT4" s="440"/>
      <c r="JU4" s="440"/>
      <c r="JV4" s="440"/>
      <c r="JW4" s="440"/>
      <c r="JX4" s="440"/>
      <c r="JY4" s="440"/>
      <c r="JZ4" s="440"/>
      <c r="KA4" s="440"/>
      <c r="KB4" s="440"/>
      <c r="KC4" s="440"/>
      <c r="KD4" s="440"/>
      <c r="KE4" s="440"/>
      <c r="KF4" s="440"/>
      <c r="KG4" s="440"/>
      <c r="KH4" s="440"/>
      <c r="KI4" s="440"/>
      <c r="KJ4" s="440"/>
      <c r="KK4" s="440"/>
      <c r="KL4" s="440"/>
      <c r="KM4" s="440"/>
      <c r="KN4" s="440"/>
      <c r="KO4" s="440"/>
      <c r="KP4" s="440"/>
      <c r="KQ4" s="440"/>
      <c r="KR4" s="440"/>
      <c r="KS4" s="440"/>
      <c r="KT4" s="440"/>
      <c r="KU4" s="440"/>
      <c r="KV4" s="440"/>
      <c r="KW4" s="440"/>
      <c r="KX4" s="440"/>
      <c r="KY4" s="440"/>
      <c r="KZ4" s="440"/>
      <c r="LA4" s="440"/>
      <c r="LB4" s="440"/>
      <c r="LC4" s="440"/>
      <c r="LD4" s="440"/>
      <c r="LE4" s="440"/>
      <c r="LF4" s="440"/>
      <c r="LG4" s="440"/>
      <c r="LH4" s="440"/>
      <c r="LI4" s="440"/>
      <c r="LJ4" s="440"/>
      <c r="LK4" s="440"/>
      <c r="LL4" s="440"/>
      <c r="LM4" s="440"/>
      <c r="LN4" s="440"/>
      <c r="LO4" s="440"/>
      <c r="LP4" s="440"/>
      <c r="LQ4" s="440"/>
      <c r="LR4" s="440"/>
      <c r="LS4" s="440"/>
      <c r="LT4" s="440"/>
      <c r="LU4" s="440"/>
      <c r="LV4" s="440"/>
      <c r="LW4" s="440"/>
      <c r="LX4" s="440"/>
      <c r="LY4" s="440"/>
      <c r="LZ4" s="440"/>
      <c r="MA4" s="440"/>
      <c r="MB4" s="440"/>
      <c r="MC4" s="440"/>
      <c r="MD4" s="440"/>
      <c r="ME4" s="441"/>
      <c r="MF4" s="439" t="s">
        <v>86</v>
      </c>
      <c r="MG4" s="440"/>
      <c r="MH4" s="440"/>
      <c r="MI4" s="440"/>
      <c r="MJ4" s="440"/>
      <c r="MK4" s="440"/>
      <c r="ML4" s="440"/>
      <c r="MM4" s="440"/>
      <c r="MN4" s="440"/>
      <c r="MO4" s="440"/>
      <c r="MP4" s="440"/>
      <c r="MQ4" s="440"/>
      <c r="MR4" s="440"/>
      <c r="MS4" s="440"/>
      <c r="MT4" s="440"/>
      <c r="MU4" s="440"/>
      <c r="MV4" s="440"/>
      <c r="MW4" s="440"/>
      <c r="MX4" s="440"/>
      <c r="MY4" s="440"/>
      <c r="MZ4" s="440"/>
      <c r="NA4" s="440"/>
      <c r="NB4" s="440"/>
      <c r="NC4" s="440"/>
      <c r="ND4" s="440"/>
      <c r="NE4" s="440"/>
      <c r="NF4" s="440"/>
      <c r="NG4" s="440"/>
      <c r="NH4" s="440"/>
      <c r="NI4" s="440"/>
      <c r="NJ4" s="440"/>
      <c r="NK4" s="440"/>
      <c r="NL4" s="440"/>
      <c r="NM4" s="440"/>
      <c r="NN4" s="440"/>
      <c r="NO4" s="440"/>
      <c r="NP4" s="440"/>
      <c r="NQ4" s="440"/>
      <c r="NR4" s="440"/>
      <c r="NS4" s="440"/>
      <c r="NT4" s="440"/>
      <c r="NU4" s="440"/>
      <c r="NV4" s="440"/>
      <c r="NW4" s="440"/>
      <c r="NX4" s="440"/>
      <c r="NY4" s="440"/>
      <c r="NZ4" s="440"/>
      <c r="OA4" s="440"/>
      <c r="OB4" s="440"/>
      <c r="OC4" s="440"/>
      <c r="OD4" s="440"/>
      <c r="OE4" s="440"/>
      <c r="OF4" s="440"/>
      <c r="OG4" s="440"/>
      <c r="OH4" s="441"/>
      <c r="OI4" s="425" t="s">
        <v>60</v>
      </c>
      <c r="OJ4" s="426"/>
      <c r="OK4" s="426"/>
      <c r="OL4" s="426"/>
      <c r="OM4" s="426"/>
      <c r="ON4" s="426"/>
      <c r="OO4" s="426"/>
      <c r="OP4" s="426"/>
      <c r="OQ4" s="426"/>
      <c r="OR4" s="426"/>
      <c r="OS4" s="427"/>
    </row>
    <row r="5" spans="1:409" ht="21" customHeight="1" thickBot="1" x14ac:dyDescent="0.25">
      <c r="B5" s="548"/>
      <c r="C5" s="551"/>
      <c r="D5" s="551"/>
      <c r="E5" s="551"/>
      <c r="F5" s="551"/>
      <c r="G5" s="551"/>
      <c r="H5" s="551"/>
      <c r="I5" s="551"/>
      <c r="J5" s="551"/>
      <c r="K5" s="551"/>
      <c r="L5" s="551"/>
      <c r="M5" s="551"/>
      <c r="N5" s="553" t="s">
        <v>64</v>
      </c>
      <c r="O5" s="554"/>
      <c r="P5" s="554"/>
      <c r="Q5" s="554"/>
      <c r="R5" s="554"/>
      <c r="S5" s="554"/>
      <c r="T5" s="554"/>
      <c r="U5" s="554"/>
      <c r="V5" s="554"/>
      <c r="W5" s="554"/>
      <c r="X5" s="554"/>
      <c r="Y5" s="554"/>
      <c r="Z5" s="554"/>
      <c r="AA5" s="554"/>
      <c r="AB5" s="554"/>
      <c r="AC5" s="554"/>
      <c r="AD5" s="554"/>
      <c r="AE5" s="554"/>
      <c r="AF5" s="554"/>
      <c r="AG5" s="554"/>
      <c r="AH5" s="554"/>
      <c r="AI5" s="554"/>
      <c r="AJ5" s="554"/>
      <c r="AK5" s="554"/>
      <c r="AL5" s="554"/>
      <c r="AM5" s="554"/>
      <c r="AN5" s="554"/>
      <c r="AO5" s="554"/>
      <c r="AP5" s="554"/>
      <c r="AQ5" s="554"/>
      <c r="AR5" s="554"/>
      <c r="AS5" s="554"/>
      <c r="AT5" s="554"/>
      <c r="AU5" s="554"/>
      <c r="AV5" s="554"/>
      <c r="AW5" s="554"/>
      <c r="AX5" s="554"/>
      <c r="AY5" s="554"/>
      <c r="AZ5" s="554"/>
      <c r="BA5" s="554"/>
      <c r="BB5" s="554"/>
      <c r="BC5" s="554"/>
      <c r="BD5" s="554"/>
      <c r="BE5" s="554"/>
      <c r="BF5" s="554"/>
      <c r="BG5" s="554"/>
      <c r="BH5" s="554"/>
      <c r="BI5" s="554"/>
      <c r="BJ5" s="554"/>
      <c r="BK5" s="554"/>
      <c r="BL5" s="554"/>
      <c r="BM5" s="554"/>
      <c r="BN5" s="554"/>
      <c r="BO5" s="554"/>
      <c r="BP5" s="554"/>
      <c r="BQ5" s="554"/>
      <c r="BR5" s="554"/>
      <c r="BS5" s="554"/>
      <c r="BT5" s="554"/>
      <c r="BU5" s="554"/>
      <c r="BV5" s="554"/>
      <c r="BW5" s="554"/>
      <c r="BX5" s="554"/>
      <c r="BY5" s="554"/>
      <c r="BZ5" s="554"/>
      <c r="CA5" s="555"/>
      <c r="CB5" s="553" t="s">
        <v>65</v>
      </c>
      <c r="CC5" s="554"/>
      <c r="CD5" s="554"/>
      <c r="CE5" s="554"/>
      <c r="CF5" s="554"/>
      <c r="CG5" s="554"/>
      <c r="CH5" s="554"/>
      <c r="CI5" s="554"/>
      <c r="CJ5" s="554"/>
      <c r="CK5" s="554"/>
      <c r="CL5" s="554"/>
      <c r="CM5" s="554"/>
      <c r="CN5" s="554"/>
      <c r="CO5" s="554"/>
      <c r="CP5" s="554"/>
      <c r="CQ5" s="554"/>
      <c r="CR5" s="554"/>
      <c r="CS5" s="554"/>
      <c r="CT5" s="554"/>
      <c r="CU5" s="554"/>
      <c r="CV5" s="554"/>
      <c r="CW5" s="554"/>
      <c r="CX5" s="554"/>
      <c r="CY5" s="554"/>
      <c r="CZ5" s="554"/>
      <c r="DA5" s="554"/>
      <c r="DB5" s="554"/>
      <c r="DC5" s="554"/>
      <c r="DD5" s="554"/>
      <c r="DE5" s="554"/>
      <c r="DF5" s="554"/>
      <c r="DG5" s="554"/>
      <c r="DH5" s="555"/>
      <c r="DI5" s="439" t="s">
        <v>66</v>
      </c>
      <c r="DJ5" s="440"/>
      <c r="DK5" s="440"/>
      <c r="DL5" s="440"/>
      <c r="DM5" s="440"/>
      <c r="DN5" s="440"/>
      <c r="DO5" s="440"/>
      <c r="DP5" s="440"/>
      <c r="DQ5" s="440"/>
      <c r="DR5" s="440"/>
      <c r="DS5" s="440"/>
      <c r="DT5" s="440"/>
      <c r="DU5" s="440"/>
      <c r="DV5" s="440"/>
      <c r="DW5" s="440"/>
      <c r="DX5" s="440"/>
      <c r="DY5" s="440"/>
      <c r="DZ5" s="440"/>
      <c r="EA5" s="440"/>
      <c r="EB5" s="440"/>
      <c r="EC5" s="440"/>
      <c r="ED5" s="440"/>
      <c r="EE5" s="440"/>
      <c r="EF5" s="440"/>
      <c r="EG5" s="440"/>
      <c r="EH5" s="440"/>
      <c r="EI5" s="440"/>
      <c r="EJ5" s="440"/>
      <c r="EK5" s="440"/>
      <c r="EL5" s="440"/>
      <c r="EM5" s="440"/>
      <c r="EN5" s="440"/>
      <c r="EO5" s="440"/>
      <c r="EP5" s="440"/>
      <c r="EQ5" s="440"/>
      <c r="ER5" s="440"/>
      <c r="ES5" s="440"/>
      <c r="ET5" s="440"/>
      <c r="EU5" s="440"/>
      <c r="EV5" s="440"/>
      <c r="EW5" s="440"/>
      <c r="EX5" s="440"/>
      <c r="EY5" s="440"/>
      <c r="EZ5" s="440"/>
      <c r="FA5" s="440"/>
      <c r="FB5" s="440"/>
      <c r="FC5" s="440"/>
      <c r="FD5" s="440"/>
      <c r="FE5" s="440"/>
      <c r="FF5" s="440"/>
      <c r="FG5" s="440"/>
      <c r="FH5" s="440"/>
      <c r="FI5" s="440"/>
      <c r="FJ5" s="440"/>
      <c r="FK5" s="441"/>
      <c r="FL5" s="553" t="s">
        <v>67</v>
      </c>
      <c r="FM5" s="554"/>
      <c r="FN5" s="554"/>
      <c r="FO5" s="554"/>
      <c r="FP5" s="554"/>
      <c r="FQ5" s="554"/>
      <c r="FR5" s="554"/>
      <c r="FS5" s="554"/>
      <c r="FT5" s="554"/>
      <c r="FU5" s="554"/>
      <c r="FV5" s="554"/>
      <c r="FW5" s="554"/>
      <c r="FX5" s="554"/>
      <c r="FY5" s="554"/>
      <c r="FZ5" s="554"/>
      <c r="GA5" s="554"/>
      <c r="GB5" s="554"/>
      <c r="GC5" s="554"/>
      <c r="GD5" s="554"/>
      <c r="GE5" s="554"/>
      <c r="GF5" s="554"/>
      <c r="GG5" s="554"/>
      <c r="GH5" s="554"/>
      <c r="GI5" s="554"/>
      <c r="GJ5" s="554"/>
      <c r="GK5" s="554"/>
      <c r="GL5" s="554"/>
      <c r="GM5" s="554"/>
      <c r="GN5" s="554"/>
      <c r="GO5" s="554"/>
      <c r="GP5" s="554"/>
      <c r="GQ5" s="554"/>
      <c r="GR5" s="554"/>
      <c r="GS5" s="554"/>
      <c r="GT5" s="554"/>
      <c r="GU5" s="554"/>
      <c r="GV5" s="554"/>
      <c r="GW5" s="554"/>
      <c r="GX5" s="554"/>
      <c r="GY5" s="554"/>
      <c r="GZ5" s="554"/>
      <c r="HA5" s="554"/>
      <c r="HB5" s="554"/>
      <c r="HC5" s="555"/>
      <c r="HD5" s="539" t="s">
        <v>68</v>
      </c>
      <c r="HE5" s="540"/>
      <c r="HF5" s="540"/>
      <c r="HG5" s="540"/>
      <c r="HH5" s="540"/>
      <c r="HI5" s="540"/>
      <c r="HJ5" s="540"/>
      <c r="HK5" s="540"/>
      <c r="HL5" s="540"/>
      <c r="HM5" s="540"/>
      <c r="HN5" s="541"/>
      <c r="HO5" s="539" t="s">
        <v>69</v>
      </c>
      <c r="HP5" s="540"/>
      <c r="HQ5" s="540"/>
      <c r="HR5" s="540"/>
      <c r="HS5" s="540"/>
      <c r="HT5" s="540"/>
      <c r="HU5" s="540"/>
      <c r="HV5" s="540"/>
      <c r="HW5" s="540"/>
      <c r="HX5" s="540"/>
      <c r="HY5" s="541"/>
      <c r="HZ5" s="572"/>
      <c r="IA5" s="573"/>
      <c r="IB5" s="573"/>
      <c r="IC5" s="573"/>
      <c r="ID5" s="573"/>
      <c r="IE5" s="573"/>
      <c r="IF5" s="573"/>
      <c r="IG5" s="573"/>
      <c r="IH5" s="573"/>
      <c r="II5" s="573"/>
      <c r="IJ5" s="574"/>
      <c r="IK5" s="425" t="s">
        <v>94</v>
      </c>
      <c r="IL5" s="426"/>
      <c r="IM5" s="426"/>
      <c r="IN5" s="426"/>
      <c r="IO5" s="426"/>
      <c r="IP5" s="426"/>
      <c r="IQ5" s="426"/>
      <c r="IR5" s="426"/>
      <c r="IS5" s="426"/>
      <c r="IT5" s="426"/>
      <c r="IU5" s="427"/>
      <c r="IV5" s="425" t="s">
        <v>88</v>
      </c>
      <c r="IW5" s="426"/>
      <c r="IX5" s="426"/>
      <c r="IY5" s="426"/>
      <c r="IZ5" s="426"/>
      <c r="JA5" s="426"/>
      <c r="JB5" s="426"/>
      <c r="JC5" s="426"/>
      <c r="JD5" s="426"/>
      <c r="JE5" s="426"/>
      <c r="JF5" s="427"/>
      <c r="JG5" s="425" t="s">
        <v>140</v>
      </c>
      <c r="JH5" s="426"/>
      <c r="JI5" s="426"/>
      <c r="JJ5" s="426"/>
      <c r="JK5" s="426"/>
      <c r="JL5" s="426"/>
      <c r="JM5" s="426"/>
      <c r="JN5" s="426"/>
      <c r="JO5" s="426"/>
      <c r="JP5" s="426"/>
      <c r="JQ5" s="427"/>
      <c r="JR5" s="425" t="s">
        <v>90</v>
      </c>
      <c r="JS5" s="426"/>
      <c r="JT5" s="426"/>
      <c r="JU5" s="426"/>
      <c r="JV5" s="426"/>
      <c r="JW5" s="426"/>
      <c r="JX5" s="426"/>
      <c r="JY5" s="426"/>
      <c r="JZ5" s="426"/>
      <c r="KA5" s="426"/>
      <c r="KB5" s="427"/>
      <c r="KC5" s="425" t="s">
        <v>89</v>
      </c>
      <c r="KD5" s="426"/>
      <c r="KE5" s="426"/>
      <c r="KF5" s="426"/>
      <c r="KG5" s="426"/>
      <c r="KH5" s="426"/>
      <c r="KI5" s="426"/>
      <c r="KJ5" s="426"/>
      <c r="KK5" s="426"/>
      <c r="KL5" s="426"/>
      <c r="KM5" s="427"/>
      <c r="KN5" s="425" t="s">
        <v>91</v>
      </c>
      <c r="KO5" s="426"/>
      <c r="KP5" s="426"/>
      <c r="KQ5" s="426"/>
      <c r="KR5" s="426"/>
      <c r="KS5" s="426"/>
      <c r="KT5" s="426"/>
      <c r="KU5" s="426"/>
      <c r="KV5" s="426"/>
      <c r="KW5" s="426"/>
      <c r="KX5" s="427"/>
      <c r="KY5" s="425" t="s">
        <v>92</v>
      </c>
      <c r="KZ5" s="426"/>
      <c r="LA5" s="426"/>
      <c r="LB5" s="426"/>
      <c r="LC5" s="426"/>
      <c r="LD5" s="426"/>
      <c r="LE5" s="426"/>
      <c r="LF5" s="426"/>
      <c r="LG5" s="426"/>
      <c r="LH5" s="426"/>
      <c r="LI5" s="427"/>
      <c r="LJ5" s="575" t="s">
        <v>93</v>
      </c>
      <c r="LK5" s="576"/>
      <c r="LL5" s="576"/>
      <c r="LM5" s="576"/>
      <c r="LN5" s="576"/>
      <c r="LO5" s="576"/>
      <c r="LP5" s="576"/>
      <c r="LQ5" s="576"/>
      <c r="LR5" s="576"/>
      <c r="LS5" s="576"/>
      <c r="LT5" s="577"/>
      <c r="LU5" s="575" t="s">
        <v>141</v>
      </c>
      <c r="LV5" s="576"/>
      <c r="LW5" s="576"/>
      <c r="LX5" s="576"/>
      <c r="LY5" s="576"/>
      <c r="LZ5" s="576"/>
      <c r="MA5" s="576"/>
      <c r="MB5" s="576"/>
      <c r="MC5" s="576"/>
      <c r="MD5" s="576"/>
      <c r="ME5" s="577"/>
      <c r="MF5" s="572"/>
      <c r="MG5" s="573"/>
      <c r="MH5" s="573"/>
      <c r="MI5" s="573"/>
      <c r="MJ5" s="573"/>
      <c r="MK5" s="573"/>
      <c r="ML5" s="573"/>
      <c r="MM5" s="573"/>
      <c r="MN5" s="573"/>
      <c r="MO5" s="573"/>
      <c r="MP5" s="574"/>
      <c r="MQ5" s="425" t="s">
        <v>57</v>
      </c>
      <c r="MR5" s="426"/>
      <c r="MS5" s="426"/>
      <c r="MT5" s="426"/>
      <c r="MU5" s="426"/>
      <c r="MV5" s="426"/>
      <c r="MW5" s="426"/>
      <c r="MX5" s="426"/>
      <c r="MY5" s="426"/>
      <c r="MZ5" s="426"/>
      <c r="NA5" s="427"/>
      <c r="NB5" s="425" t="s">
        <v>58</v>
      </c>
      <c r="NC5" s="426"/>
      <c r="ND5" s="426"/>
      <c r="NE5" s="426"/>
      <c r="NF5" s="426"/>
      <c r="NG5" s="426"/>
      <c r="NH5" s="426"/>
      <c r="NI5" s="426"/>
      <c r="NJ5" s="426"/>
      <c r="NK5" s="426"/>
      <c r="NL5" s="427"/>
      <c r="NM5" s="425" t="s">
        <v>59</v>
      </c>
      <c r="NN5" s="426"/>
      <c r="NO5" s="426"/>
      <c r="NP5" s="426"/>
      <c r="NQ5" s="426"/>
      <c r="NR5" s="426"/>
      <c r="NS5" s="426"/>
      <c r="NT5" s="426"/>
      <c r="NU5" s="426"/>
      <c r="NV5" s="426"/>
      <c r="NW5" s="427"/>
      <c r="NX5" s="425" t="s">
        <v>147</v>
      </c>
      <c r="NY5" s="426"/>
      <c r="NZ5" s="426"/>
      <c r="OA5" s="426"/>
      <c r="OB5" s="426"/>
      <c r="OC5" s="426"/>
      <c r="OD5" s="426"/>
      <c r="OE5" s="426"/>
      <c r="OF5" s="426"/>
      <c r="OG5" s="426"/>
      <c r="OH5" s="427"/>
      <c r="OI5" s="443"/>
      <c r="OJ5" s="570"/>
      <c r="OK5" s="570"/>
      <c r="OL5" s="570"/>
      <c r="OM5" s="570"/>
      <c r="ON5" s="570"/>
      <c r="OO5" s="570"/>
      <c r="OP5" s="570"/>
      <c r="OQ5" s="570"/>
      <c r="OR5" s="570"/>
      <c r="OS5" s="571"/>
    </row>
    <row r="6" spans="1:409" ht="21" customHeight="1" thickBot="1" x14ac:dyDescent="0.25">
      <c r="B6" s="548"/>
      <c r="C6" s="552"/>
      <c r="D6" s="552"/>
      <c r="E6" s="552"/>
      <c r="F6" s="552"/>
      <c r="G6" s="552"/>
      <c r="H6" s="552"/>
      <c r="I6" s="552"/>
      <c r="J6" s="552"/>
      <c r="K6" s="552"/>
      <c r="L6" s="552"/>
      <c r="M6" s="552"/>
      <c r="N6" s="431"/>
      <c r="O6" s="432"/>
      <c r="P6" s="432"/>
      <c r="Q6" s="432"/>
      <c r="R6" s="432"/>
      <c r="S6" s="432"/>
      <c r="T6" s="432"/>
      <c r="U6" s="432"/>
      <c r="V6" s="432"/>
      <c r="W6" s="432"/>
      <c r="X6" s="433"/>
      <c r="Y6" s="434" t="s">
        <v>70</v>
      </c>
      <c r="Z6" s="435"/>
      <c r="AA6" s="435"/>
      <c r="AB6" s="435"/>
      <c r="AC6" s="435"/>
      <c r="AD6" s="435"/>
      <c r="AE6" s="435"/>
      <c r="AF6" s="435"/>
      <c r="AG6" s="435"/>
      <c r="AH6" s="435"/>
      <c r="AI6" s="436"/>
      <c r="AJ6" s="539" t="s">
        <v>71</v>
      </c>
      <c r="AK6" s="540"/>
      <c r="AL6" s="540"/>
      <c r="AM6" s="540"/>
      <c r="AN6" s="540"/>
      <c r="AO6" s="540"/>
      <c r="AP6" s="540"/>
      <c r="AQ6" s="540"/>
      <c r="AR6" s="540"/>
      <c r="AS6" s="540"/>
      <c r="AT6" s="541"/>
      <c r="AU6" s="536" t="s">
        <v>72</v>
      </c>
      <c r="AV6" s="537"/>
      <c r="AW6" s="537"/>
      <c r="AX6" s="537"/>
      <c r="AY6" s="537"/>
      <c r="AZ6" s="537"/>
      <c r="BA6" s="537"/>
      <c r="BB6" s="537"/>
      <c r="BC6" s="537"/>
      <c r="BD6" s="537"/>
      <c r="BE6" s="538"/>
      <c r="BF6" s="536" t="s">
        <v>73</v>
      </c>
      <c r="BG6" s="537"/>
      <c r="BH6" s="537"/>
      <c r="BI6" s="537"/>
      <c r="BJ6" s="537"/>
      <c r="BK6" s="537"/>
      <c r="BL6" s="537"/>
      <c r="BM6" s="537"/>
      <c r="BN6" s="537"/>
      <c r="BO6" s="537"/>
      <c r="BP6" s="538"/>
      <c r="BQ6" s="536" t="s">
        <v>74</v>
      </c>
      <c r="BR6" s="537"/>
      <c r="BS6" s="537"/>
      <c r="BT6" s="537"/>
      <c r="BU6" s="537"/>
      <c r="BV6" s="537"/>
      <c r="BW6" s="537"/>
      <c r="BX6" s="537"/>
      <c r="BY6" s="537"/>
      <c r="BZ6" s="537"/>
      <c r="CA6" s="538"/>
      <c r="CB6" s="533"/>
      <c r="CC6" s="534"/>
      <c r="CD6" s="534"/>
      <c r="CE6" s="534"/>
      <c r="CF6" s="534"/>
      <c r="CG6" s="534"/>
      <c r="CH6" s="534"/>
      <c r="CI6" s="534"/>
      <c r="CJ6" s="534"/>
      <c r="CK6" s="534"/>
      <c r="CL6" s="535"/>
      <c r="CM6" s="536" t="s">
        <v>75</v>
      </c>
      <c r="CN6" s="537"/>
      <c r="CO6" s="537"/>
      <c r="CP6" s="537"/>
      <c r="CQ6" s="537"/>
      <c r="CR6" s="537"/>
      <c r="CS6" s="537"/>
      <c r="CT6" s="537"/>
      <c r="CU6" s="537"/>
      <c r="CV6" s="537"/>
      <c r="CW6" s="538"/>
      <c r="CX6" s="536" t="s">
        <v>76</v>
      </c>
      <c r="CY6" s="537"/>
      <c r="CZ6" s="537"/>
      <c r="DA6" s="537"/>
      <c r="DB6" s="537"/>
      <c r="DC6" s="537"/>
      <c r="DD6" s="537"/>
      <c r="DE6" s="537"/>
      <c r="DF6" s="537"/>
      <c r="DG6" s="537"/>
      <c r="DH6" s="538"/>
      <c r="DI6" s="533"/>
      <c r="DJ6" s="534"/>
      <c r="DK6" s="534"/>
      <c r="DL6" s="534"/>
      <c r="DM6" s="534"/>
      <c r="DN6" s="534"/>
      <c r="DO6" s="534"/>
      <c r="DP6" s="534"/>
      <c r="DQ6" s="534"/>
      <c r="DR6" s="534"/>
      <c r="DS6" s="534"/>
      <c r="DT6" s="536" t="s">
        <v>77</v>
      </c>
      <c r="DU6" s="537"/>
      <c r="DV6" s="537"/>
      <c r="DW6" s="537"/>
      <c r="DX6" s="537"/>
      <c r="DY6" s="537"/>
      <c r="DZ6" s="537"/>
      <c r="EA6" s="537"/>
      <c r="EB6" s="537"/>
      <c r="EC6" s="537"/>
      <c r="ED6" s="538"/>
      <c r="EE6" s="536" t="s">
        <v>78</v>
      </c>
      <c r="EF6" s="537"/>
      <c r="EG6" s="537"/>
      <c r="EH6" s="537"/>
      <c r="EI6" s="537"/>
      <c r="EJ6" s="537"/>
      <c r="EK6" s="537"/>
      <c r="EL6" s="537"/>
      <c r="EM6" s="537"/>
      <c r="EN6" s="537"/>
      <c r="EO6" s="538"/>
      <c r="EP6" s="536" t="s">
        <v>79</v>
      </c>
      <c r="EQ6" s="537"/>
      <c r="ER6" s="537"/>
      <c r="ES6" s="537"/>
      <c r="ET6" s="537"/>
      <c r="EU6" s="537"/>
      <c r="EV6" s="537"/>
      <c r="EW6" s="537"/>
      <c r="EX6" s="537"/>
      <c r="EY6" s="537"/>
      <c r="EZ6" s="538"/>
      <c r="FA6" s="536" t="s">
        <v>148</v>
      </c>
      <c r="FB6" s="537"/>
      <c r="FC6" s="537"/>
      <c r="FD6" s="537"/>
      <c r="FE6" s="537"/>
      <c r="FF6" s="537"/>
      <c r="FG6" s="537"/>
      <c r="FH6" s="537"/>
      <c r="FI6" s="537"/>
      <c r="FJ6" s="537"/>
      <c r="FK6" s="538"/>
      <c r="FL6" s="533"/>
      <c r="FM6" s="534"/>
      <c r="FN6" s="534"/>
      <c r="FO6" s="534"/>
      <c r="FP6" s="534"/>
      <c r="FQ6" s="534"/>
      <c r="FR6" s="534"/>
      <c r="FS6" s="534"/>
      <c r="FT6" s="534"/>
      <c r="FU6" s="534"/>
      <c r="FV6" s="534"/>
      <c r="FW6" s="536" t="s">
        <v>80</v>
      </c>
      <c r="FX6" s="537"/>
      <c r="FY6" s="537"/>
      <c r="FZ6" s="537"/>
      <c r="GA6" s="537"/>
      <c r="GB6" s="537"/>
      <c r="GC6" s="537"/>
      <c r="GD6" s="537"/>
      <c r="GE6" s="537"/>
      <c r="GF6" s="537"/>
      <c r="GG6" s="538"/>
      <c r="GH6" s="434" t="s">
        <v>81</v>
      </c>
      <c r="GI6" s="435"/>
      <c r="GJ6" s="435"/>
      <c r="GK6" s="435"/>
      <c r="GL6" s="435"/>
      <c r="GM6" s="435"/>
      <c r="GN6" s="435"/>
      <c r="GO6" s="435"/>
      <c r="GP6" s="435"/>
      <c r="GQ6" s="435"/>
      <c r="GR6" s="436"/>
      <c r="GS6" s="434" t="s">
        <v>82</v>
      </c>
      <c r="GT6" s="435"/>
      <c r="GU6" s="435"/>
      <c r="GV6" s="435"/>
      <c r="GW6" s="435"/>
      <c r="GX6" s="435"/>
      <c r="GY6" s="435"/>
      <c r="GZ6" s="435"/>
      <c r="HA6" s="435"/>
      <c r="HB6" s="435"/>
      <c r="HC6" s="436"/>
      <c r="HD6" s="556"/>
      <c r="HE6" s="557"/>
      <c r="HF6" s="557"/>
      <c r="HG6" s="557"/>
      <c r="HH6" s="557"/>
      <c r="HI6" s="557"/>
      <c r="HJ6" s="557"/>
      <c r="HK6" s="557"/>
      <c r="HL6" s="557"/>
      <c r="HM6" s="557"/>
      <c r="HN6" s="558"/>
      <c r="HO6" s="556"/>
      <c r="HP6" s="557"/>
      <c r="HQ6" s="557"/>
      <c r="HR6" s="557"/>
      <c r="HS6" s="557"/>
      <c r="HT6" s="557"/>
      <c r="HU6" s="557"/>
      <c r="HV6" s="557"/>
      <c r="HW6" s="557"/>
      <c r="HX6" s="557"/>
      <c r="HY6" s="558"/>
      <c r="HZ6" s="533"/>
      <c r="IA6" s="534"/>
      <c r="IB6" s="534"/>
      <c r="IC6" s="534"/>
      <c r="ID6" s="534"/>
      <c r="IE6" s="534"/>
      <c r="IF6" s="534"/>
      <c r="IG6" s="534"/>
      <c r="IH6" s="534"/>
      <c r="II6" s="534"/>
      <c r="IJ6" s="535"/>
      <c r="IK6" s="431"/>
      <c r="IL6" s="432"/>
      <c r="IM6" s="432"/>
      <c r="IN6" s="432"/>
      <c r="IO6" s="432"/>
      <c r="IP6" s="432"/>
      <c r="IQ6" s="432"/>
      <c r="IR6" s="432"/>
      <c r="IS6" s="432"/>
      <c r="IT6" s="432"/>
      <c r="IU6" s="433"/>
      <c r="IV6" s="431"/>
      <c r="IW6" s="432"/>
      <c r="IX6" s="432"/>
      <c r="IY6" s="432"/>
      <c r="IZ6" s="432"/>
      <c r="JA6" s="432"/>
      <c r="JB6" s="432"/>
      <c r="JC6" s="432"/>
      <c r="JD6" s="432"/>
      <c r="JE6" s="432"/>
      <c r="JF6" s="433"/>
      <c r="JG6" s="431"/>
      <c r="JH6" s="432"/>
      <c r="JI6" s="432"/>
      <c r="JJ6" s="432"/>
      <c r="JK6" s="432"/>
      <c r="JL6" s="432"/>
      <c r="JM6" s="432"/>
      <c r="JN6" s="432"/>
      <c r="JO6" s="432"/>
      <c r="JP6" s="432"/>
      <c r="JQ6" s="433"/>
      <c r="JR6" s="431"/>
      <c r="JS6" s="432"/>
      <c r="JT6" s="432"/>
      <c r="JU6" s="432"/>
      <c r="JV6" s="432"/>
      <c r="JW6" s="432"/>
      <c r="JX6" s="432"/>
      <c r="JY6" s="432"/>
      <c r="JZ6" s="432"/>
      <c r="KA6" s="432"/>
      <c r="KB6" s="433"/>
      <c r="KC6" s="431"/>
      <c r="KD6" s="432"/>
      <c r="KE6" s="432"/>
      <c r="KF6" s="432"/>
      <c r="KG6" s="432"/>
      <c r="KH6" s="432"/>
      <c r="KI6" s="432"/>
      <c r="KJ6" s="432"/>
      <c r="KK6" s="432"/>
      <c r="KL6" s="432"/>
      <c r="KM6" s="433"/>
      <c r="KN6" s="431"/>
      <c r="KO6" s="432"/>
      <c r="KP6" s="432"/>
      <c r="KQ6" s="432"/>
      <c r="KR6" s="432"/>
      <c r="KS6" s="432"/>
      <c r="KT6" s="432"/>
      <c r="KU6" s="432"/>
      <c r="KV6" s="432"/>
      <c r="KW6" s="432"/>
      <c r="KX6" s="433"/>
      <c r="KY6" s="431"/>
      <c r="KZ6" s="432"/>
      <c r="LA6" s="432"/>
      <c r="LB6" s="432"/>
      <c r="LC6" s="432"/>
      <c r="LD6" s="432"/>
      <c r="LE6" s="432"/>
      <c r="LF6" s="432"/>
      <c r="LG6" s="432"/>
      <c r="LH6" s="432"/>
      <c r="LI6" s="433"/>
      <c r="LJ6" s="533"/>
      <c r="LK6" s="534"/>
      <c r="LL6" s="534"/>
      <c r="LM6" s="534"/>
      <c r="LN6" s="534"/>
      <c r="LO6" s="534"/>
      <c r="LP6" s="534"/>
      <c r="LQ6" s="534"/>
      <c r="LR6" s="534"/>
      <c r="LS6" s="534"/>
      <c r="LT6" s="535"/>
      <c r="LU6" s="533"/>
      <c r="LV6" s="534"/>
      <c r="LW6" s="534"/>
      <c r="LX6" s="534"/>
      <c r="LY6" s="534"/>
      <c r="LZ6" s="534"/>
      <c r="MA6" s="534"/>
      <c r="MB6" s="534"/>
      <c r="MC6" s="534"/>
      <c r="MD6" s="534"/>
      <c r="ME6" s="535"/>
      <c r="MF6" s="533"/>
      <c r="MG6" s="534"/>
      <c r="MH6" s="534"/>
      <c r="MI6" s="534"/>
      <c r="MJ6" s="534"/>
      <c r="MK6" s="534"/>
      <c r="ML6" s="534"/>
      <c r="MM6" s="534"/>
      <c r="MN6" s="534"/>
      <c r="MO6" s="534"/>
      <c r="MP6" s="535"/>
      <c r="MQ6" s="431"/>
      <c r="MR6" s="432"/>
      <c r="MS6" s="432"/>
      <c r="MT6" s="432"/>
      <c r="MU6" s="432"/>
      <c r="MV6" s="432"/>
      <c r="MW6" s="432"/>
      <c r="MX6" s="432"/>
      <c r="MY6" s="432"/>
      <c r="MZ6" s="432"/>
      <c r="NA6" s="433"/>
      <c r="NB6" s="431"/>
      <c r="NC6" s="432"/>
      <c r="ND6" s="432"/>
      <c r="NE6" s="432"/>
      <c r="NF6" s="432"/>
      <c r="NG6" s="432"/>
      <c r="NH6" s="432"/>
      <c r="NI6" s="432"/>
      <c r="NJ6" s="432"/>
      <c r="NK6" s="432"/>
      <c r="NL6" s="433"/>
      <c r="NM6" s="431"/>
      <c r="NN6" s="432"/>
      <c r="NO6" s="432"/>
      <c r="NP6" s="432"/>
      <c r="NQ6" s="432"/>
      <c r="NR6" s="432"/>
      <c r="NS6" s="432"/>
      <c r="NT6" s="432"/>
      <c r="NU6" s="432"/>
      <c r="NV6" s="432"/>
      <c r="NW6" s="433"/>
      <c r="NX6" s="431"/>
      <c r="NY6" s="432"/>
      <c r="NZ6" s="432"/>
      <c r="OA6" s="432"/>
      <c r="OB6" s="432"/>
      <c r="OC6" s="432"/>
      <c r="OD6" s="432"/>
      <c r="OE6" s="432"/>
      <c r="OF6" s="432"/>
      <c r="OG6" s="432"/>
      <c r="OH6" s="433"/>
      <c r="OI6" s="431"/>
      <c r="OJ6" s="432"/>
      <c r="OK6" s="432"/>
      <c r="OL6" s="432"/>
      <c r="OM6" s="432"/>
      <c r="ON6" s="432"/>
      <c r="OO6" s="432"/>
      <c r="OP6" s="432"/>
      <c r="OQ6" s="432"/>
      <c r="OR6" s="432"/>
      <c r="OS6" s="433"/>
    </row>
    <row r="7" spans="1:409" ht="21" customHeight="1" x14ac:dyDescent="0.2">
      <c r="B7" s="548"/>
      <c r="C7" s="516" t="s">
        <v>61</v>
      </c>
      <c r="D7" s="516"/>
      <c r="E7" s="516"/>
      <c r="F7" s="515" t="s">
        <v>62</v>
      </c>
      <c r="G7" s="516"/>
      <c r="H7" s="516"/>
      <c r="I7" s="516"/>
      <c r="J7" s="516"/>
      <c r="K7" s="516"/>
      <c r="L7" s="516"/>
      <c r="M7" s="515" t="s">
        <v>52</v>
      </c>
      <c r="N7" s="560" t="s">
        <v>61</v>
      </c>
      <c r="O7" s="516"/>
      <c r="P7" s="516"/>
      <c r="Q7" s="515" t="s">
        <v>62</v>
      </c>
      <c r="R7" s="516"/>
      <c r="S7" s="516"/>
      <c r="T7" s="516"/>
      <c r="U7" s="516"/>
      <c r="V7" s="516"/>
      <c r="W7" s="517"/>
      <c r="X7" s="545" t="s">
        <v>52</v>
      </c>
      <c r="Y7" s="431" t="s">
        <v>61</v>
      </c>
      <c r="Z7" s="432"/>
      <c r="AA7" s="524"/>
      <c r="AB7" s="523" t="s">
        <v>62</v>
      </c>
      <c r="AC7" s="432"/>
      <c r="AD7" s="432"/>
      <c r="AE7" s="432"/>
      <c r="AF7" s="432"/>
      <c r="AG7" s="432"/>
      <c r="AH7" s="524"/>
      <c r="AI7" s="433" t="s">
        <v>52</v>
      </c>
      <c r="AJ7" s="512" t="s">
        <v>61</v>
      </c>
      <c r="AK7" s="513"/>
      <c r="AL7" s="514"/>
      <c r="AM7" s="561" t="s">
        <v>62</v>
      </c>
      <c r="AN7" s="513"/>
      <c r="AO7" s="513"/>
      <c r="AP7" s="513"/>
      <c r="AQ7" s="513"/>
      <c r="AR7" s="513"/>
      <c r="AS7" s="562"/>
      <c r="AT7" s="563" t="s">
        <v>52</v>
      </c>
      <c r="AU7" s="520" t="s">
        <v>61</v>
      </c>
      <c r="AV7" s="521"/>
      <c r="AW7" s="522"/>
      <c r="AX7" s="543" t="s">
        <v>62</v>
      </c>
      <c r="AY7" s="521"/>
      <c r="AZ7" s="521"/>
      <c r="BA7" s="521"/>
      <c r="BB7" s="521"/>
      <c r="BC7" s="521"/>
      <c r="BD7" s="544"/>
      <c r="BE7" s="433" t="s">
        <v>52</v>
      </c>
      <c r="BF7" s="520" t="s">
        <v>61</v>
      </c>
      <c r="BG7" s="521"/>
      <c r="BH7" s="522"/>
      <c r="BI7" s="543" t="s">
        <v>62</v>
      </c>
      <c r="BJ7" s="521"/>
      <c r="BK7" s="521"/>
      <c r="BL7" s="521"/>
      <c r="BM7" s="521"/>
      <c r="BN7" s="521"/>
      <c r="BO7" s="544"/>
      <c r="BP7" s="433" t="s">
        <v>52</v>
      </c>
      <c r="BQ7" s="520" t="s">
        <v>61</v>
      </c>
      <c r="BR7" s="521"/>
      <c r="BS7" s="522"/>
      <c r="BT7" s="543" t="s">
        <v>62</v>
      </c>
      <c r="BU7" s="521"/>
      <c r="BV7" s="521"/>
      <c r="BW7" s="521"/>
      <c r="BX7" s="521"/>
      <c r="BY7" s="521"/>
      <c r="BZ7" s="544"/>
      <c r="CA7" s="433" t="s">
        <v>52</v>
      </c>
      <c r="CB7" s="512" t="s">
        <v>61</v>
      </c>
      <c r="CC7" s="513"/>
      <c r="CD7" s="514"/>
      <c r="CE7" s="561" t="s">
        <v>62</v>
      </c>
      <c r="CF7" s="513"/>
      <c r="CG7" s="513"/>
      <c r="CH7" s="513"/>
      <c r="CI7" s="513"/>
      <c r="CJ7" s="513"/>
      <c r="CK7" s="562"/>
      <c r="CL7" s="545" t="s">
        <v>52</v>
      </c>
      <c r="CM7" s="520" t="s">
        <v>61</v>
      </c>
      <c r="CN7" s="521"/>
      <c r="CO7" s="544"/>
      <c r="CP7" s="543" t="s">
        <v>62</v>
      </c>
      <c r="CQ7" s="521"/>
      <c r="CR7" s="521"/>
      <c r="CS7" s="521"/>
      <c r="CT7" s="521"/>
      <c r="CU7" s="521"/>
      <c r="CV7" s="544"/>
      <c r="CW7" s="567" t="s">
        <v>52</v>
      </c>
      <c r="CX7" s="520" t="s">
        <v>61</v>
      </c>
      <c r="CY7" s="521"/>
      <c r="CZ7" s="544"/>
      <c r="DA7" s="543" t="s">
        <v>62</v>
      </c>
      <c r="DB7" s="521"/>
      <c r="DC7" s="521"/>
      <c r="DD7" s="521"/>
      <c r="DE7" s="521"/>
      <c r="DF7" s="521"/>
      <c r="DG7" s="544"/>
      <c r="DH7" s="567" t="s">
        <v>52</v>
      </c>
      <c r="DI7" s="512" t="s">
        <v>61</v>
      </c>
      <c r="DJ7" s="513"/>
      <c r="DK7" s="562"/>
      <c r="DL7" s="561" t="s">
        <v>62</v>
      </c>
      <c r="DM7" s="513"/>
      <c r="DN7" s="513"/>
      <c r="DO7" s="513"/>
      <c r="DP7" s="513"/>
      <c r="DQ7" s="513"/>
      <c r="DR7" s="562"/>
      <c r="DS7" s="545" t="s">
        <v>52</v>
      </c>
      <c r="DT7" s="520" t="s">
        <v>61</v>
      </c>
      <c r="DU7" s="521"/>
      <c r="DV7" s="522"/>
      <c r="DW7" s="543" t="s">
        <v>62</v>
      </c>
      <c r="DX7" s="521"/>
      <c r="DY7" s="521"/>
      <c r="DZ7" s="521"/>
      <c r="EA7" s="521"/>
      <c r="EB7" s="521"/>
      <c r="EC7" s="544"/>
      <c r="ED7" s="433" t="s">
        <v>52</v>
      </c>
      <c r="EE7" s="520" t="s">
        <v>61</v>
      </c>
      <c r="EF7" s="521"/>
      <c r="EG7" s="522"/>
      <c r="EH7" s="543" t="s">
        <v>62</v>
      </c>
      <c r="EI7" s="521"/>
      <c r="EJ7" s="521"/>
      <c r="EK7" s="521"/>
      <c r="EL7" s="521"/>
      <c r="EM7" s="521"/>
      <c r="EN7" s="544"/>
      <c r="EO7" s="433" t="s">
        <v>52</v>
      </c>
      <c r="EP7" s="520" t="s">
        <v>61</v>
      </c>
      <c r="EQ7" s="521"/>
      <c r="ER7" s="522"/>
      <c r="ES7" s="543" t="s">
        <v>62</v>
      </c>
      <c r="ET7" s="521"/>
      <c r="EU7" s="521"/>
      <c r="EV7" s="521"/>
      <c r="EW7" s="521"/>
      <c r="EX7" s="521"/>
      <c r="EY7" s="544"/>
      <c r="EZ7" s="433" t="s">
        <v>52</v>
      </c>
      <c r="FA7" s="520" t="s">
        <v>61</v>
      </c>
      <c r="FB7" s="521"/>
      <c r="FC7" s="522"/>
      <c r="FD7" s="543" t="s">
        <v>62</v>
      </c>
      <c r="FE7" s="521"/>
      <c r="FF7" s="521"/>
      <c r="FG7" s="521"/>
      <c r="FH7" s="521"/>
      <c r="FI7" s="521"/>
      <c r="FJ7" s="544"/>
      <c r="FK7" s="433" t="s">
        <v>52</v>
      </c>
      <c r="FL7" s="512" t="s">
        <v>61</v>
      </c>
      <c r="FM7" s="513"/>
      <c r="FN7" s="514"/>
      <c r="FO7" s="561" t="s">
        <v>62</v>
      </c>
      <c r="FP7" s="513"/>
      <c r="FQ7" s="513"/>
      <c r="FR7" s="513"/>
      <c r="FS7" s="513"/>
      <c r="FT7" s="513"/>
      <c r="FU7" s="562"/>
      <c r="FV7" s="516" t="s">
        <v>52</v>
      </c>
      <c r="FW7" s="520" t="s">
        <v>61</v>
      </c>
      <c r="FX7" s="521"/>
      <c r="FY7" s="522"/>
      <c r="FZ7" s="543" t="s">
        <v>62</v>
      </c>
      <c r="GA7" s="521"/>
      <c r="GB7" s="521"/>
      <c r="GC7" s="521"/>
      <c r="GD7" s="521"/>
      <c r="GE7" s="521"/>
      <c r="GF7" s="544"/>
      <c r="GG7" s="433" t="s">
        <v>52</v>
      </c>
      <c r="GH7" s="431" t="s">
        <v>61</v>
      </c>
      <c r="GI7" s="432"/>
      <c r="GJ7" s="432"/>
      <c r="GK7" s="523" t="s">
        <v>62</v>
      </c>
      <c r="GL7" s="432"/>
      <c r="GM7" s="432"/>
      <c r="GN7" s="432"/>
      <c r="GO7" s="432"/>
      <c r="GP7" s="432"/>
      <c r="GQ7" s="524"/>
      <c r="GR7" s="564" t="s">
        <v>52</v>
      </c>
      <c r="GS7" s="431" t="s">
        <v>61</v>
      </c>
      <c r="GT7" s="432"/>
      <c r="GU7" s="524"/>
      <c r="GV7" s="523" t="s">
        <v>62</v>
      </c>
      <c r="GW7" s="432"/>
      <c r="GX7" s="432"/>
      <c r="GY7" s="432"/>
      <c r="GZ7" s="432"/>
      <c r="HA7" s="432"/>
      <c r="HB7" s="524"/>
      <c r="HC7" s="564" t="s">
        <v>52</v>
      </c>
      <c r="HD7" s="520" t="s">
        <v>61</v>
      </c>
      <c r="HE7" s="521"/>
      <c r="HF7" s="522"/>
      <c r="HG7" s="543" t="s">
        <v>62</v>
      </c>
      <c r="HH7" s="521"/>
      <c r="HI7" s="521"/>
      <c r="HJ7" s="521"/>
      <c r="HK7" s="521"/>
      <c r="HL7" s="521"/>
      <c r="HM7" s="544"/>
      <c r="HN7" s="433" t="s">
        <v>52</v>
      </c>
      <c r="HO7" s="520" t="s">
        <v>61</v>
      </c>
      <c r="HP7" s="521"/>
      <c r="HQ7" s="522"/>
      <c r="HR7" s="543" t="s">
        <v>62</v>
      </c>
      <c r="HS7" s="521"/>
      <c r="HT7" s="521"/>
      <c r="HU7" s="521"/>
      <c r="HV7" s="521"/>
      <c r="HW7" s="521"/>
      <c r="HX7" s="544"/>
      <c r="HY7" s="433" t="s">
        <v>52</v>
      </c>
      <c r="HZ7" s="512" t="s">
        <v>61</v>
      </c>
      <c r="IA7" s="513"/>
      <c r="IB7" s="514"/>
      <c r="IC7" s="561" t="s">
        <v>62</v>
      </c>
      <c r="ID7" s="513"/>
      <c r="IE7" s="513"/>
      <c r="IF7" s="513"/>
      <c r="IG7" s="513"/>
      <c r="IH7" s="513"/>
      <c r="II7" s="562"/>
      <c r="IJ7" s="516" t="s">
        <v>52</v>
      </c>
      <c r="IK7" s="520" t="s">
        <v>61</v>
      </c>
      <c r="IL7" s="521"/>
      <c r="IM7" s="522"/>
      <c r="IN7" s="543" t="s">
        <v>62</v>
      </c>
      <c r="IO7" s="521"/>
      <c r="IP7" s="521"/>
      <c r="IQ7" s="521"/>
      <c r="IR7" s="521"/>
      <c r="IS7" s="521"/>
      <c r="IT7" s="544"/>
      <c r="IU7" s="433" t="s">
        <v>52</v>
      </c>
      <c r="IV7" s="520" t="s">
        <v>61</v>
      </c>
      <c r="IW7" s="521"/>
      <c r="IX7" s="544"/>
      <c r="IY7" s="543" t="s">
        <v>62</v>
      </c>
      <c r="IZ7" s="521"/>
      <c r="JA7" s="521"/>
      <c r="JB7" s="521"/>
      <c r="JC7" s="521"/>
      <c r="JD7" s="521"/>
      <c r="JE7" s="544"/>
      <c r="JF7" s="433" t="s">
        <v>52</v>
      </c>
      <c r="JG7" s="520" t="s">
        <v>61</v>
      </c>
      <c r="JH7" s="521"/>
      <c r="JI7" s="522"/>
      <c r="JJ7" s="543" t="s">
        <v>62</v>
      </c>
      <c r="JK7" s="521"/>
      <c r="JL7" s="521"/>
      <c r="JM7" s="521"/>
      <c r="JN7" s="521"/>
      <c r="JO7" s="521"/>
      <c r="JP7" s="544"/>
      <c r="JQ7" s="567" t="s">
        <v>52</v>
      </c>
      <c r="JR7" s="520" t="s">
        <v>61</v>
      </c>
      <c r="JS7" s="521"/>
      <c r="JT7" s="522"/>
      <c r="JU7" s="543" t="s">
        <v>62</v>
      </c>
      <c r="JV7" s="521"/>
      <c r="JW7" s="521"/>
      <c r="JX7" s="521"/>
      <c r="JY7" s="521"/>
      <c r="JZ7" s="521"/>
      <c r="KA7" s="544"/>
      <c r="KB7" s="567" t="s">
        <v>52</v>
      </c>
      <c r="KC7" s="520" t="s">
        <v>61</v>
      </c>
      <c r="KD7" s="521"/>
      <c r="KE7" s="522"/>
      <c r="KF7" s="543" t="s">
        <v>62</v>
      </c>
      <c r="KG7" s="521"/>
      <c r="KH7" s="521"/>
      <c r="KI7" s="521"/>
      <c r="KJ7" s="521"/>
      <c r="KK7" s="521"/>
      <c r="KL7" s="544"/>
      <c r="KM7" s="567" t="s">
        <v>52</v>
      </c>
      <c r="KN7" s="520" t="s">
        <v>61</v>
      </c>
      <c r="KO7" s="521"/>
      <c r="KP7" s="522"/>
      <c r="KQ7" s="543" t="s">
        <v>62</v>
      </c>
      <c r="KR7" s="521"/>
      <c r="KS7" s="521"/>
      <c r="KT7" s="521"/>
      <c r="KU7" s="521"/>
      <c r="KV7" s="521"/>
      <c r="KW7" s="544"/>
      <c r="KX7" s="567" t="s">
        <v>52</v>
      </c>
      <c r="KY7" s="520" t="s">
        <v>61</v>
      </c>
      <c r="KZ7" s="521"/>
      <c r="LA7" s="522"/>
      <c r="LB7" s="543" t="s">
        <v>62</v>
      </c>
      <c r="LC7" s="521"/>
      <c r="LD7" s="521"/>
      <c r="LE7" s="521"/>
      <c r="LF7" s="521"/>
      <c r="LG7" s="521"/>
      <c r="LH7" s="544"/>
      <c r="LI7" s="567" t="s">
        <v>52</v>
      </c>
      <c r="LJ7" s="520" t="s">
        <v>61</v>
      </c>
      <c r="LK7" s="521"/>
      <c r="LL7" s="522"/>
      <c r="LM7" s="543" t="s">
        <v>62</v>
      </c>
      <c r="LN7" s="521"/>
      <c r="LO7" s="521"/>
      <c r="LP7" s="521"/>
      <c r="LQ7" s="521"/>
      <c r="LR7" s="521"/>
      <c r="LS7" s="544"/>
      <c r="LT7" s="567" t="s">
        <v>52</v>
      </c>
      <c r="LU7" s="520" t="s">
        <v>61</v>
      </c>
      <c r="LV7" s="521"/>
      <c r="LW7" s="522"/>
      <c r="LX7" s="543" t="s">
        <v>62</v>
      </c>
      <c r="LY7" s="521"/>
      <c r="LZ7" s="521"/>
      <c r="MA7" s="521"/>
      <c r="MB7" s="521"/>
      <c r="MC7" s="521"/>
      <c r="MD7" s="544"/>
      <c r="ME7" s="567" t="s">
        <v>52</v>
      </c>
      <c r="MF7" s="512" t="s">
        <v>61</v>
      </c>
      <c r="MG7" s="513"/>
      <c r="MH7" s="514"/>
      <c r="MI7" s="561" t="s">
        <v>62</v>
      </c>
      <c r="MJ7" s="513"/>
      <c r="MK7" s="513"/>
      <c r="ML7" s="513"/>
      <c r="MM7" s="513"/>
      <c r="MN7" s="513"/>
      <c r="MO7" s="562"/>
      <c r="MP7" s="545" t="s">
        <v>52</v>
      </c>
      <c r="MQ7" s="520" t="s">
        <v>61</v>
      </c>
      <c r="MR7" s="521"/>
      <c r="MS7" s="522"/>
      <c r="MT7" s="543" t="s">
        <v>62</v>
      </c>
      <c r="MU7" s="521"/>
      <c r="MV7" s="521"/>
      <c r="MW7" s="521"/>
      <c r="MX7" s="521"/>
      <c r="MY7" s="521"/>
      <c r="MZ7" s="544"/>
      <c r="NA7" s="567" t="s">
        <v>52</v>
      </c>
      <c r="NB7" s="520" t="s">
        <v>61</v>
      </c>
      <c r="NC7" s="521"/>
      <c r="ND7" s="522"/>
      <c r="NE7" s="543" t="s">
        <v>62</v>
      </c>
      <c r="NF7" s="521"/>
      <c r="NG7" s="521"/>
      <c r="NH7" s="521"/>
      <c r="NI7" s="521"/>
      <c r="NJ7" s="521"/>
      <c r="NK7" s="544"/>
      <c r="NL7" s="567" t="s">
        <v>52</v>
      </c>
      <c r="NM7" s="520" t="s">
        <v>61</v>
      </c>
      <c r="NN7" s="521"/>
      <c r="NO7" s="522"/>
      <c r="NP7" s="543" t="s">
        <v>62</v>
      </c>
      <c r="NQ7" s="521"/>
      <c r="NR7" s="521"/>
      <c r="NS7" s="521"/>
      <c r="NT7" s="521"/>
      <c r="NU7" s="521"/>
      <c r="NV7" s="544"/>
      <c r="NW7" s="567" t="s">
        <v>52</v>
      </c>
      <c r="NX7" s="520" t="s">
        <v>61</v>
      </c>
      <c r="NY7" s="521"/>
      <c r="NZ7" s="522"/>
      <c r="OA7" s="543" t="s">
        <v>62</v>
      </c>
      <c r="OB7" s="521"/>
      <c r="OC7" s="521"/>
      <c r="OD7" s="521"/>
      <c r="OE7" s="521"/>
      <c r="OF7" s="521"/>
      <c r="OG7" s="544"/>
      <c r="OH7" s="567" t="s">
        <v>52</v>
      </c>
      <c r="OI7" s="512" t="s">
        <v>61</v>
      </c>
      <c r="OJ7" s="513"/>
      <c r="OK7" s="514"/>
      <c r="OL7" s="561" t="s">
        <v>62</v>
      </c>
      <c r="OM7" s="513"/>
      <c r="ON7" s="513"/>
      <c r="OO7" s="513"/>
      <c r="OP7" s="513"/>
      <c r="OQ7" s="513"/>
      <c r="OR7" s="562"/>
      <c r="OS7" s="545" t="s">
        <v>52</v>
      </c>
    </row>
    <row r="8" spans="1:409" ht="30" customHeight="1" thickBot="1" x14ac:dyDescent="0.25">
      <c r="B8" s="549"/>
      <c r="C8" s="249" t="s">
        <v>43</v>
      </c>
      <c r="D8" s="74" t="s">
        <v>44</v>
      </c>
      <c r="E8" s="250" t="s">
        <v>45</v>
      </c>
      <c r="F8" s="76" t="s">
        <v>83</v>
      </c>
      <c r="G8" s="74" t="s">
        <v>47</v>
      </c>
      <c r="H8" s="74" t="s">
        <v>48</v>
      </c>
      <c r="I8" s="74" t="s">
        <v>49</v>
      </c>
      <c r="J8" s="74" t="s">
        <v>50</v>
      </c>
      <c r="K8" s="74" t="s">
        <v>51</v>
      </c>
      <c r="L8" s="75" t="s">
        <v>45</v>
      </c>
      <c r="M8" s="559"/>
      <c r="N8" s="73" t="s">
        <v>43</v>
      </c>
      <c r="O8" s="74" t="s">
        <v>44</v>
      </c>
      <c r="P8" s="75" t="s">
        <v>45</v>
      </c>
      <c r="Q8" s="76" t="s">
        <v>83</v>
      </c>
      <c r="R8" s="74" t="s">
        <v>47</v>
      </c>
      <c r="S8" s="74" t="s">
        <v>48</v>
      </c>
      <c r="T8" s="74" t="s">
        <v>49</v>
      </c>
      <c r="U8" s="74" t="s">
        <v>50</v>
      </c>
      <c r="V8" s="74" t="s">
        <v>51</v>
      </c>
      <c r="W8" s="75" t="s">
        <v>45</v>
      </c>
      <c r="X8" s="546"/>
      <c r="Y8" s="73" t="s">
        <v>43</v>
      </c>
      <c r="Z8" s="74" t="s">
        <v>44</v>
      </c>
      <c r="AA8" s="75" t="s">
        <v>45</v>
      </c>
      <c r="AB8" s="76" t="s">
        <v>83</v>
      </c>
      <c r="AC8" s="74" t="s">
        <v>47</v>
      </c>
      <c r="AD8" s="74" t="s">
        <v>48</v>
      </c>
      <c r="AE8" s="74" t="s">
        <v>49</v>
      </c>
      <c r="AF8" s="74" t="s">
        <v>50</v>
      </c>
      <c r="AG8" s="74" t="s">
        <v>51</v>
      </c>
      <c r="AH8" s="75" t="s">
        <v>45</v>
      </c>
      <c r="AI8" s="532"/>
      <c r="AJ8" s="73" t="s">
        <v>43</v>
      </c>
      <c r="AK8" s="74" t="s">
        <v>44</v>
      </c>
      <c r="AL8" s="250" t="s">
        <v>45</v>
      </c>
      <c r="AM8" s="76" t="s">
        <v>83</v>
      </c>
      <c r="AN8" s="74" t="s">
        <v>47</v>
      </c>
      <c r="AO8" s="74" t="s">
        <v>48</v>
      </c>
      <c r="AP8" s="74" t="s">
        <v>49</v>
      </c>
      <c r="AQ8" s="74" t="s">
        <v>50</v>
      </c>
      <c r="AR8" s="74" t="s">
        <v>51</v>
      </c>
      <c r="AS8" s="75" t="s">
        <v>45</v>
      </c>
      <c r="AT8" s="532"/>
      <c r="AU8" s="73" t="s">
        <v>43</v>
      </c>
      <c r="AV8" s="74" t="s">
        <v>44</v>
      </c>
      <c r="AW8" s="250" t="s">
        <v>45</v>
      </c>
      <c r="AX8" s="76" t="s">
        <v>83</v>
      </c>
      <c r="AY8" s="74" t="s">
        <v>47</v>
      </c>
      <c r="AZ8" s="74" t="s">
        <v>48</v>
      </c>
      <c r="BA8" s="74" t="s">
        <v>49</v>
      </c>
      <c r="BB8" s="74" t="s">
        <v>50</v>
      </c>
      <c r="BC8" s="74" t="s">
        <v>51</v>
      </c>
      <c r="BD8" s="75" t="s">
        <v>45</v>
      </c>
      <c r="BE8" s="532"/>
      <c r="BF8" s="251" t="s">
        <v>43</v>
      </c>
      <c r="BG8" s="74" t="s">
        <v>44</v>
      </c>
      <c r="BH8" s="250" t="s">
        <v>45</v>
      </c>
      <c r="BI8" s="76" t="s">
        <v>83</v>
      </c>
      <c r="BJ8" s="74" t="s">
        <v>47</v>
      </c>
      <c r="BK8" s="74" t="s">
        <v>48</v>
      </c>
      <c r="BL8" s="74" t="s">
        <v>49</v>
      </c>
      <c r="BM8" s="74" t="s">
        <v>50</v>
      </c>
      <c r="BN8" s="74" t="s">
        <v>51</v>
      </c>
      <c r="BO8" s="75" t="s">
        <v>45</v>
      </c>
      <c r="BP8" s="532"/>
      <c r="BQ8" s="73" t="s">
        <v>43</v>
      </c>
      <c r="BR8" s="74" t="s">
        <v>44</v>
      </c>
      <c r="BS8" s="250" t="s">
        <v>45</v>
      </c>
      <c r="BT8" s="76" t="s">
        <v>83</v>
      </c>
      <c r="BU8" s="74" t="s">
        <v>47</v>
      </c>
      <c r="BV8" s="74" t="s">
        <v>48</v>
      </c>
      <c r="BW8" s="74" t="s">
        <v>49</v>
      </c>
      <c r="BX8" s="74" t="s">
        <v>50</v>
      </c>
      <c r="BY8" s="74" t="s">
        <v>51</v>
      </c>
      <c r="BZ8" s="75" t="s">
        <v>45</v>
      </c>
      <c r="CA8" s="532"/>
      <c r="CB8" s="73" t="s">
        <v>43</v>
      </c>
      <c r="CC8" s="74" t="s">
        <v>44</v>
      </c>
      <c r="CD8" s="250" t="s">
        <v>45</v>
      </c>
      <c r="CE8" s="76" t="s">
        <v>83</v>
      </c>
      <c r="CF8" s="74" t="s">
        <v>47</v>
      </c>
      <c r="CG8" s="74" t="s">
        <v>48</v>
      </c>
      <c r="CH8" s="74" t="s">
        <v>49</v>
      </c>
      <c r="CI8" s="74" t="s">
        <v>50</v>
      </c>
      <c r="CJ8" s="74" t="s">
        <v>51</v>
      </c>
      <c r="CK8" s="75" t="s">
        <v>45</v>
      </c>
      <c r="CL8" s="546"/>
      <c r="CM8" s="73" t="s">
        <v>43</v>
      </c>
      <c r="CN8" s="74" t="s">
        <v>44</v>
      </c>
      <c r="CO8" s="75" t="s">
        <v>45</v>
      </c>
      <c r="CP8" s="76" t="s">
        <v>83</v>
      </c>
      <c r="CQ8" s="74" t="s">
        <v>47</v>
      </c>
      <c r="CR8" s="74" t="s">
        <v>48</v>
      </c>
      <c r="CS8" s="74" t="s">
        <v>49</v>
      </c>
      <c r="CT8" s="74" t="s">
        <v>50</v>
      </c>
      <c r="CU8" s="74" t="s">
        <v>51</v>
      </c>
      <c r="CV8" s="75" t="s">
        <v>45</v>
      </c>
      <c r="CW8" s="546"/>
      <c r="CX8" s="73" t="s">
        <v>43</v>
      </c>
      <c r="CY8" s="74" t="s">
        <v>44</v>
      </c>
      <c r="CZ8" s="75" t="s">
        <v>45</v>
      </c>
      <c r="DA8" s="76" t="s">
        <v>83</v>
      </c>
      <c r="DB8" s="74" t="s">
        <v>47</v>
      </c>
      <c r="DC8" s="74" t="s">
        <v>48</v>
      </c>
      <c r="DD8" s="74" t="s">
        <v>49</v>
      </c>
      <c r="DE8" s="74" t="s">
        <v>50</v>
      </c>
      <c r="DF8" s="74" t="s">
        <v>51</v>
      </c>
      <c r="DG8" s="75" t="s">
        <v>45</v>
      </c>
      <c r="DH8" s="546"/>
      <c r="DI8" s="73" t="s">
        <v>43</v>
      </c>
      <c r="DJ8" s="74" t="s">
        <v>44</v>
      </c>
      <c r="DK8" s="75" t="s">
        <v>45</v>
      </c>
      <c r="DL8" s="76" t="s">
        <v>83</v>
      </c>
      <c r="DM8" s="74" t="s">
        <v>47</v>
      </c>
      <c r="DN8" s="74" t="s">
        <v>48</v>
      </c>
      <c r="DO8" s="74" t="s">
        <v>49</v>
      </c>
      <c r="DP8" s="74" t="s">
        <v>50</v>
      </c>
      <c r="DQ8" s="74" t="s">
        <v>51</v>
      </c>
      <c r="DR8" s="75" t="s">
        <v>45</v>
      </c>
      <c r="DS8" s="546"/>
      <c r="DT8" s="73" t="s">
        <v>43</v>
      </c>
      <c r="DU8" s="74" t="s">
        <v>44</v>
      </c>
      <c r="DV8" s="250" t="s">
        <v>45</v>
      </c>
      <c r="DW8" s="76" t="s">
        <v>83</v>
      </c>
      <c r="DX8" s="74" t="s">
        <v>47</v>
      </c>
      <c r="DY8" s="74" t="s">
        <v>48</v>
      </c>
      <c r="DZ8" s="74" t="s">
        <v>49</v>
      </c>
      <c r="EA8" s="74" t="s">
        <v>50</v>
      </c>
      <c r="EB8" s="74" t="s">
        <v>51</v>
      </c>
      <c r="EC8" s="75" t="s">
        <v>45</v>
      </c>
      <c r="ED8" s="532"/>
      <c r="EE8" s="73" t="s">
        <v>43</v>
      </c>
      <c r="EF8" s="74" t="s">
        <v>44</v>
      </c>
      <c r="EG8" s="250" t="s">
        <v>45</v>
      </c>
      <c r="EH8" s="76" t="s">
        <v>83</v>
      </c>
      <c r="EI8" s="74" t="s">
        <v>47</v>
      </c>
      <c r="EJ8" s="74" t="s">
        <v>48</v>
      </c>
      <c r="EK8" s="74" t="s">
        <v>49</v>
      </c>
      <c r="EL8" s="74" t="s">
        <v>50</v>
      </c>
      <c r="EM8" s="74" t="s">
        <v>51</v>
      </c>
      <c r="EN8" s="75" t="s">
        <v>45</v>
      </c>
      <c r="EO8" s="532"/>
      <c r="EP8" s="73" t="s">
        <v>43</v>
      </c>
      <c r="EQ8" s="74" t="s">
        <v>44</v>
      </c>
      <c r="ER8" s="250" t="s">
        <v>45</v>
      </c>
      <c r="ES8" s="76" t="s">
        <v>83</v>
      </c>
      <c r="ET8" s="74" t="s">
        <v>47</v>
      </c>
      <c r="EU8" s="74" t="s">
        <v>48</v>
      </c>
      <c r="EV8" s="74" t="s">
        <v>49</v>
      </c>
      <c r="EW8" s="74" t="s">
        <v>50</v>
      </c>
      <c r="EX8" s="74" t="s">
        <v>51</v>
      </c>
      <c r="EY8" s="75" t="s">
        <v>45</v>
      </c>
      <c r="EZ8" s="532"/>
      <c r="FA8" s="73" t="s">
        <v>43</v>
      </c>
      <c r="FB8" s="74" t="s">
        <v>44</v>
      </c>
      <c r="FC8" s="250" t="s">
        <v>45</v>
      </c>
      <c r="FD8" s="76" t="s">
        <v>83</v>
      </c>
      <c r="FE8" s="74" t="s">
        <v>47</v>
      </c>
      <c r="FF8" s="74" t="s">
        <v>48</v>
      </c>
      <c r="FG8" s="74" t="s">
        <v>49</v>
      </c>
      <c r="FH8" s="74" t="s">
        <v>50</v>
      </c>
      <c r="FI8" s="74" t="s">
        <v>51</v>
      </c>
      <c r="FJ8" s="75" t="s">
        <v>45</v>
      </c>
      <c r="FK8" s="532"/>
      <c r="FL8" s="73" t="s">
        <v>43</v>
      </c>
      <c r="FM8" s="74" t="s">
        <v>44</v>
      </c>
      <c r="FN8" s="250" t="s">
        <v>45</v>
      </c>
      <c r="FO8" s="76" t="s">
        <v>83</v>
      </c>
      <c r="FP8" s="74" t="s">
        <v>47</v>
      </c>
      <c r="FQ8" s="74" t="s">
        <v>48</v>
      </c>
      <c r="FR8" s="74" t="s">
        <v>49</v>
      </c>
      <c r="FS8" s="74" t="s">
        <v>50</v>
      </c>
      <c r="FT8" s="74" t="s">
        <v>51</v>
      </c>
      <c r="FU8" s="75" t="s">
        <v>45</v>
      </c>
      <c r="FV8" s="566"/>
      <c r="FW8" s="73" t="s">
        <v>43</v>
      </c>
      <c r="FX8" s="74" t="s">
        <v>44</v>
      </c>
      <c r="FY8" s="250" t="s">
        <v>45</v>
      </c>
      <c r="FZ8" s="76" t="s">
        <v>83</v>
      </c>
      <c r="GA8" s="74" t="s">
        <v>47</v>
      </c>
      <c r="GB8" s="74" t="s">
        <v>48</v>
      </c>
      <c r="GC8" s="74" t="s">
        <v>49</v>
      </c>
      <c r="GD8" s="74" t="s">
        <v>50</v>
      </c>
      <c r="GE8" s="74" t="s">
        <v>51</v>
      </c>
      <c r="GF8" s="75" t="s">
        <v>45</v>
      </c>
      <c r="GG8" s="532"/>
      <c r="GH8" s="73" t="s">
        <v>43</v>
      </c>
      <c r="GI8" s="74" t="s">
        <v>44</v>
      </c>
      <c r="GJ8" s="250" t="s">
        <v>45</v>
      </c>
      <c r="GK8" s="76" t="s">
        <v>83</v>
      </c>
      <c r="GL8" s="74" t="s">
        <v>47</v>
      </c>
      <c r="GM8" s="74" t="s">
        <v>48</v>
      </c>
      <c r="GN8" s="74" t="s">
        <v>49</v>
      </c>
      <c r="GO8" s="74" t="s">
        <v>50</v>
      </c>
      <c r="GP8" s="74" t="s">
        <v>51</v>
      </c>
      <c r="GQ8" s="75" t="s">
        <v>45</v>
      </c>
      <c r="GR8" s="565"/>
      <c r="GS8" s="73" t="s">
        <v>43</v>
      </c>
      <c r="GT8" s="74" t="s">
        <v>44</v>
      </c>
      <c r="GU8" s="250" t="s">
        <v>45</v>
      </c>
      <c r="GV8" s="76" t="s">
        <v>83</v>
      </c>
      <c r="GW8" s="74" t="s">
        <v>47</v>
      </c>
      <c r="GX8" s="74" t="s">
        <v>48</v>
      </c>
      <c r="GY8" s="74" t="s">
        <v>49</v>
      </c>
      <c r="GZ8" s="74" t="s">
        <v>50</v>
      </c>
      <c r="HA8" s="74" t="s">
        <v>51</v>
      </c>
      <c r="HB8" s="75" t="s">
        <v>45</v>
      </c>
      <c r="HC8" s="565"/>
      <c r="HD8" s="73" t="s">
        <v>43</v>
      </c>
      <c r="HE8" s="74" t="s">
        <v>44</v>
      </c>
      <c r="HF8" s="250" t="s">
        <v>45</v>
      </c>
      <c r="HG8" s="76" t="s">
        <v>83</v>
      </c>
      <c r="HH8" s="74" t="s">
        <v>47</v>
      </c>
      <c r="HI8" s="74" t="s">
        <v>48</v>
      </c>
      <c r="HJ8" s="74" t="s">
        <v>49</v>
      </c>
      <c r="HK8" s="74" t="s">
        <v>50</v>
      </c>
      <c r="HL8" s="74" t="s">
        <v>51</v>
      </c>
      <c r="HM8" s="75" t="s">
        <v>45</v>
      </c>
      <c r="HN8" s="532"/>
      <c r="HO8" s="73" t="s">
        <v>43</v>
      </c>
      <c r="HP8" s="74" t="s">
        <v>44</v>
      </c>
      <c r="HQ8" s="250" t="s">
        <v>45</v>
      </c>
      <c r="HR8" s="76" t="s">
        <v>83</v>
      </c>
      <c r="HS8" s="74" t="s">
        <v>47</v>
      </c>
      <c r="HT8" s="74" t="s">
        <v>48</v>
      </c>
      <c r="HU8" s="74" t="s">
        <v>49</v>
      </c>
      <c r="HV8" s="74" t="s">
        <v>50</v>
      </c>
      <c r="HW8" s="74" t="s">
        <v>51</v>
      </c>
      <c r="HX8" s="75" t="s">
        <v>45</v>
      </c>
      <c r="HY8" s="532"/>
      <c r="HZ8" s="73" t="s">
        <v>43</v>
      </c>
      <c r="IA8" s="74" t="s">
        <v>44</v>
      </c>
      <c r="IB8" s="250" t="s">
        <v>45</v>
      </c>
      <c r="IC8" s="76" t="s">
        <v>83</v>
      </c>
      <c r="ID8" s="74" t="s">
        <v>47</v>
      </c>
      <c r="IE8" s="74" t="s">
        <v>48</v>
      </c>
      <c r="IF8" s="74" t="s">
        <v>49</v>
      </c>
      <c r="IG8" s="74" t="s">
        <v>50</v>
      </c>
      <c r="IH8" s="74" t="s">
        <v>51</v>
      </c>
      <c r="II8" s="75" t="s">
        <v>45</v>
      </c>
      <c r="IJ8" s="566"/>
      <c r="IK8" s="73" t="s">
        <v>43</v>
      </c>
      <c r="IL8" s="74" t="s">
        <v>44</v>
      </c>
      <c r="IM8" s="250" t="s">
        <v>45</v>
      </c>
      <c r="IN8" s="76" t="s">
        <v>83</v>
      </c>
      <c r="IO8" s="252" t="s">
        <v>47</v>
      </c>
      <c r="IP8" s="252" t="s">
        <v>48</v>
      </c>
      <c r="IQ8" s="252" t="s">
        <v>49</v>
      </c>
      <c r="IR8" s="252" t="s">
        <v>50</v>
      </c>
      <c r="IS8" s="252" t="s">
        <v>51</v>
      </c>
      <c r="IT8" s="253" t="s">
        <v>45</v>
      </c>
      <c r="IU8" s="569"/>
      <c r="IV8" s="251" t="s">
        <v>43</v>
      </c>
      <c r="IW8" s="252" t="s">
        <v>44</v>
      </c>
      <c r="IX8" s="253" t="s">
        <v>45</v>
      </c>
      <c r="IY8" s="231" t="s">
        <v>83</v>
      </c>
      <c r="IZ8" s="252" t="s">
        <v>47</v>
      </c>
      <c r="JA8" s="252" t="s">
        <v>48</v>
      </c>
      <c r="JB8" s="252" t="s">
        <v>49</v>
      </c>
      <c r="JC8" s="252" t="s">
        <v>50</v>
      </c>
      <c r="JD8" s="252" t="s">
        <v>51</v>
      </c>
      <c r="JE8" s="253" t="s">
        <v>45</v>
      </c>
      <c r="JF8" s="569"/>
      <c r="JG8" s="251" t="s">
        <v>43</v>
      </c>
      <c r="JH8" s="252" t="s">
        <v>44</v>
      </c>
      <c r="JI8" s="254" t="s">
        <v>45</v>
      </c>
      <c r="JJ8" s="231" t="s">
        <v>83</v>
      </c>
      <c r="JK8" s="252" t="s">
        <v>47</v>
      </c>
      <c r="JL8" s="252" t="s">
        <v>48</v>
      </c>
      <c r="JM8" s="252" t="s">
        <v>49</v>
      </c>
      <c r="JN8" s="252" t="s">
        <v>50</v>
      </c>
      <c r="JO8" s="252" t="s">
        <v>51</v>
      </c>
      <c r="JP8" s="253" t="s">
        <v>45</v>
      </c>
      <c r="JQ8" s="568"/>
      <c r="JR8" s="251" t="s">
        <v>43</v>
      </c>
      <c r="JS8" s="252" t="s">
        <v>44</v>
      </c>
      <c r="JT8" s="254" t="s">
        <v>45</v>
      </c>
      <c r="JU8" s="231" t="s">
        <v>83</v>
      </c>
      <c r="JV8" s="252" t="s">
        <v>47</v>
      </c>
      <c r="JW8" s="252" t="s">
        <v>48</v>
      </c>
      <c r="JX8" s="252" t="s">
        <v>49</v>
      </c>
      <c r="JY8" s="252" t="s">
        <v>50</v>
      </c>
      <c r="JZ8" s="252" t="s">
        <v>51</v>
      </c>
      <c r="KA8" s="253" t="s">
        <v>45</v>
      </c>
      <c r="KB8" s="568"/>
      <c r="KC8" s="251" t="s">
        <v>43</v>
      </c>
      <c r="KD8" s="252" t="s">
        <v>44</v>
      </c>
      <c r="KE8" s="254" t="s">
        <v>45</v>
      </c>
      <c r="KF8" s="231" t="s">
        <v>83</v>
      </c>
      <c r="KG8" s="252" t="s">
        <v>47</v>
      </c>
      <c r="KH8" s="252" t="s">
        <v>48</v>
      </c>
      <c r="KI8" s="252" t="s">
        <v>49</v>
      </c>
      <c r="KJ8" s="252" t="s">
        <v>50</v>
      </c>
      <c r="KK8" s="252" t="s">
        <v>51</v>
      </c>
      <c r="KL8" s="253" t="s">
        <v>45</v>
      </c>
      <c r="KM8" s="568"/>
      <c r="KN8" s="251" t="s">
        <v>43</v>
      </c>
      <c r="KO8" s="252" t="s">
        <v>44</v>
      </c>
      <c r="KP8" s="254" t="s">
        <v>45</v>
      </c>
      <c r="KQ8" s="76" t="s">
        <v>83</v>
      </c>
      <c r="KR8" s="252" t="s">
        <v>47</v>
      </c>
      <c r="KS8" s="252" t="s">
        <v>48</v>
      </c>
      <c r="KT8" s="252" t="s">
        <v>49</v>
      </c>
      <c r="KU8" s="252" t="s">
        <v>50</v>
      </c>
      <c r="KV8" s="252" t="s">
        <v>51</v>
      </c>
      <c r="KW8" s="253" t="s">
        <v>45</v>
      </c>
      <c r="KX8" s="568"/>
      <c r="KY8" s="251" t="s">
        <v>43</v>
      </c>
      <c r="KZ8" s="252" t="s">
        <v>44</v>
      </c>
      <c r="LA8" s="254" t="s">
        <v>45</v>
      </c>
      <c r="LB8" s="76" t="s">
        <v>83</v>
      </c>
      <c r="LC8" s="252" t="s">
        <v>47</v>
      </c>
      <c r="LD8" s="252" t="s">
        <v>48</v>
      </c>
      <c r="LE8" s="252" t="s">
        <v>49</v>
      </c>
      <c r="LF8" s="252" t="s">
        <v>50</v>
      </c>
      <c r="LG8" s="252" t="s">
        <v>51</v>
      </c>
      <c r="LH8" s="253" t="s">
        <v>45</v>
      </c>
      <c r="LI8" s="568"/>
      <c r="LJ8" s="251" t="s">
        <v>43</v>
      </c>
      <c r="LK8" s="252" t="s">
        <v>44</v>
      </c>
      <c r="LL8" s="254" t="s">
        <v>45</v>
      </c>
      <c r="LM8" s="76" t="s">
        <v>83</v>
      </c>
      <c r="LN8" s="252" t="s">
        <v>47</v>
      </c>
      <c r="LO8" s="252" t="s">
        <v>48</v>
      </c>
      <c r="LP8" s="252" t="s">
        <v>49</v>
      </c>
      <c r="LQ8" s="252" t="s">
        <v>50</v>
      </c>
      <c r="LR8" s="252" t="s">
        <v>51</v>
      </c>
      <c r="LS8" s="253" t="s">
        <v>45</v>
      </c>
      <c r="LT8" s="568"/>
      <c r="LU8" s="251" t="s">
        <v>43</v>
      </c>
      <c r="LV8" s="252" t="s">
        <v>44</v>
      </c>
      <c r="LW8" s="254" t="s">
        <v>45</v>
      </c>
      <c r="LX8" s="76" t="s">
        <v>83</v>
      </c>
      <c r="LY8" s="252" t="s">
        <v>47</v>
      </c>
      <c r="LZ8" s="252" t="s">
        <v>48</v>
      </c>
      <c r="MA8" s="252" t="s">
        <v>49</v>
      </c>
      <c r="MB8" s="252" t="s">
        <v>50</v>
      </c>
      <c r="MC8" s="252" t="s">
        <v>51</v>
      </c>
      <c r="MD8" s="253" t="s">
        <v>45</v>
      </c>
      <c r="ME8" s="568"/>
      <c r="MF8" s="251" t="s">
        <v>43</v>
      </c>
      <c r="MG8" s="252" t="s">
        <v>44</v>
      </c>
      <c r="MH8" s="254" t="s">
        <v>45</v>
      </c>
      <c r="MI8" s="76" t="s">
        <v>83</v>
      </c>
      <c r="MJ8" s="252" t="s">
        <v>47</v>
      </c>
      <c r="MK8" s="252" t="s">
        <v>48</v>
      </c>
      <c r="ML8" s="252" t="s">
        <v>49</v>
      </c>
      <c r="MM8" s="252" t="s">
        <v>50</v>
      </c>
      <c r="MN8" s="252" t="s">
        <v>51</v>
      </c>
      <c r="MO8" s="253" t="s">
        <v>45</v>
      </c>
      <c r="MP8" s="568"/>
      <c r="MQ8" s="251" t="s">
        <v>43</v>
      </c>
      <c r="MR8" s="252" t="s">
        <v>44</v>
      </c>
      <c r="MS8" s="254" t="s">
        <v>45</v>
      </c>
      <c r="MT8" s="76" t="s">
        <v>83</v>
      </c>
      <c r="MU8" s="252" t="s">
        <v>47</v>
      </c>
      <c r="MV8" s="252" t="s">
        <v>48</v>
      </c>
      <c r="MW8" s="252" t="s">
        <v>49</v>
      </c>
      <c r="MX8" s="252" t="s">
        <v>50</v>
      </c>
      <c r="MY8" s="252" t="s">
        <v>51</v>
      </c>
      <c r="MZ8" s="253" t="s">
        <v>45</v>
      </c>
      <c r="NA8" s="568"/>
      <c r="NB8" s="251" t="s">
        <v>43</v>
      </c>
      <c r="NC8" s="252" t="s">
        <v>44</v>
      </c>
      <c r="ND8" s="254" t="s">
        <v>45</v>
      </c>
      <c r="NE8" s="76" t="s">
        <v>83</v>
      </c>
      <c r="NF8" s="252" t="s">
        <v>47</v>
      </c>
      <c r="NG8" s="252" t="s">
        <v>48</v>
      </c>
      <c r="NH8" s="252" t="s">
        <v>49</v>
      </c>
      <c r="NI8" s="252" t="s">
        <v>50</v>
      </c>
      <c r="NJ8" s="252" t="s">
        <v>51</v>
      </c>
      <c r="NK8" s="253" t="s">
        <v>45</v>
      </c>
      <c r="NL8" s="568"/>
      <c r="NM8" s="251" t="s">
        <v>43</v>
      </c>
      <c r="NN8" s="252" t="s">
        <v>44</v>
      </c>
      <c r="NO8" s="254" t="s">
        <v>45</v>
      </c>
      <c r="NP8" s="76" t="s">
        <v>83</v>
      </c>
      <c r="NQ8" s="252" t="s">
        <v>47</v>
      </c>
      <c r="NR8" s="252" t="s">
        <v>48</v>
      </c>
      <c r="NS8" s="252" t="s">
        <v>49</v>
      </c>
      <c r="NT8" s="252" t="s">
        <v>50</v>
      </c>
      <c r="NU8" s="252" t="s">
        <v>51</v>
      </c>
      <c r="NV8" s="253" t="s">
        <v>45</v>
      </c>
      <c r="NW8" s="568"/>
      <c r="NX8" s="251" t="s">
        <v>43</v>
      </c>
      <c r="NY8" s="252" t="s">
        <v>44</v>
      </c>
      <c r="NZ8" s="254" t="s">
        <v>45</v>
      </c>
      <c r="OA8" s="76" t="s">
        <v>83</v>
      </c>
      <c r="OB8" s="252" t="s">
        <v>47</v>
      </c>
      <c r="OC8" s="252" t="s">
        <v>48</v>
      </c>
      <c r="OD8" s="252" t="s">
        <v>49</v>
      </c>
      <c r="OE8" s="252" t="s">
        <v>50</v>
      </c>
      <c r="OF8" s="252" t="s">
        <v>51</v>
      </c>
      <c r="OG8" s="253" t="s">
        <v>45</v>
      </c>
      <c r="OH8" s="568"/>
      <c r="OI8" s="251" t="s">
        <v>43</v>
      </c>
      <c r="OJ8" s="252" t="s">
        <v>44</v>
      </c>
      <c r="OK8" s="254" t="s">
        <v>45</v>
      </c>
      <c r="OL8" s="231" t="s">
        <v>83</v>
      </c>
      <c r="OM8" s="252" t="s">
        <v>47</v>
      </c>
      <c r="ON8" s="252" t="s">
        <v>48</v>
      </c>
      <c r="OO8" s="252" t="s">
        <v>49</v>
      </c>
      <c r="OP8" s="252" t="s">
        <v>50</v>
      </c>
      <c r="OQ8" s="252" t="s">
        <v>51</v>
      </c>
      <c r="OR8" s="253" t="s">
        <v>45</v>
      </c>
      <c r="OS8" s="568"/>
    </row>
    <row r="9" spans="1:409" s="407" customFormat="1" ht="21" customHeight="1" x14ac:dyDescent="0.2">
      <c r="A9" s="70"/>
      <c r="B9" s="408" t="s">
        <v>4</v>
      </c>
      <c r="C9" s="255">
        <v>432680426</v>
      </c>
      <c r="D9" s="256">
        <v>923177989</v>
      </c>
      <c r="E9" s="257">
        <v>1355858415</v>
      </c>
      <c r="F9" s="258">
        <v>0</v>
      </c>
      <c r="G9" s="256">
        <v>5459603808</v>
      </c>
      <c r="H9" s="256">
        <v>7614938089</v>
      </c>
      <c r="I9" s="256">
        <v>6176410740</v>
      </c>
      <c r="J9" s="256">
        <v>5926419846</v>
      </c>
      <c r="K9" s="256">
        <v>4389196930</v>
      </c>
      <c r="L9" s="259">
        <v>29566569413</v>
      </c>
      <c r="M9" s="260">
        <v>30922427828</v>
      </c>
      <c r="N9" s="255">
        <v>108259277</v>
      </c>
      <c r="O9" s="256">
        <v>279123794</v>
      </c>
      <c r="P9" s="261">
        <v>387383071</v>
      </c>
      <c r="Q9" s="255">
        <v>0</v>
      </c>
      <c r="R9" s="256">
        <v>1568693051</v>
      </c>
      <c r="S9" s="256">
        <v>2510947219</v>
      </c>
      <c r="T9" s="256">
        <v>2127723116</v>
      </c>
      <c r="U9" s="256">
        <v>2391408529</v>
      </c>
      <c r="V9" s="256">
        <v>2297974067</v>
      </c>
      <c r="W9" s="261">
        <v>10896745982</v>
      </c>
      <c r="X9" s="260">
        <v>11284129053</v>
      </c>
      <c r="Y9" s="255">
        <v>10618</v>
      </c>
      <c r="Z9" s="256">
        <v>0</v>
      </c>
      <c r="AA9" s="261">
        <v>10618</v>
      </c>
      <c r="AB9" s="262">
        <v>0</v>
      </c>
      <c r="AC9" s="263">
        <v>700654163</v>
      </c>
      <c r="AD9" s="263">
        <v>1191432373</v>
      </c>
      <c r="AE9" s="263">
        <v>1186161882</v>
      </c>
      <c r="AF9" s="263">
        <v>1435159297</v>
      </c>
      <c r="AG9" s="263">
        <v>1377273912</v>
      </c>
      <c r="AH9" s="261">
        <v>5890681627</v>
      </c>
      <c r="AI9" s="260">
        <v>5890692245</v>
      </c>
      <c r="AJ9" s="264">
        <v>131211</v>
      </c>
      <c r="AK9" s="263">
        <v>479548</v>
      </c>
      <c r="AL9" s="261">
        <v>610759</v>
      </c>
      <c r="AM9" s="262">
        <v>0</v>
      </c>
      <c r="AN9" s="263">
        <v>5206522</v>
      </c>
      <c r="AO9" s="259">
        <v>21554677</v>
      </c>
      <c r="AP9" s="263">
        <v>45561208</v>
      </c>
      <c r="AQ9" s="263">
        <v>123415005</v>
      </c>
      <c r="AR9" s="263">
        <v>233179556</v>
      </c>
      <c r="AS9" s="261">
        <v>428916968</v>
      </c>
      <c r="AT9" s="260">
        <v>429527727</v>
      </c>
      <c r="AU9" s="264">
        <v>60936277</v>
      </c>
      <c r="AV9" s="263">
        <v>201951592</v>
      </c>
      <c r="AW9" s="261">
        <v>262887869</v>
      </c>
      <c r="AX9" s="262">
        <v>0</v>
      </c>
      <c r="AY9" s="263">
        <v>522625134</v>
      </c>
      <c r="AZ9" s="263">
        <v>858243234</v>
      </c>
      <c r="BA9" s="263">
        <v>527777486</v>
      </c>
      <c r="BB9" s="263">
        <v>473356398</v>
      </c>
      <c r="BC9" s="263">
        <v>425776737</v>
      </c>
      <c r="BD9" s="261">
        <v>2807778989</v>
      </c>
      <c r="BE9" s="265">
        <v>3070666858</v>
      </c>
      <c r="BF9" s="264">
        <v>6230990</v>
      </c>
      <c r="BG9" s="259">
        <v>22972492</v>
      </c>
      <c r="BH9" s="266">
        <v>29203482</v>
      </c>
      <c r="BI9" s="262">
        <v>0</v>
      </c>
      <c r="BJ9" s="263">
        <v>40483192</v>
      </c>
      <c r="BK9" s="263">
        <v>63481387</v>
      </c>
      <c r="BL9" s="263">
        <v>41894190</v>
      </c>
      <c r="BM9" s="263">
        <v>33847514</v>
      </c>
      <c r="BN9" s="263">
        <v>22217398</v>
      </c>
      <c r="BO9" s="261">
        <v>201923681</v>
      </c>
      <c r="BP9" s="260">
        <v>231127163</v>
      </c>
      <c r="BQ9" s="264">
        <v>40950181</v>
      </c>
      <c r="BR9" s="263">
        <v>53720162</v>
      </c>
      <c r="BS9" s="261">
        <v>94670343</v>
      </c>
      <c r="BT9" s="262">
        <v>0</v>
      </c>
      <c r="BU9" s="263">
        <v>299724040</v>
      </c>
      <c r="BV9" s="263">
        <v>376235548</v>
      </c>
      <c r="BW9" s="263">
        <v>326328350</v>
      </c>
      <c r="BX9" s="263">
        <v>325630315</v>
      </c>
      <c r="BY9" s="263">
        <v>239526464</v>
      </c>
      <c r="BZ9" s="261">
        <v>1567444717</v>
      </c>
      <c r="CA9" s="260">
        <v>1662115060</v>
      </c>
      <c r="CB9" s="264">
        <v>41000047</v>
      </c>
      <c r="CC9" s="263">
        <v>122708394</v>
      </c>
      <c r="CD9" s="261">
        <v>163708441</v>
      </c>
      <c r="CE9" s="262">
        <v>0</v>
      </c>
      <c r="CF9" s="263">
        <v>1404573483</v>
      </c>
      <c r="CG9" s="263">
        <v>1874137135</v>
      </c>
      <c r="CH9" s="267">
        <v>1298778162</v>
      </c>
      <c r="CI9" s="263">
        <v>857664964</v>
      </c>
      <c r="CJ9" s="263">
        <v>422110142</v>
      </c>
      <c r="CK9" s="261">
        <v>5857263886</v>
      </c>
      <c r="CL9" s="260">
        <v>6020972327</v>
      </c>
      <c r="CM9" s="255">
        <v>0</v>
      </c>
      <c r="CN9" s="256">
        <v>0</v>
      </c>
      <c r="CO9" s="261">
        <v>0</v>
      </c>
      <c r="CP9" s="262">
        <v>0</v>
      </c>
      <c r="CQ9" s="263">
        <v>1184478504</v>
      </c>
      <c r="CR9" s="263">
        <v>1471732733</v>
      </c>
      <c r="CS9" s="263">
        <v>1020840325</v>
      </c>
      <c r="CT9" s="263">
        <v>660193895</v>
      </c>
      <c r="CU9" s="263">
        <v>345863889</v>
      </c>
      <c r="CV9" s="268">
        <v>4683109346</v>
      </c>
      <c r="CW9" s="260">
        <v>4683109346</v>
      </c>
      <c r="CX9" s="264">
        <v>41000047</v>
      </c>
      <c r="CY9" s="263">
        <v>122708394</v>
      </c>
      <c r="CZ9" s="261">
        <v>163708441</v>
      </c>
      <c r="DA9" s="262">
        <v>0</v>
      </c>
      <c r="DB9" s="263">
        <v>220094979</v>
      </c>
      <c r="DC9" s="263">
        <v>402404402</v>
      </c>
      <c r="DD9" s="263">
        <v>277937837</v>
      </c>
      <c r="DE9" s="263">
        <v>197471069</v>
      </c>
      <c r="DF9" s="263">
        <v>76246253</v>
      </c>
      <c r="DG9" s="261">
        <v>1174154540</v>
      </c>
      <c r="DH9" s="260">
        <v>1337862981</v>
      </c>
      <c r="DI9" s="264">
        <v>1947995</v>
      </c>
      <c r="DJ9" s="263">
        <v>10001878</v>
      </c>
      <c r="DK9" s="266">
        <v>11949873</v>
      </c>
      <c r="DL9" s="262">
        <v>0</v>
      </c>
      <c r="DM9" s="263">
        <v>139784532</v>
      </c>
      <c r="DN9" s="263">
        <v>301408506</v>
      </c>
      <c r="DO9" s="263">
        <v>543330180</v>
      </c>
      <c r="DP9" s="263">
        <v>459886606</v>
      </c>
      <c r="DQ9" s="263">
        <v>264954797</v>
      </c>
      <c r="DR9" s="269">
        <v>1709364621</v>
      </c>
      <c r="DS9" s="260">
        <v>1721314494</v>
      </c>
      <c r="DT9" s="264">
        <v>1762785</v>
      </c>
      <c r="DU9" s="263">
        <v>9172509</v>
      </c>
      <c r="DV9" s="261">
        <v>10935294</v>
      </c>
      <c r="DW9" s="262">
        <v>0</v>
      </c>
      <c r="DX9" s="263">
        <v>127354710</v>
      </c>
      <c r="DY9" s="263">
        <v>268212441</v>
      </c>
      <c r="DZ9" s="263">
        <v>493536849</v>
      </c>
      <c r="EA9" s="263">
        <v>409298290</v>
      </c>
      <c r="EB9" s="263">
        <v>225003008</v>
      </c>
      <c r="EC9" s="261">
        <v>1523405298</v>
      </c>
      <c r="ED9" s="260">
        <v>1534340592</v>
      </c>
      <c r="EE9" s="264">
        <v>185210</v>
      </c>
      <c r="EF9" s="259">
        <v>829369</v>
      </c>
      <c r="EG9" s="261">
        <v>1014579</v>
      </c>
      <c r="EH9" s="265">
        <v>0</v>
      </c>
      <c r="EI9" s="263">
        <v>12429822</v>
      </c>
      <c r="EJ9" s="263">
        <v>33196065</v>
      </c>
      <c r="EK9" s="263">
        <v>49793331</v>
      </c>
      <c r="EL9" s="263">
        <v>50588316</v>
      </c>
      <c r="EM9" s="267">
        <v>39951789</v>
      </c>
      <c r="EN9" s="259">
        <v>185959323</v>
      </c>
      <c r="EO9" s="260">
        <v>186973902</v>
      </c>
      <c r="EP9" s="264">
        <v>0</v>
      </c>
      <c r="EQ9" s="263">
        <v>0</v>
      </c>
      <c r="ER9" s="259">
        <v>0</v>
      </c>
      <c r="ES9" s="262">
        <v>0</v>
      </c>
      <c r="ET9" s="263">
        <v>0</v>
      </c>
      <c r="EU9" s="263">
        <v>0</v>
      </c>
      <c r="EV9" s="263">
        <v>0</v>
      </c>
      <c r="EW9" s="263">
        <v>0</v>
      </c>
      <c r="EX9" s="263">
        <v>0</v>
      </c>
      <c r="EY9" s="268">
        <v>0</v>
      </c>
      <c r="EZ9" s="260">
        <v>0</v>
      </c>
      <c r="FA9" s="264">
        <v>0</v>
      </c>
      <c r="FB9" s="263">
        <v>0</v>
      </c>
      <c r="FC9" s="259">
        <v>0</v>
      </c>
      <c r="FD9" s="262">
        <v>0</v>
      </c>
      <c r="FE9" s="263">
        <v>0</v>
      </c>
      <c r="FF9" s="263">
        <v>0</v>
      </c>
      <c r="FG9" s="263">
        <v>0</v>
      </c>
      <c r="FH9" s="263">
        <v>0</v>
      </c>
      <c r="FI9" s="263">
        <v>0</v>
      </c>
      <c r="FJ9" s="268">
        <v>0</v>
      </c>
      <c r="FK9" s="260">
        <v>0</v>
      </c>
      <c r="FL9" s="264">
        <v>98730676</v>
      </c>
      <c r="FM9" s="263">
        <v>215194778</v>
      </c>
      <c r="FN9" s="261">
        <v>313925454</v>
      </c>
      <c r="FO9" s="262">
        <v>0</v>
      </c>
      <c r="FP9" s="263">
        <v>270339596</v>
      </c>
      <c r="FQ9" s="263">
        <v>710395300</v>
      </c>
      <c r="FR9" s="263">
        <v>473746743</v>
      </c>
      <c r="FS9" s="263">
        <v>430353860</v>
      </c>
      <c r="FT9" s="263">
        <v>311031397</v>
      </c>
      <c r="FU9" s="261">
        <v>2195866896</v>
      </c>
      <c r="FV9" s="260">
        <v>2509792350</v>
      </c>
      <c r="FW9" s="264">
        <v>62694227</v>
      </c>
      <c r="FX9" s="263">
        <v>169821402</v>
      </c>
      <c r="FY9" s="259">
        <v>232515629</v>
      </c>
      <c r="FZ9" s="265">
        <v>0</v>
      </c>
      <c r="GA9" s="263">
        <v>222193078</v>
      </c>
      <c r="GB9" s="270">
        <v>658192034</v>
      </c>
      <c r="GC9" s="263">
        <v>445605228</v>
      </c>
      <c r="GD9" s="270">
        <v>404101933</v>
      </c>
      <c r="GE9" s="263">
        <v>301520704</v>
      </c>
      <c r="GF9" s="268">
        <v>2031612977</v>
      </c>
      <c r="GG9" s="271">
        <v>2264128606</v>
      </c>
      <c r="GH9" s="272">
        <v>6251344</v>
      </c>
      <c r="GI9" s="263">
        <v>11288909</v>
      </c>
      <c r="GJ9" s="270">
        <v>17540253</v>
      </c>
      <c r="GK9" s="258">
        <v>0</v>
      </c>
      <c r="GL9" s="263">
        <v>14417628</v>
      </c>
      <c r="GM9" s="259">
        <v>20066829</v>
      </c>
      <c r="GN9" s="263">
        <v>11998530</v>
      </c>
      <c r="GO9" s="259">
        <v>11511719</v>
      </c>
      <c r="GP9" s="263">
        <v>4679324</v>
      </c>
      <c r="GQ9" s="269">
        <v>62674030</v>
      </c>
      <c r="GR9" s="260">
        <v>80214283</v>
      </c>
      <c r="GS9" s="259">
        <v>29785105</v>
      </c>
      <c r="GT9" s="263">
        <v>34084467</v>
      </c>
      <c r="GU9" s="261">
        <v>63869572</v>
      </c>
      <c r="GV9" s="259">
        <v>0</v>
      </c>
      <c r="GW9" s="263">
        <v>33728890</v>
      </c>
      <c r="GX9" s="259">
        <v>32136437</v>
      </c>
      <c r="GY9" s="263">
        <v>16142985</v>
      </c>
      <c r="GZ9" s="259">
        <v>14740208</v>
      </c>
      <c r="HA9" s="263">
        <v>4831369</v>
      </c>
      <c r="HB9" s="259">
        <v>101579889</v>
      </c>
      <c r="HC9" s="260">
        <v>165449461</v>
      </c>
      <c r="HD9" s="259">
        <v>103427131</v>
      </c>
      <c r="HE9" s="263">
        <v>139272766</v>
      </c>
      <c r="HF9" s="259">
        <v>242699897</v>
      </c>
      <c r="HG9" s="265">
        <v>0</v>
      </c>
      <c r="HH9" s="263">
        <v>1161462083</v>
      </c>
      <c r="HI9" s="270">
        <v>1219895308</v>
      </c>
      <c r="HJ9" s="263">
        <v>1117915653</v>
      </c>
      <c r="HK9" s="270">
        <v>1357942579</v>
      </c>
      <c r="HL9" s="263">
        <v>833912835</v>
      </c>
      <c r="HM9" s="268">
        <v>5691128458</v>
      </c>
      <c r="HN9" s="259">
        <v>5933828355</v>
      </c>
      <c r="HO9" s="272">
        <v>79315300</v>
      </c>
      <c r="HP9" s="263">
        <v>156876379</v>
      </c>
      <c r="HQ9" s="268">
        <v>236191679</v>
      </c>
      <c r="HR9" s="259">
        <v>0</v>
      </c>
      <c r="HS9" s="263">
        <v>914751063</v>
      </c>
      <c r="HT9" s="259">
        <v>998154621</v>
      </c>
      <c r="HU9" s="263">
        <v>614916886</v>
      </c>
      <c r="HV9" s="259">
        <v>429163308</v>
      </c>
      <c r="HW9" s="263">
        <v>259213692</v>
      </c>
      <c r="HX9" s="259">
        <v>3216199570</v>
      </c>
      <c r="HY9" s="260">
        <v>3452391249</v>
      </c>
      <c r="HZ9" s="273">
        <v>8878787</v>
      </c>
      <c r="IA9" s="274">
        <v>32767847</v>
      </c>
      <c r="IB9" s="275">
        <v>41646634</v>
      </c>
      <c r="IC9" s="276">
        <v>0</v>
      </c>
      <c r="ID9" s="274">
        <v>1709079933</v>
      </c>
      <c r="IE9" s="277">
        <v>2305245773</v>
      </c>
      <c r="IF9" s="278">
        <v>2385057719</v>
      </c>
      <c r="IG9" s="274">
        <v>1771897197</v>
      </c>
      <c r="IH9" s="278">
        <v>1280239953</v>
      </c>
      <c r="II9" s="279">
        <v>9451520575</v>
      </c>
      <c r="IJ9" s="280">
        <v>9493167209</v>
      </c>
      <c r="IK9" s="281">
        <v>0</v>
      </c>
      <c r="IL9" s="282">
        <v>0</v>
      </c>
      <c r="IM9" s="283">
        <v>0</v>
      </c>
      <c r="IN9" s="406">
        <v>0</v>
      </c>
      <c r="IO9" s="284">
        <v>27446203</v>
      </c>
      <c r="IP9" s="284">
        <v>59238168</v>
      </c>
      <c r="IQ9" s="284">
        <v>76425310</v>
      </c>
      <c r="IR9" s="284">
        <v>108766487</v>
      </c>
      <c r="IS9" s="284">
        <v>123040133</v>
      </c>
      <c r="IT9" s="285">
        <v>394916301</v>
      </c>
      <c r="IU9" s="286">
        <v>394916301</v>
      </c>
      <c r="IV9" s="287">
        <v>0</v>
      </c>
      <c r="IW9" s="284">
        <v>0</v>
      </c>
      <c r="IX9" s="288">
        <v>0</v>
      </c>
      <c r="IY9" s="412">
        <v>0</v>
      </c>
      <c r="IZ9" s="284">
        <v>3841510</v>
      </c>
      <c r="JA9" s="284">
        <v>10373749</v>
      </c>
      <c r="JB9" s="284">
        <v>11092875</v>
      </c>
      <c r="JC9" s="284">
        <v>12348938</v>
      </c>
      <c r="JD9" s="284">
        <v>18115771</v>
      </c>
      <c r="JE9" s="288">
        <v>55772843</v>
      </c>
      <c r="JF9" s="289">
        <v>55772843</v>
      </c>
      <c r="JG9" s="287">
        <v>0</v>
      </c>
      <c r="JH9" s="284">
        <v>0</v>
      </c>
      <c r="JI9" s="285">
        <v>0</v>
      </c>
      <c r="JJ9" s="290">
        <v>0</v>
      </c>
      <c r="JK9" s="284">
        <v>622114511</v>
      </c>
      <c r="JL9" s="284">
        <v>762344490</v>
      </c>
      <c r="JM9" s="284">
        <v>548431453</v>
      </c>
      <c r="JN9" s="284">
        <v>321753483</v>
      </c>
      <c r="JO9" s="284">
        <v>178157502</v>
      </c>
      <c r="JP9" s="288">
        <v>2432801439</v>
      </c>
      <c r="JQ9" s="286">
        <v>2432801439</v>
      </c>
      <c r="JR9" s="287">
        <v>237685</v>
      </c>
      <c r="JS9" s="284">
        <v>478097</v>
      </c>
      <c r="JT9" s="285">
        <v>715782</v>
      </c>
      <c r="JU9" s="290">
        <v>0</v>
      </c>
      <c r="JV9" s="284">
        <v>68080712</v>
      </c>
      <c r="JW9" s="284">
        <v>105963823</v>
      </c>
      <c r="JX9" s="284">
        <v>135471872</v>
      </c>
      <c r="JY9" s="284">
        <v>78233786</v>
      </c>
      <c r="JZ9" s="284">
        <v>68762981</v>
      </c>
      <c r="KA9" s="288">
        <v>456513174</v>
      </c>
      <c r="KB9" s="286">
        <v>457228956</v>
      </c>
      <c r="KC9" s="291">
        <v>8641102</v>
      </c>
      <c r="KD9" s="292">
        <v>23428686</v>
      </c>
      <c r="KE9" s="288">
        <v>32069788</v>
      </c>
      <c r="KF9" s="290">
        <v>0</v>
      </c>
      <c r="KG9" s="284">
        <v>211098923</v>
      </c>
      <c r="KH9" s="284">
        <v>321807801</v>
      </c>
      <c r="KI9" s="284">
        <v>356536207</v>
      </c>
      <c r="KJ9" s="284">
        <v>268064905</v>
      </c>
      <c r="KK9" s="284">
        <v>166223543</v>
      </c>
      <c r="KL9" s="288">
        <v>1323731379</v>
      </c>
      <c r="KM9" s="293">
        <v>1355801167</v>
      </c>
      <c r="KN9" s="281">
        <v>0</v>
      </c>
      <c r="KO9" s="282">
        <v>8861064</v>
      </c>
      <c r="KP9" s="283">
        <v>8861064</v>
      </c>
      <c r="KQ9" s="412">
        <v>0</v>
      </c>
      <c r="KR9" s="284">
        <v>730488840</v>
      </c>
      <c r="KS9" s="284">
        <v>953959119</v>
      </c>
      <c r="KT9" s="284">
        <v>1079675479</v>
      </c>
      <c r="KU9" s="284">
        <v>711206805</v>
      </c>
      <c r="KV9" s="284">
        <v>464552084</v>
      </c>
      <c r="KW9" s="288">
        <v>3939882327</v>
      </c>
      <c r="KX9" s="286">
        <v>3948743391</v>
      </c>
      <c r="KY9" s="287">
        <v>0</v>
      </c>
      <c r="KZ9" s="284">
        <v>0</v>
      </c>
      <c r="LA9" s="288">
        <v>0</v>
      </c>
      <c r="LB9" s="412">
        <v>0</v>
      </c>
      <c r="LC9" s="284">
        <v>6558300</v>
      </c>
      <c r="LD9" s="284">
        <v>8230466</v>
      </c>
      <c r="LE9" s="284">
        <v>15626391</v>
      </c>
      <c r="LF9" s="284">
        <v>16956879</v>
      </c>
      <c r="LG9" s="284">
        <v>12508460</v>
      </c>
      <c r="LH9" s="288">
        <v>59880496</v>
      </c>
      <c r="LI9" s="289">
        <v>59880496</v>
      </c>
      <c r="LJ9" s="287">
        <v>0</v>
      </c>
      <c r="LK9" s="284">
        <v>0</v>
      </c>
      <c r="LL9" s="288">
        <v>0</v>
      </c>
      <c r="LM9" s="412">
        <v>0</v>
      </c>
      <c r="LN9" s="284">
        <v>1031093</v>
      </c>
      <c r="LO9" s="284">
        <v>6919995</v>
      </c>
      <c r="LP9" s="284">
        <v>60626249</v>
      </c>
      <c r="LQ9" s="284">
        <v>106014674</v>
      </c>
      <c r="LR9" s="284">
        <v>70582811</v>
      </c>
      <c r="LS9" s="288">
        <v>245174822</v>
      </c>
      <c r="LT9" s="286">
        <v>245174822</v>
      </c>
      <c r="LU9" s="287">
        <v>0</v>
      </c>
      <c r="LV9" s="284">
        <v>0</v>
      </c>
      <c r="LW9" s="288">
        <v>0</v>
      </c>
      <c r="LX9" s="412">
        <v>0</v>
      </c>
      <c r="LY9" s="284">
        <v>38419841</v>
      </c>
      <c r="LZ9" s="284">
        <v>76408162</v>
      </c>
      <c r="MA9" s="284">
        <v>101171883</v>
      </c>
      <c r="MB9" s="284">
        <v>148551240</v>
      </c>
      <c r="MC9" s="284">
        <v>178296668</v>
      </c>
      <c r="MD9" s="288">
        <v>542847794</v>
      </c>
      <c r="ME9" s="289">
        <v>542847794</v>
      </c>
      <c r="MF9" s="287">
        <v>0</v>
      </c>
      <c r="MG9" s="284">
        <v>0</v>
      </c>
      <c r="MH9" s="288">
        <v>0</v>
      </c>
      <c r="MI9" s="412">
        <v>0</v>
      </c>
      <c r="MJ9" s="284">
        <v>578114467</v>
      </c>
      <c r="MK9" s="284">
        <v>1428683500</v>
      </c>
      <c r="ML9" s="284">
        <v>4482193785</v>
      </c>
      <c r="MM9" s="284">
        <v>6606509268</v>
      </c>
      <c r="MN9" s="284">
        <v>4255805506</v>
      </c>
      <c r="MO9" s="288">
        <v>17351306526</v>
      </c>
      <c r="MP9" s="293">
        <v>17351306526</v>
      </c>
      <c r="MQ9" s="287">
        <v>0</v>
      </c>
      <c r="MR9" s="284">
        <v>0</v>
      </c>
      <c r="MS9" s="288">
        <v>0</v>
      </c>
      <c r="MT9" s="412">
        <v>0</v>
      </c>
      <c r="MU9" s="284">
        <v>120409193</v>
      </c>
      <c r="MV9" s="284">
        <v>457580406</v>
      </c>
      <c r="MW9" s="284">
        <v>2946299920</v>
      </c>
      <c r="MX9" s="284">
        <v>4507852968</v>
      </c>
      <c r="MY9" s="284">
        <v>3038521336</v>
      </c>
      <c r="MZ9" s="288">
        <v>11070663823</v>
      </c>
      <c r="NA9" s="293">
        <v>11070663823</v>
      </c>
      <c r="NB9" s="287">
        <v>0</v>
      </c>
      <c r="NC9" s="284">
        <v>0</v>
      </c>
      <c r="ND9" s="288">
        <v>0</v>
      </c>
      <c r="NE9" s="412">
        <v>0</v>
      </c>
      <c r="NF9" s="284">
        <v>452912867</v>
      </c>
      <c r="NG9" s="284">
        <v>962052782</v>
      </c>
      <c r="NH9" s="284">
        <v>1513010131</v>
      </c>
      <c r="NI9" s="284">
        <v>1947371084</v>
      </c>
      <c r="NJ9" s="284">
        <v>1007860643</v>
      </c>
      <c r="NK9" s="288">
        <v>5883207507</v>
      </c>
      <c r="NL9" s="286">
        <v>5883207507</v>
      </c>
      <c r="NM9" s="287">
        <v>0</v>
      </c>
      <c r="NN9" s="284">
        <v>0</v>
      </c>
      <c r="NO9" s="288">
        <v>0</v>
      </c>
      <c r="NP9" s="412">
        <v>0</v>
      </c>
      <c r="NQ9" s="284">
        <v>0</v>
      </c>
      <c r="NR9" s="284">
        <v>0</v>
      </c>
      <c r="NS9" s="284">
        <v>0</v>
      </c>
      <c r="NT9" s="284">
        <v>0</v>
      </c>
      <c r="NU9" s="284">
        <v>0</v>
      </c>
      <c r="NV9" s="288">
        <v>0</v>
      </c>
      <c r="NW9" s="289">
        <v>0</v>
      </c>
      <c r="NX9" s="287">
        <v>0</v>
      </c>
      <c r="NY9" s="284">
        <v>0</v>
      </c>
      <c r="NZ9" s="288">
        <v>0</v>
      </c>
      <c r="OA9" s="412">
        <v>0</v>
      </c>
      <c r="OB9" s="284">
        <v>4792407</v>
      </c>
      <c r="OC9" s="284">
        <v>9050312</v>
      </c>
      <c r="OD9" s="284">
        <v>22883734</v>
      </c>
      <c r="OE9" s="284">
        <v>151285216</v>
      </c>
      <c r="OF9" s="284">
        <v>209423527</v>
      </c>
      <c r="OG9" s="288">
        <v>397435196</v>
      </c>
      <c r="OH9" s="289">
        <v>397435196</v>
      </c>
      <c r="OI9" s="287">
        <v>441559213</v>
      </c>
      <c r="OJ9" s="284">
        <v>955945836</v>
      </c>
      <c r="OK9" s="285">
        <v>1397505049</v>
      </c>
      <c r="OL9" s="290">
        <v>0</v>
      </c>
      <c r="OM9" s="284">
        <v>7746798208</v>
      </c>
      <c r="ON9" s="284">
        <v>11348867362</v>
      </c>
      <c r="OO9" s="284">
        <v>13043662244</v>
      </c>
      <c r="OP9" s="284">
        <v>14304826311</v>
      </c>
      <c r="OQ9" s="284">
        <v>9925242389</v>
      </c>
      <c r="OR9" s="288">
        <v>56369396514</v>
      </c>
      <c r="OS9" s="293">
        <v>57766901563</v>
      </c>
    </row>
    <row r="10" spans="1:409" s="407" customFormat="1" ht="21" customHeight="1" x14ac:dyDescent="0.2">
      <c r="A10" s="70"/>
      <c r="B10" s="409" t="s">
        <v>5</v>
      </c>
      <c r="C10" s="295">
        <v>162011921</v>
      </c>
      <c r="D10" s="296">
        <v>436515963</v>
      </c>
      <c r="E10" s="297">
        <v>598527884</v>
      </c>
      <c r="F10" s="298">
        <v>0</v>
      </c>
      <c r="G10" s="296">
        <v>1916185364</v>
      </c>
      <c r="H10" s="296">
        <v>3432522391</v>
      </c>
      <c r="I10" s="296">
        <v>2540053548</v>
      </c>
      <c r="J10" s="296">
        <v>2368434821</v>
      </c>
      <c r="K10" s="296">
        <v>1769082367</v>
      </c>
      <c r="L10" s="298">
        <v>12026278491</v>
      </c>
      <c r="M10" s="299">
        <v>12624806375</v>
      </c>
      <c r="N10" s="295">
        <v>44412676</v>
      </c>
      <c r="O10" s="296">
        <v>147431428</v>
      </c>
      <c r="P10" s="297">
        <v>191844104</v>
      </c>
      <c r="Q10" s="295">
        <v>0</v>
      </c>
      <c r="R10" s="296">
        <v>564939430</v>
      </c>
      <c r="S10" s="296">
        <v>1178067311</v>
      </c>
      <c r="T10" s="296">
        <v>875598546</v>
      </c>
      <c r="U10" s="296">
        <v>932375186</v>
      </c>
      <c r="V10" s="296">
        <v>934409628</v>
      </c>
      <c r="W10" s="297">
        <v>4485390101</v>
      </c>
      <c r="X10" s="299">
        <v>4677234205</v>
      </c>
      <c r="Y10" s="295">
        <v>10618</v>
      </c>
      <c r="Z10" s="296">
        <v>0</v>
      </c>
      <c r="AA10" s="297">
        <v>10618</v>
      </c>
      <c r="AB10" s="295">
        <v>0</v>
      </c>
      <c r="AC10" s="296">
        <v>244576232</v>
      </c>
      <c r="AD10" s="296">
        <v>525252281</v>
      </c>
      <c r="AE10" s="296">
        <v>440727078</v>
      </c>
      <c r="AF10" s="296">
        <v>518143708</v>
      </c>
      <c r="AG10" s="296">
        <v>535281186</v>
      </c>
      <c r="AH10" s="297">
        <v>2263980485</v>
      </c>
      <c r="AI10" s="299">
        <v>2263991103</v>
      </c>
      <c r="AJ10" s="295">
        <v>74978</v>
      </c>
      <c r="AK10" s="296">
        <v>200106</v>
      </c>
      <c r="AL10" s="297">
        <v>275084</v>
      </c>
      <c r="AM10" s="295">
        <v>0</v>
      </c>
      <c r="AN10" s="296">
        <v>1005330</v>
      </c>
      <c r="AO10" s="296">
        <v>8216394</v>
      </c>
      <c r="AP10" s="296">
        <v>17739788</v>
      </c>
      <c r="AQ10" s="296">
        <v>50027645</v>
      </c>
      <c r="AR10" s="296">
        <v>104959344</v>
      </c>
      <c r="AS10" s="297">
        <v>181948501</v>
      </c>
      <c r="AT10" s="299">
        <v>182223585</v>
      </c>
      <c r="AU10" s="295">
        <v>26187227</v>
      </c>
      <c r="AV10" s="296">
        <v>108886089</v>
      </c>
      <c r="AW10" s="297">
        <v>135073316</v>
      </c>
      <c r="AX10" s="295">
        <v>0</v>
      </c>
      <c r="AY10" s="296">
        <v>195128816</v>
      </c>
      <c r="AZ10" s="296">
        <v>452059395</v>
      </c>
      <c r="BA10" s="296">
        <v>265691444</v>
      </c>
      <c r="BB10" s="296">
        <v>218558543</v>
      </c>
      <c r="BC10" s="296">
        <v>188213828</v>
      </c>
      <c r="BD10" s="297">
        <v>1319652026</v>
      </c>
      <c r="BE10" s="299">
        <v>1454725342</v>
      </c>
      <c r="BF10" s="295">
        <v>2299514</v>
      </c>
      <c r="BG10" s="296">
        <v>11015748</v>
      </c>
      <c r="BH10" s="300">
        <v>13315262</v>
      </c>
      <c r="BI10" s="301">
        <v>0</v>
      </c>
      <c r="BJ10" s="296">
        <v>10156850</v>
      </c>
      <c r="BK10" s="296">
        <v>26959991</v>
      </c>
      <c r="BL10" s="296">
        <v>18213019</v>
      </c>
      <c r="BM10" s="296">
        <v>13605568</v>
      </c>
      <c r="BN10" s="296">
        <v>9287490</v>
      </c>
      <c r="BO10" s="297">
        <v>78222918</v>
      </c>
      <c r="BP10" s="299">
        <v>91538180</v>
      </c>
      <c r="BQ10" s="295">
        <v>15840339</v>
      </c>
      <c r="BR10" s="296">
        <v>27329485</v>
      </c>
      <c r="BS10" s="297">
        <v>43169824</v>
      </c>
      <c r="BT10" s="295">
        <v>0</v>
      </c>
      <c r="BU10" s="296">
        <v>114072202</v>
      </c>
      <c r="BV10" s="296">
        <v>165579250</v>
      </c>
      <c r="BW10" s="296">
        <v>133227217</v>
      </c>
      <c r="BX10" s="296">
        <v>132039722</v>
      </c>
      <c r="BY10" s="296">
        <v>96667780</v>
      </c>
      <c r="BZ10" s="297">
        <v>641586171</v>
      </c>
      <c r="CA10" s="299">
        <v>684755995</v>
      </c>
      <c r="CB10" s="295">
        <v>17171809</v>
      </c>
      <c r="CC10" s="296">
        <v>56244704</v>
      </c>
      <c r="CD10" s="297">
        <v>73416513</v>
      </c>
      <c r="CE10" s="295">
        <v>0</v>
      </c>
      <c r="CF10" s="296">
        <v>448397235</v>
      </c>
      <c r="CG10" s="296">
        <v>780528189</v>
      </c>
      <c r="CH10" s="296">
        <v>485789540</v>
      </c>
      <c r="CI10" s="296">
        <v>310367262</v>
      </c>
      <c r="CJ10" s="296">
        <v>148493196</v>
      </c>
      <c r="CK10" s="297">
        <v>2173575422</v>
      </c>
      <c r="CL10" s="299">
        <v>2246991935</v>
      </c>
      <c r="CM10" s="295">
        <v>0</v>
      </c>
      <c r="CN10" s="296">
        <v>0</v>
      </c>
      <c r="CO10" s="297">
        <v>0</v>
      </c>
      <c r="CP10" s="301">
        <v>0</v>
      </c>
      <c r="CQ10" s="296">
        <v>381885744</v>
      </c>
      <c r="CR10" s="296">
        <v>598762161</v>
      </c>
      <c r="CS10" s="296">
        <v>361778577</v>
      </c>
      <c r="CT10" s="296">
        <v>222318155</v>
      </c>
      <c r="CU10" s="296">
        <v>116864215</v>
      </c>
      <c r="CV10" s="297">
        <v>1681608852</v>
      </c>
      <c r="CW10" s="299">
        <v>1681608852</v>
      </c>
      <c r="CX10" s="295">
        <v>17171809</v>
      </c>
      <c r="CY10" s="296">
        <v>56244704</v>
      </c>
      <c r="CZ10" s="297">
        <v>73416513</v>
      </c>
      <c r="DA10" s="295">
        <v>0</v>
      </c>
      <c r="DB10" s="296">
        <v>66511491</v>
      </c>
      <c r="DC10" s="296">
        <v>181766028</v>
      </c>
      <c r="DD10" s="296">
        <v>124010963</v>
      </c>
      <c r="DE10" s="296">
        <v>88049107</v>
      </c>
      <c r="DF10" s="296">
        <v>31628981</v>
      </c>
      <c r="DG10" s="297">
        <v>491966570</v>
      </c>
      <c r="DH10" s="299">
        <v>565383083</v>
      </c>
      <c r="DI10" s="295">
        <v>598451</v>
      </c>
      <c r="DJ10" s="296">
        <v>4281150</v>
      </c>
      <c r="DK10" s="300">
        <v>4879601</v>
      </c>
      <c r="DL10" s="301">
        <v>0</v>
      </c>
      <c r="DM10" s="296">
        <v>46107889</v>
      </c>
      <c r="DN10" s="296">
        <v>120007654</v>
      </c>
      <c r="DO10" s="296">
        <v>233485365</v>
      </c>
      <c r="DP10" s="296">
        <v>178650646</v>
      </c>
      <c r="DQ10" s="296">
        <v>107977880</v>
      </c>
      <c r="DR10" s="297">
        <v>686229434</v>
      </c>
      <c r="DS10" s="299">
        <v>691109035</v>
      </c>
      <c r="DT10" s="295">
        <v>536406</v>
      </c>
      <c r="DU10" s="296">
        <v>4010958</v>
      </c>
      <c r="DV10" s="297">
        <v>4547364</v>
      </c>
      <c r="DW10" s="295">
        <v>0</v>
      </c>
      <c r="DX10" s="296">
        <v>40718425</v>
      </c>
      <c r="DY10" s="296">
        <v>101391589</v>
      </c>
      <c r="DZ10" s="296">
        <v>204337587</v>
      </c>
      <c r="EA10" s="296">
        <v>149110017</v>
      </c>
      <c r="EB10" s="296">
        <v>83993988</v>
      </c>
      <c r="EC10" s="297">
        <v>579551606</v>
      </c>
      <c r="ED10" s="299">
        <v>584098970</v>
      </c>
      <c r="EE10" s="295">
        <v>62045</v>
      </c>
      <c r="EF10" s="300">
        <v>270192</v>
      </c>
      <c r="EG10" s="297">
        <v>332237</v>
      </c>
      <c r="EH10" s="295">
        <v>0</v>
      </c>
      <c r="EI10" s="296">
        <v>5389464</v>
      </c>
      <c r="EJ10" s="296">
        <v>18616065</v>
      </c>
      <c r="EK10" s="296">
        <v>29147778</v>
      </c>
      <c r="EL10" s="296">
        <v>29540629</v>
      </c>
      <c r="EM10" s="296">
        <v>23983892</v>
      </c>
      <c r="EN10" s="300">
        <v>106677828</v>
      </c>
      <c r="EO10" s="299">
        <v>107010065</v>
      </c>
      <c r="EP10" s="295">
        <v>0</v>
      </c>
      <c r="EQ10" s="296">
        <v>0</v>
      </c>
      <c r="ER10" s="300">
        <v>0</v>
      </c>
      <c r="ES10" s="301">
        <v>0</v>
      </c>
      <c r="ET10" s="296">
        <v>0</v>
      </c>
      <c r="EU10" s="296">
        <v>0</v>
      </c>
      <c r="EV10" s="296">
        <v>0</v>
      </c>
      <c r="EW10" s="296">
        <v>0</v>
      </c>
      <c r="EX10" s="296">
        <v>0</v>
      </c>
      <c r="EY10" s="297">
        <v>0</v>
      </c>
      <c r="EZ10" s="299">
        <v>0</v>
      </c>
      <c r="FA10" s="295">
        <v>0</v>
      </c>
      <c r="FB10" s="296">
        <v>0</v>
      </c>
      <c r="FC10" s="300">
        <v>0</v>
      </c>
      <c r="FD10" s="301">
        <v>0</v>
      </c>
      <c r="FE10" s="296">
        <v>0</v>
      </c>
      <c r="FF10" s="296">
        <v>0</v>
      </c>
      <c r="FG10" s="296">
        <v>0</v>
      </c>
      <c r="FH10" s="296">
        <v>0</v>
      </c>
      <c r="FI10" s="296">
        <v>0</v>
      </c>
      <c r="FJ10" s="297">
        <v>0</v>
      </c>
      <c r="FK10" s="299">
        <v>0</v>
      </c>
      <c r="FL10" s="295">
        <v>31194939</v>
      </c>
      <c r="FM10" s="296">
        <v>90430659</v>
      </c>
      <c r="FN10" s="297">
        <v>121625598</v>
      </c>
      <c r="FO10" s="295">
        <v>0</v>
      </c>
      <c r="FP10" s="296">
        <v>74846367</v>
      </c>
      <c r="FQ10" s="296">
        <v>307495520</v>
      </c>
      <c r="FR10" s="296">
        <v>189259518</v>
      </c>
      <c r="FS10" s="296">
        <v>170616850</v>
      </c>
      <c r="FT10" s="296">
        <v>124340269</v>
      </c>
      <c r="FU10" s="297">
        <v>866558524</v>
      </c>
      <c r="FV10" s="299">
        <v>988184122</v>
      </c>
      <c r="FW10" s="302">
        <v>18885985</v>
      </c>
      <c r="FX10" s="296">
        <v>70714853</v>
      </c>
      <c r="FY10" s="300">
        <v>89600838</v>
      </c>
      <c r="FZ10" s="301">
        <v>0</v>
      </c>
      <c r="GA10" s="296">
        <v>59779196</v>
      </c>
      <c r="GB10" s="296">
        <v>285460324</v>
      </c>
      <c r="GC10" s="296">
        <v>178840550</v>
      </c>
      <c r="GD10" s="296">
        <v>159049835</v>
      </c>
      <c r="GE10" s="296">
        <v>119939024</v>
      </c>
      <c r="GF10" s="297">
        <v>803068929</v>
      </c>
      <c r="GG10" s="303">
        <v>892669767</v>
      </c>
      <c r="GH10" s="302">
        <v>1809759</v>
      </c>
      <c r="GI10" s="296">
        <v>4565962</v>
      </c>
      <c r="GJ10" s="300">
        <v>6375721</v>
      </c>
      <c r="GK10" s="301">
        <v>0</v>
      </c>
      <c r="GL10" s="296">
        <v>4197524</v>
      </c>
      <c r="GM10" s="296">
        <v>8912751</v>
      </c>
      <c r="GN10" s="296">
        <v>4507428</v>
      </c>
      <c r="GO10" s="296">
        <v>4659296</v>
      </c>
      <c r="GP10" s="296">
        <v>1739745</v>
      </c>
      <c r="GQ10" s="297">
        <v>24016744</v>
      </c>
      <c r="GR10" s="299">
        <v>30392465</v>
      </c>
      <c r="GS10" s="295">
        <v>10499195</v>
      </c>
      <c r="GT10" s="296">
        <v>15149844</v>
      </c>
      <c r="GU10" s="297">
        <v>25649039</v>
      </c>
      <c r="GV10" s="295">
        <v>0</v>
      </c>
      <c r="GW10" s="296">
        <v>10869647</v>
      </c>
      <c r="GX10" s="296">
        <v>13122445</v>
      </c>
      <c r="GY10" s="296">
        <v>5911540</v>
      </c>
      <c r="GZ10" s="296">
        <v>6907719</v>
      </c>
      <c r="HA10" s="296">
        <v>2661500</v>
      </c>
      <c r="HB10" s="300">
        <v>39472851</v>
      </c>
      <c r="HC10" s="299">
        <v>65121890</v>
      </c>
      <c r="HD10" s="295">
        <v>40634427</v>
      </c>
      <c r="HE10" s="296">
        <v>67819764</v>
      </c>
      <c r="HF10" s="300">
        <v>108454191</v>
      </c>
      <c r="HG10" s="301">
        <v>0</v>
      </c>
      <c r="HH10" s="296">
        <v>474298412</v>
      </c>
      <c r="HI10" s="296">
        <v>582030379</v>
      </c>
      <c r="HJ10" s="296">
        <v>495147867</v>
      </c>
      <c r="HK10" s="296">
        <v>599847764</v>
      </c>
      <c r="HL10" s="296">
        <v>345364871</v>
      </c>
      <c r="HM10" s="297">
        <v>2496689293</v>
      </c>
      <c r="HN10" s="298">
        <v>2605143484</v>
      </c>
      <c r="HO10" s="302">
        <v>27999619</v>
      </c>
      <c r="HP10" s="296">
        <v>70308258</v>
      </c>
      <c r="HQ10" s="297">
        <v>98307877</v>
      </c>
      <c r="HR10" s="295">
        <v>0</v>
      </c>
      <c r="HS10" s="296">
        <v>307596031</v>
      </c>
      <c r="HT10" s="296">
        <v>464393338</v>
      </c>
      <c r="HU10" s="296">
        <v>260772712</v>
      </c>
      <c r="HV10" s="296">
        <v>176577113</v>
      </c>
      <c r="HW10" s="296">
        <v>108496523</v>
      </c>
      <c r="HX10" s="300">
        <v>1317835717</v>
      </c>
      <c r="HY10" s="299">
        <v>1416143594</v>
      </c>
      <c r="HZ10" s="304">
        <v>3183662</v>
      </c>
      <c r="IA10" s="305">
        <v>14503062</v>
      </c>
      <c r="IB10" s="306">
        <v>17686724</v>
      </c>
      <c r="IC10" s="307">
        <v>0</v>
      </c>
      <c r="ID10" s="308">
        <v>676777074</v>
      </c>
      <c r="IE10" s="309">
        <v>1043642133</v>
      </c>
      <c r="IF10" s="310">
        <v>1018772902</v>
      </c>
      <c r="IG10" s="308">
        <v>746656584</v>
      </c>
      <c r="IH10" s="310">
        <v>563748792</v>
      </c>
      <c r="II10" s="311">
        <v>4049597485</v>
      </c>
      <c r="IJ10" s="312">
        <v>4067284209</v>
      </c>
      <c r="IK10" s="313">
        <v>0</v>
      </c>
      <c r="IL10" s="314">
        <v>0</v>
      </c>
      <c r="IM10" s="315">
        <v>0</v>
      </c>
      <c r="IN10" s="403">
        <v>0</v>
      </c>
      <c r="IO10" s="316">
        <v>11368372</v>
      </c>
      <c r="IP10" s="316">
        <v>26784129</v>
      </c>
      <c r="IQ10" s="316">
        <v>39601420</v>
      </c>
      <c r="IR10" s="316">
        <v>53489319</v>
      </c>
      <c r="IS10" s="316">
        <v>55748417</v>
      </c>
      <c r="IT10" s="317">
        <v>186991657</v>
      </c>
      <c r="IU10" s="318">
        <v>186991657</v>
      </c>
      <c r="IV10" s="319">
        <v>0</v>
      </c>
      <c r="IW10" s="316">
        <v>0</v>
      </c>
      <c r="IX10" s="320">
        <v>0</v>
      </c>
      <c r="IY10" s="413">
        <v>0</v>
      </c>
      <c r="IZ10" s="316">
        <v>1987626</v>
      </c>
      <c r="JA10" s="316">
        <v>7865696</v>
      </c>
      <c r="JB10" s="316">
        <v>7938795</v>
      </c>
      <c r="JC10" s="316">
        <v>9328921</v>
      </c>
      <c r="JD10" s="316">
        <v>14627460</v>
      </c>
      <c r="JE10" s="320">
        <v>41748498</v>
      </c>
      <c r="JF10" s="321">
        <v>41748498</v>
      </c>
      <c r="JG10" s="319">
        <v>0</v>
      </c>
      <c r="JH10" s="316">
        <v>0</v>
      </c>
      <c r="JI10" s="317">
        <v>0</v>
      </c>
      <c r="JJ10" s="322">
        <v>0</v>
      </c>
      <c r="JK10" s="316">
        <v>221138216</v>
      </c>
      <c r="JL10" s="316">
        <v>358019027</v>
      </c>
      <c r="JM10" s="316">
        <v>265152330</v>
      </c>
      <c r="JN10" s="316">
        <v>149226840</v>
      </c>
      <c r="JO10" s="316">
        <v>86183239</v>
      </c>
      <c r="JP10" s="320">
        <v>1079719652</v>
      </c>
      <c r="JQ10" s="318">
        <v>1079719652</v>
      </c>
      <c r="JR10" s="319">
        <v>135754</v>
      </c>
      <c r="JS10" s="316">
        <v>56801</v>
      </c>
      <c r="JT10" s="317">
        <v>192555</v>
      </c>
      <c r="JU10" s="322">
        <v>0</v>
      </c>
      <c r="JV10" s="316">
        <v>34836101</v>
      </c>
      <c r="JW10" s="316">
        <v>57262298</v>
      </c>
      <c r="JX10" s="316">
        <v>73898061</v>
      </c>
      <c r="JY10" s="316">
        <v>44609268</v>
      </c>
      <c r="JZ10" s="316">
        <v>39080112</v>
      </c>
      <c r="KA10" s="320">
        <v>249685840</v>
      </c>
      <c r="KB10" s="318">
        <v>249878395</v>
      </c>
      <c r="KC10" s="323">
        <v>3047908</v>
      </c>
      <c r="KD10" s="324">
        <v>10676642</v>
      </c>
      <c r="KE10" s="320">
        <v>13724550</v>
      </c>
      <c r="KF10" s="322">
        <v>0</v>
      </c>
      <c r="KG10" s="316">
        <v>83039589</v>
      </c>
      <c r="KH10" s="316">
        <v>150448320</v>
      </c>
      <c r="KI10" s="316">
        <v>149123759</v>
      </c>
      <c r="KJ10" s="316">
        <v>126098703</v>
      </c>
      <c r="KK10" s="316">
        <v>84155466</v>
      </c>
      <c r="KL10" s="320">
        <v>592865837</v>
      </c>
      <c r="KM10" s="325">
        <v>606590387</v>
      </c>
      <c r="KN10" s="313">
        <v>0</v>
      </c>
      <c r="KO10" s="314">
        <v>3769619</v>
      </c>
      <c r="KP10" s="315">
        <v>3769619</v>
      </c>
      <c r="KQ10" s="413">
        <v>0</v>
      </c>
      <c r="KR10" s="316">
        <v>319590583</v>
      </c>
      <c r="KS10" s="316">
        <v>424944797</v>
      </c>
      <c r="KT10" s="316">
        <v>457986385</v>
      </c>
      <c r="KU10" s="316">
        <v>307444999</v>
      </c>
      <c r="KV10" s="316">
        <v>208639743</v>
      </c>
      <c r="KW10" s="320">
        <v>1718606507</v>
      </c>
      <c r="KX10" s="318">
        <v>1722376126</v>
      </c>
      <c r="KY10" s="319">
        <v>0</v>
      </c>
      <c r="KZ10" s="316">
        <v>0</v>
      </c>
      <c r="LA10" s="320">
        <v>0</v>
      </c>
      <c r="LB10" s="413">
        <v>0</v>
      </c>
      <c r="LC10" s="316">
        <v>183224</v>
      </c>
      <c r="LD10" s="316">
        <v>618126</v>
      </c>
      <c r="LE10" s="316">
        <v>1149360</v>
      </c>
      <c r="LF10" s="316">
        <v>251686</v>
      </c>
      <c r="LG10" s="316">
        <v>550340</v>
      </c>
      <c r="LH10" s="320">
        <v>2752736</v>
      </c>
      <c r="LI10" s="321">
        <v>2752736</v>
      </c>
      <c r="LJ10" s="319">
        <v>0</v>
      </c>
      <c r="LK10" s="316">
        <v>0</v>
      </c>
      <c r="LL10" s="320">
        <v>0</v>
      </c>
      <c r="LM10" s="413">
        <v>0</v>
      </c>
      <c r="LN10" s="316">
        <v>789083</v>
      </c>
      <c r="LO10" s="316">
        <v>2859756</v>
      </c>
      <c r="LP10" s="316">
        <v>5923738</v>
      </c>
      <c r="LQ10" s="316">
        <v>12177824</v>
      </c>
      <c r="LR10" s="316">
        <v>13431876</v>
      </c>
      <c r="LS10" s="320">
        <v>35182277</v>
      </c>
      <c r="LT10" s="318">
        <v>35182277</v>
      </c>
      <c r="LU10" s="319">
        <v>0</v>
      </c>
      <c r="LV10" s="316">
        <v>0</v>
      </c>
      <c r="LW10" s="320">
        <v>0</v>
      </c>
      <c r="LX10" s="413">
        <v>0</v>
      </c>
      <c r="LY10" s="316">
        <v>3844280</v>
      </c>
      <c r="LZ10" s="316">
        <v>14839984</v>
      </c>
      <c r="MA10" s="316">
        <v>17999054</v>
      </c>
      <c r="MB10" s="316">
        <v>44029024</v>
      </c>
      <c r="MC10" s="316">
        <v>61332139</v>
      </c>
      <c r="MD10" s="320">
        <v>142044481</v>
      </c>
      <c r="ME10" s="321">
        <v>142044481</v>
      </c>
      <c r="MF10" s="319">
        <v>0</v>
      </c>
      <c r="MG10" s="316">
        <v>0</v>
      </c>
      <c r="MH10" s="320">
        <v>0</v>
      </c>
      <c r="MI10" s="413">
        <v>0</v>
      </c>
      <c r="MJ10" s="316">
        <v>226283234</v>
      </c>
      <c r="MK10" s="316">
        <v>762229434</v>
      </c>
      <c r="ML10" s="316">
        <v>2018988092</v>
      </c>
      <c r="MM10" s="316">
        <v>2860625299</v>
      </c>
      <c r="MN10" s="316">
        <v>1841128728</v>
      </c>
      <c r="MO10" s="320">
        <v>7709254787</v>
      </c>
      <c r="MP10" s="325">
        <v>7709254787</v>
      </c>
      <c r="MQ10" s="319">
        <v>0</v>
      </c>
      <c r="MR10" s="316">
        <v>0</v>
      </c>
      <c r="MS10" s="320">
        <v>0</v>
      </c>
      <c r="MT10" s="413">
        <v>0</v>
      </c>
      <c r="MU10" s="316">
        <v>69040714</v>
      </c>
      <c r="MV10" s="316">
        <v>311458002</v>
      </c>
      <c r="MW10" s="316">
        <v>1342191953</v>
      </c>
      <c r="MX10" s="316">
        <v>1924092826</v>
      </c>
      <c r="MY10" s="316">
        <v>1309800893</v>
      </c>
      <c r="MZ10" s="320">
        <v>4956584388</v>
      </c>
      <c r="NA10" s="325">
        <v>4956584388</v>
      </c>
      <c r="NB10" s="319">
        <v>0</v>
      </c>
      <c r="NC10" s="316">
        <v>0</v>
      </c>
      <c r="ND10" s="320">
        <v>0</v>
      </c>
      <c r="NE10" s="413">
        <v>0</v>
      </c>
      <c r="NF10" s="316">
        <v>156779580</v>
      </c>
      <c r="NG10" s="316">
        <v>449722300</v>
      </c>
      <c r="NH10" s="316">
        <v>673691581</v>
      </c>
      <c r="NI10" s="316">
        <v>890148759</v>
      </c>
      <c r="NJ10" s="316">
        <v>480490334</v>
      </c>
      <c r="NK10" s="320">
        <v>2650832554</v>
      </c>
      <c r="NL10" s="318">
        <v>2650832554</v>
      </c>
      <c r="NM10" s="319">
        <v>0</v>
      </c>
      <c r="NN10" s="316">
        <v>0</v>
      </c>
      <c r="NO10" s="320">
        <v>0</v>
      </c>
      <c r="NP10" s="413">
        <v>0</v>
      </c>
      <c r="NQ10" s="316">
        <v>0</v>
      </c>
      <c r="NR10" s="316">
        <v>0</v>
      </c>
      <c r="NS10" s="316">
        <v>0</v>
      </c>
      <c r="NT10" s="316">
        <v>0</v>
      </c>
      <c r="NU10" s="316">
        <v>0</v>
      </c>
      <c r="NV10" s="320">
        <v>0</v>
      </c>
      <c r="NW10" s="321">
        <v>0</v>
      </c>
      <c r="NX10" s="319">
        <v>0</v>
      </c>
      <c r="NY10" s="316">
        <v>0</v>
      </c>
      <c r="NZ10" s="320">
        <v>0</v>
      </c>
      <c r="OA10" s="413">
        <v>0</v>
      </c>
      <c r="OB10" s="316">
        <v>462940</v>
      </c>
      <c r="OC10" s="316">
        <v>1049132</v>
      </c>
      <c r="OD10" s="316">
        <v>3104558</v>
      </c>
      <c r="OE10" s="316">
        <v>46383714</v>
      </c>
      <c r="OF10" s="316">
        <v>50837501</v>
      </c>
      <c r="OG10" s="320">
        <v>101837845</v>
      </c>
      <c r="OH10" s="321">
        <v>101837845</v>
      </c>
      <c r="OI10" s="319">
        <v>165195583</v>
      </c>
      <c r="OJ10" s="316">
        <v>451019025</v>
      </c>
      <c r="OK10" s="317">
        <v>616214608</v>
      </c>
      <c r="OL10" s="322">
        <v>0</v>
      </c>
      <c r="OM10" s="316">
        <v>2819245672</v>
      </c>
      <c r="ON10" s="316">
        <v>5238393958</v>
      </c>
      <c r="OO10" s="316">
        <v>5577814542</v>
      </c>
      <c r="OP10" s="316">
        <v>5975716704</v>
      </c>
      <c r="OQ10" s="316">
        <v>4173959887</v>
      </c>
      <c r="OR10" s="320">
        <v>23785130763</v>
      </c>
      <c r="OS10" s="325">
        <v>24401345371</v>
      </c>
    </row>
    <row r="11" spans="1:409" s="70" customFormat="1" ht="21" customHeight="1" x14ac:dyDescent="0.2">
      <c r="B11" s="410" t="s">
        <v>6</v>
      </c>
      <c r="C11" s="326">
        <v>62619016</v>
      </c>
      <c r="D11" s="327">
        <v>104219262</v>
      </c>
      <c r="E11" s="328">
        <v>166838278</v>
      </c>
      <c r="F11" s="329">
        <v>0</v>
      </c>
      <c r="G11" s="327">
        <v>909411851</v>
      </c>
      <c r="H11" s="327">
        <v>1053209067</v>
      </c>
      <c r="I11" s="327">
        <v>857796725</v>
      </c>
      <c r="J11" s="327">
        <v>856696319</v>
      </c>
      <c r="K11" s="327">
        <v>681890490</v>
      </c>
      <c r="L11" s="329">
        <v>4359004452</v>
      </c>
      <c r="M11" s="330">
        <v>4525842730</v>
      </c>
      <c r="N11" s="326">
        <v>18183122</v>
      </c>
      <c r="O11" s="327">
        <v>34020341</v>
      </c>
      <c r="P11" s="328">
        <v>52203463</v>
      </c>
      <c r="Q11" s="326">
        <v>0</v>
      </c>
      <c r="R11" s="327">
        <v>293865239</v>
      </c>
      <c r="S11" s="327">
        <v>372443713</v>
      </c>
      <c r="T11" s="327">
        <v>324838141</v>
      </c>
      <c r="U11" s="327">
        <v>368635348</v>
      </c>
      <c r="V11" s="327">
        <v>365815953</v>
      </c>
      <c r="W11" s="328">
        <v>1725598394</v>
      </c>
      <c r="X11" s="330">
        <v>1777801857</v>
      </c>
      <c r="Y11" s="326">
        <v>0</v>
      </c>
      <c r="Z11" s="327">
        <v>0</v>
      </c>
      <c r="AA11" s="328">
        <v>0</v>
      </c>
      <c r="AB11" s="326">
        <v>0</v>
      </c>
      <c r="AC11" s="327">
        <v>128404088</v>
      </c>
      <c r="AD11" s="327">
        <v>181084607</v>
      </c>
      <c r="AE11" s="327">
        <v>191010651</v>
      </c>
      <c r="AF11" s="327">
        <v>227788315</v>
      </c>
      <c r="AG11" s="327">
        <v>226714689</v>
      </c>
      <c r="AH11" s="328">
        <v>955002350</v>
      </c>
      <c r="AI11" s="330">
        <v>955002350</v>
      </c>
      <c r="AJ11" s="326">
        <v>56233</v>
      </c>
      <c r="AK11" s="327">
        <v>37489</v>
      </c>
      <c r="AL11" s="328">
        <v>93722</v>
      </c>
      <c r="AM11" s="326">
        <v>0</v>
      </c>
      <c r="AN11" s="327">
        <v>736524</v>
      </c>
      <c r="AO11" s="327">
        <v>2160375</v>
      </c>
      <c r="AP11" s="327">
        <v>6668815</v>
      </c>
      <c r="AQ11" s="327">
        <v>17207280</v>
      </c>
      <c r="AR11" s="327">
        <v>32128594</v>
      </c>
      <c r="AS11" s="328">
        <v>58901588</v>
      </c>
      <c r="AT11" s="330">
        <v>58995310</v>
      </c>
      <c r="AU11" s="326">
        <v>9858740</v>
      </c>
      <c r="AV11" s="327">
        <v>24141358</v>
      </c>
      <c r="AW11" s="328">
        <v>34000098</v>
      </c>
      <c r="AX11" s="326">
        <v>0</v>
      </c>
      <c r="AY11" s="327">
        <v>101533367</v>
      </c>
      <c r="AZ11" s="327">
        <v>117450452</v>
      </c>
      <c r="BA11" s="327">
        <v>69122237</v>
      </c>
      <c r="BB11" s="327">
        <v>66785056</v>
      </c>
      <c r="BC11" s="327">
        <v>61716730</v>
      </c>
      <c r="BD11" s="328">
        <v>416607842</v>
      </c>
      <c r="BE11" s="330">
        <v>450607940</v>
      </c>
      <c r="BF11" s="326">
        <v>770945</v>
      </c>
      <c r="BG11" s="327">
        <v>2201347</v>
      </c>
      <c r="BH11" s="331">
        <v>2972292</v>
      </c>
      <c r="BI11" s="332">
        <v>0</v>
      </c>
      <c r="BJ11" s="327">
        <v>7180936</v>
      </c>
      <c r="BK11" s="327">
        <v>8380209</v>
      </c>
      <c r="BL11" s="327">
        <v>4650189</v>
      </c>
      <c r="BM11" s="327">
        <v>4726222</v>
      </c>
      <c r="BN11" s="327">
        <v>2937631</v>
      </c>
      <c r="BO11" s="328">
        <v>27875187</v>
      </c>
      <c r="BP11" s="330">
        <v>30847479</v>
      </c>
      <c r="BQ11" s="326">
        <v>7497204</v>
      </c>
      <c r="BR11" s="327">
        <v>7640147</v>
      </c>
      <c r="BS11" s="328">
        <v>15137351</v>
      </c>
      <c r="BT11" s="326">
        <v>0</v>
      </c>
      <c r="BU11" s="327">
        <v>56010324</v>
      </c>
      <c r="BV11" s="327">
        <v>63368070</v>
      </c>
      <c r="BW11" s="327">
        <v>53386249</v>
      </c>
      <c r="BX11" s="327">
        <v>52128475</v>
      </c>
      <c r="BY11" s="327">
        <v>42318309</v>
      </c>
      <c r="BZ11" s="328">
        <v>267211427</v>
      </c>
      <c r="CA11" s="330">
        <v>282348778</v>
      </c>
      <c r="CB11" s="326">
        <v>3171213</v>
      </c>
      <c r="CC11" s="327">
        <v>9660065</v>
      </c>
      <c r="CD11" s="328">
        <v>12831278</v>
      </c>
      <c r="CE11" s="326">
        <v>0</v>
      </c>
      <c r="CF11" s="327">
        <v>223729531</v>
      </c>
      <c r="CG11" s="327">
        <v>254587660</v>
      </c>
      <c r="CH11" s="327">
        <v>173002499</v>
      </c>
      <c r="CI11" s="327">
        <v>119777750</v>
      </c>
      <c r="CJ11" s="327">
        <v>57659259</v>
      </c>
      <c r="CK11" s="328">
        <v>828756699</v>
      </c>
      <c r="CL11" s="330">
        <v>841587977</v>
      </c>
      <c r="CM11" s="326">
        <v>0</v>
      </c>
      <c r="CN11" s="327">
        <v>0</v>
      </c>
      <c r="CO11" s="328">
        <v>0</v>
      </c>
      <c r="CP11" s="332">
        <v>0</v>
      </c>
      <c r="CQ11" s="327">
        <v>191459898</v>
      </c>
      <c r="CR11" s="327">
        <v>206435634</v>
      </c>
      <c r="CS11" s="327">
        <v>138978709</v>
      </c>
      <c r="CT11" s="327">
        <v>94388087</v>
      </c>
      <c r="CU11" s="327">
        <v>46303665</v>
      </c>
      <c r="CV11" s="328">
        <v>677565993</v>
      </c>
      <c r="CW11" s="330">
        <v>677565993</v>
      </c>
      <c r="CX11" s="326">
        <v>3171213</v>
      </c>
      <c r="CY11" s="327">
        <v>9660065</v>
      </c>
      <c r="CZ11" s="328">
        <v>12831278</v>
      </c>
      <c r="DA11" s="326">
        <v>0</v>
      </c>
      <c r="DB11" s="327">
        <v>32269633</v>
      </c>
      <c r="DC11" s="327">
        <v>48152026</v>
      </c>
      <c r="DD11" s="327">
        <v>34023790</v>
      </c>
      <c r="DE11" s="327">
        <v>25389663</v>
      </c>
      <c r="DF11" s="327">
        <v>11355594</v>
      </c>
      <c r="DG11" s="328">
        <v>151190706</v>
      </c>
      <c r="DH11" s="330">
        <v>164021984</v>
      </c>
      <c r="DI11" s="326">
        <v>203218</v>
      </c>
      <c r="DJ11" s="327">
        <v>986741</v>
      </c>
      <c r="DK11" s="331">
        <v>1189959</v>
      </c>
      <c r="DL11" s="332">
        <v>0</v>
      </c>
      <c r="DM11" s="327">
        <v>16584223</v>
      </c>
      <c r="DN11" s="327">
        <v>34411914</v>
      </c>
      <c r="DO11" s="327">
        <v>54544294</v>
      </c>
      <c r="DP11" s="327">
        <v>50625159</v>
      </c>
      <c r="DQ11" s="327">
        <v>30642173</v>
      </c>
      <c r="DR11" s="328">
        <v>186807763</v>
      </c>
      <c r="DS11" s="330">
        <v>187997722</v>
      </c>
      <c r="DT11" s="326">
        <v>150724</v>
      </c>
      <c r="DU11" s="327">
        <v>743412</v>
      </c>
      <c r="DV11" s="328">
        <v>894136</v>
      </c>
      <c r="DW11" s="326">
        <v>0</v>
      </c>
      <c r="DX11" s="327">
        <v>14843803</v>
      </c>
      <c r="DY11" s="327">
        <v>29538698</v>
      </c>
      <c r="DZ11" s="327">
        <v>48666523</v>
      </c>
      <c r="EA11" s="327">
        <v>43401979</v>
      </c>
      <c r="EB11" s="327">
        <v>24605595</v>
      </c>
      <c r="EC11" s="328">
        <v>161056598</v>
      </c>
      <c r="ED11" s="330">
        <v>161950734</v>
      </c>
      <c r="EE11" s="326">
        <v>52494</v>
      </c>
      <c r="EF11" s="331">
        <v>243329</v>
      </c>
      <c r="EG11" s="328">
        <v>295823</v>
      </c>
      <c r="EH11" s="326">
        <v>0</v>
      </c>
      <c r="EI11" s="327">
        <v>1740420</v>
      </c>
      <c r="EJ11" s="327">
        <v>4873216</v>
      </c>
      <c r="EK11" s="327">
        <v>5877771</v>
      </c>
      <c r="EL11" s="327">
        <v>7223180</v>
      </c>
      <c r="EM11" s="327">
        <v>6036578</v>
      </c>
      <c r="EN11" s="331">
        <v>25751165</v>
      </c>
      <c r="EO11" s="330">
        <v>26046988</v>
      </c>
      <c r="EP11" s="326">
        <v>0</v>
      </c>
      <c r="EQ11" s="327">
        <v>0</v>
      </c>
      <c r="ER11" s="331">
        <v>0</v>
      </c>
      <c r="ES11" s="332">
        <v>0</v>
      </c>
      <c r="ET11" s="327">
        <v>0</v>
      </c>
      <c r="EU11" s="327">
        <v>0</v>
      </c>
      <c r="EV11" s="327">
        <v>0</v>
      </c>
      <c r="EW11" s="327">
        <v>0</v>
      </c>
      <c r="EX11" s="327">
        <v>0</v>
      </c>
      <c r="EY11" s="328">
        <v>0</v>
      </c>
      <c r="EZ11" s="330">
        <v>0</v>
      </c>
      <c r="FA11" s="326">
        <v>0</v>
      </c>
      <c r="FB11" s="327">
        <v>0</v>
      </c>
      <c r="FC11" s="331">
        <v>0</v>
      </c>
      <c r="FD11" s="332">
        <v>0</v>
      </c>
      <c r="FE11" s="327">
        <v>0</v>
      </c>
      <c r="FF11" s="327">
        <v>0</v>
      </c>
      <c r="FG11" s="327">
        <v>0</v>
      </c>
      <c r="FH11" s="327">
        <v>0</v>
      </c>
      <c r="FI11" s="327">
        <v>0</v>
      </c>
      <c r="FJ11" s="328">
        <v>0</v>
      </c>
      <c r="FK11" s="330">
        <v>0</v>
      </c>
      <c r="FL11" s="326">
        <v>13597027</v>
      </c>
      <c r="FM11" s="327">
        <v>24226402</v>
      </c>
      <c r="FN11" s="328">
        <v>37823429</v>
      </c>
      <c r="FO11" s="326">
        <v>0</v>
      </c>
      <c r="FP11" s="327">
        <v>50971532</v>
      </c>
      <c r="FQ11" s="327">
        <v>94252923</v>
      </c>
      <c r="FR11" s="327">
        <v>67411498</v>
      </c>
      <c r="FS11" s="327">
        <v>63184741</v>
      </c>
      <c r="FT11" s="327">
        <v>47026887</v>
      </c>
      <c r="FU11" s="328">
        <v>322847581</v>
      </c>
      <c r="FV11" s="330">
        <v>360671010</v>
      </c>
      <c r="FW11" s="333">
        <v>9383705</v>
      </c>
      <c r="FX11" s="327">
        <v>20134677</v>
      </c>
      <c r="FY11" s="331">
        <v>29518382</v>
      </c>
      <c r="FZ11" s="332">
        <v>0</v>
      </c>
      <c r="GA11" s="327">
        <v>42682913</v>
      </c>
      <c r="GB11" s="327">
        <v>88613461</v>
      </c>
      <c r="GC11" s="327">
        <v>63740068</v>
      </c>
      <c r="GD11" s="327">
        <v>59870836</v>
      </c>
      <c r="GE11" s="327">
        <v>45617243</v>
      </c>
      <c r="GF11" s="328">
        <v>300524521</v>
      </c>
      <c r="GG11" s="334">
        <v>330042903</v>
      </c>
      <c r="GH11" s="333">
        <v>959263</v>
      </c>
      <c r="GI11" s="327">
        <v>1044208</v>
      </c>
      <c r="GJ11" s="331">
        <v>2003471</v>
      </c>
      <c r="GK11" s="332">
        <v>0</v>
      </c>
      <c r="GL11" s="327">
        <v>2886484</v>
      </c>
      <c r="GM11" s="327">
        <v>2972886</v>
      </c>
      <c r="GN11" s="327">
        <v>2378381</v>
      </c>
      <c r="GO11" s="327">
        <v>1783795</v>
      </c>
      <c r="GP11" s="327">
        <v>1090414</v>
      </c>
      <c r="GQ11" s="328">
        <v>11111960</v>
      </c>
      <c r="GR11" s="330">
        <v>13115431</v>
      </c>
      <c r="GS11" s="326">
        <v>3254059</v>
      </c>
      <c r="GT11" s="327">
        <v>3047517</v>
      </c>
      <c r="GU11" s="328">
        <v>6301576</v>
      </c>
      <c r="GV11" s="326">
        <v>0</v>
      </c>
      <c r="GW11" s="327">
        <v>5402135</v>
      </c>
      <c r="GX11" s="327">
        <v>2666576</v>
      </c>
      <c r="GY11" s="327">
        <v>1293049</v>
      </c>
      <c r="GZ11" s="327">
        <v>1530110</v>
      </c>
      <c r="HA11" s="327">
        <v>319230</v>
      </c>
      <c r="HB11" s="331">
        <v>11211100</v>
      </c>
      <c r="HC11" s="330">
        <v>17512676</v>
      </c>
      <c r="HD11" s="326">
        <v>15812872</v>
      </c>
      <c r="HE11" s="327">
        <v>16754921</v>
      </c>
      <c r="HF11" s="331">
        <v>32567793</v>
      </c>
      <c r="HG11" s="332">
        <v>0</v>
      </c>
      <c r="HH11" s="327">
        <v>177215623</v>
      </c>
      <c r="HI11" s="327">
        <v>171738689</v>
      </c>
      <c r="HJ11" s="327">
        <v>156814226</v>
      </c>
      <c r="HK11" s="327">
        <v>195336361</v>
      </c>
      <c r="HL11" s="327">
        <v>142953576</v>
      </c>
      <c r="HM11" s="328">
        <v>844058475</v>
      </c>
      <c r="HN11" s="329">
        <v>876626268</v>
      </c>
      <c r="HO11" s="333">
        <v>11651564</v>
      </c>
      <c r="HP11" s="327">
        <v>18570792</v>
      </c>
      <c r="HQ11" s="328">
        <v>30222356</v>
      </c>
      <c r="HR11" s="326">
        <v>0</v>
      </c>
      <c r="HS11" s="327">
        <v>147045703</v>
      </c>
      <c r="HT11" s="327">
        <v>125774168</v>
      </c>
      <c r="HU11" s="327">
        <v>81186067</v>
      </c>
      <c r="HV11" s="327">
        <v>59136960</v>
      </c>
      <c r="HW11" s="327">
        <v>37792642</v>
      </c>
      <c r="HX11" s="331">
        <v>450935540</v>
      </c>
      <c r="HY11" s="330">
        <v>481157896</v>
      </c>
      <c r="HZ11" s="335">
        <v>1067361</v>
      </c>
      <c r="IA11" s="336">
        <v>4910870</v>
      </c>
      <c r="IB11" s="337">
        <v>5978231</v>
      </c>
      <c r="IC11" s="338">
        <v>0</v>
      </c>
      <c r="ID11" s="336">
        <v>289339794</v>
      </c>
      <c r="IE11" s="339">
        <v>359724307</v>
      </c>
      <c r="IF11" s="337">
        <v>374988639</v>
      </c>
      <c r="IG11" s="336">
        <v>283864556</v>
      </c>
      <c r="IH11" s="337">
        <v>234511992</v>
      </c>
      <c r="II11" s="340">
        <v>1542429288</v>
      </c>
      <c r="IJ11" s="341">
        <v>1548407519</v>
      </c>
      <c r="IK11" s="342">
        <v>0</v>
      </c>
      <c r="IL11" s="343">
        <v>0</v>
      </c>
      <c r="IM11" s="344">
        <v>0</v>
      </c>
      <c r="IN11" s="404">
        <v>0</v>
      </c>
      <c r="IO11" s="345">
        <v>5379326</v>
      </c>
      <c r="IP11" s="345">
        <v>12050049</v>
      </c>
      <c r="IQ11" s="345">
        <v>16704999</v>
      </c>
      <c r="IR11" s="345">
        <v>25361238</v>
      </c>
      <c r="IS11" s="345">
        <v>32399961</v>
      </c>
      <c r="IT11" s="346">
        <v>91895573</v>
      </c>
      <c r="IU11" s="347">
        <v>91895573</v>
      </c>
      <c r="IV11" s="348">
        <v>0</v>
      </c>
      <c r="IW11" s="345">
        <v>0</v>
      </c>
      <c r="IX11" s="349">
        <v>0</v>
      </c>
      <c r="IY11" s="413">
        <v>0</v>
      </c>
      <c r="IZ11" s="345">
        <v>1605144</v>
      </c>
      <c r="JA11" s="345">
        <v>2322809</v>
      </c>
      <c r="JB11" s="345">
        <v>2512220</v>
      </c>
      <c r="JC11" s="345">
        <v>2380007</v>
      </c>
      <c r="JD11" s="345">
        <v>3008195</v>
      </c>
      <c r="JE11" s="349">
        <v>11828375</v>
      </c>
      <c r="JF11" s="350">
        <v>11828375</v>
      </c>
      <c r="JG11" s="348">
        <v>0</v>
      </c>
      <c r="JH11" s="345">
        <v>0</v>
      </c>
      <c r="JI11" s="346">
        <v>0</v>
      </c>
      <c r="JJ11" s="351">
        <v>0</v>
      </c>
      <c r="JK11" s="345">
        <v>85533923</v>
      </c>
      <c r="JL11" s="345">
        <v>85582618</v>
      </c>
      <c r="JM11" s="345">
        <v>61228564</v>
      </c>
      <c r="JN11" s="345">
        <v>41172923</v>
      </c>
      <c r="JO11" s="345">
        <v>25104093</v>
      </c>
      <c r="JP11" s="349">
        <v>298622121</v>
      </c>
      <c r="JQ11" s="347">
        <v>298622121</v>
      </c>
      <c r="JR11" s="348">
        <v>31089</v>
      </c>
      <c r="JS11" s="345">
        <v>92062</v>
      </c>
      <c r="JT11" s="346">
        <v>123151</v>
      </c>
      <c r="JU11" s="351">
        <v>0</v>
      </c>
      <c r="JV11" s="345">
        <v>14058529</v>
      </c>
      <c r="JW11" s="345">
        <v>24660388</v>
      </c>
      <c r="JX11" s="345">
        <v>29911082</v>
      </c>
      <c r="JY11" s="345">
        <v>17532892</v>
      </c>
      <c r="JZ11" s="345">
        <v>14825671</v>
      </c>
      <c r="KA11" s="349">
        <v>100988562</v>
      </c>
      <c r="KB11" s="347">
        <v>101111713</v>
      </c>
      <c r="KC11" s="352">
        <v>1036272</v>
      </c>
      <c r="KD11" s="353">
        <v>3496082</v>
      </c>
      <c r="KE11" s="349">
        <v>4532354</v>
      </c>
      <c r="KF11" s="351">
        <v>0</v>
      </c>
      <c r="KG11" s="345">
        <v>34845732</v>
      </c>
      <c r="KH11" s="345">
        <v>43627374</v>
      </c>
      <c r="KI11" s="345">
        <v>50381858</v>
      </c>
      <c r="KJ11" s="345">
        <v>32481731</v>
      </c>
      <c r="KK11" s="345">
        <v>17115119</v>
      </c>
      <c r="KL11" s="349">
        <v>178451814</v>
      </c>
      <c r="KM11" s="354">
        <v>182984168</v>
      </c>
      <c r="KN11" s="342">
        <v>0</v>
      </c>
      <c r="KO11" s="343">
        <v>1322726</v>
      </c>
      <c r="KP11" s="344">
        <v>1322726</v>
      </c>
      <c r="KQ11" s="413">
        <v>0</v>
      </c>
      <c r="KR11" s="345">
        <v>133448440</v>
      </c>
      <c r="KS11" s="345">
        <v>168671258</v>
      </c>
      <c r="KT11" s="345">
        <v>168155651</v>
      </c>
      <c r="KU11" s="345">
        <v>107343434</v>
      </c>
      <c r="KV11" s="345">
        <v>83771502</v>
      </c>
      <c r="KW11" s="349">
        <v>661390285</v>
      </c>
      <c r="KX11" s="347">
        <v>662713011</v>
      </c>
      <c r="KY11" s="348">
        <v>0</v>
      </c>
      <c r="KZ11" s="345">
        <v>0</v>
      </c>
      <c r="LA11" s="349">
        <v>0</v>
      </c>
      <c r="LB11" s="413">
        <v>0</v>
      </c>
      <c r="LC11" s="345">
        <v>0</v>
      </c>
      <c r="LD11" s="345">
        <v>0</v>
      </c>
      <c r="LE11" s="345">
        <v>0</v>
      </c>
      <c r="LF11" s="345">
        <v>0</v>
      </c>
      <c r="LG11" s="345">
        <v>0</v>
      </c>
      <c r="LH11" s="349">
        <v>0</v>
      </c>
      <c r="LI11" s="350">
        <v>0</v>
      </c>
      <c r="LJ11" s="348">
        <v>0</v>
      </c>
      <c r="LK11" s="345">
        <v>0</v>
      </c>
      <c r="LL11" s="349">
        <v>0</v>
      </c>
      <c r="LM11" s="413">
        <v>0</v>
      </c>
      <c r="LN11" s="345">
        <v>242010</v>
      </c>
      <c r="LO11" s="345">
        <v>2750620</v>
      </c>
      <c r="LP11" s="345">
        <v>18966227</v>
      </c>
      <c r="LQ11" s="345">
        <v>28236140</v>
      </c>
      <c r="LR11" s="345">
        <v>17858665</v>
      </c>
      <c r="LS11" s="349">
        <v>68053662</v>
      </c>
      <c r="LT11" s="347">
        <v>68053662</v>
      </c>
      <c r="LU11" s="348">
        <v>0</v>
      </c>
      <c r="LV11" s="345">
        <v>0</v>
      </c>
      <c r="LW11" s="349">
        <v>0</v>
      </c>
      <c r="LX11" s="413">
        <v>0</v>
      </c>
      <c r="LY11" s="345">
        <v>14226690</v>
      </c>
      <c r="LZ11" s="345">
        <v>20059191</v>
      </c>
      <c r="MA11" s="345">
        <v>27128038</v>
      </c>
      <c r="MB11" s="345">
        <v>29356191</v>
      </c>
      <c r="MC11" s="345">
        <v>40428786</v>
      </c>
      <c r="MD11" s="349">
        <v>131198896</v>
      </c>
      <c r="ME11" s="350">
        <v>131198896</v>
      </c>
      <c r="MF11" s="348">
        <v>0</v>
      </c>
      <c r="MG11" s="345">
        <v>0</v>
      </c>
      <c r="MH11" s="349">
        <v>0</v>
      </c>
      <c r="MI11" s="413">
        <v>0</v>
      </c>
      <c r="MJ11" s="345">
        <v>95412249</v>
      </c>
      <c r="MK11" s="345">
        <v>143838728</v>
      </c>
      <c r="ML11" s="345">
        <v>532303454</v>
      </c>
      <c r="MM11" s="345">
        <v>743446884</v>
      </c>
      <c r="MN11" s="345">
        <v>544921446</v>
      </c>
      <c r="MO11" s="349">
        <v>2059922761</v>
      </c>
      <c r="MP11" s="354">
        <v>2059922761</v>
      </c>
      <c r="MQ11" s="348">
        <v>0</v>
      </c>
      <c r="MR11" s="345">
        <v>0</v>
      </c>
      <c r="MS11" s="349">
        <v>0</v>
      </c>
      <c r="MT11" s="413">
        <v>0</v>
      </c>
      <c r="MU11" s="345">
        <v>25071138</v>
      </c>
      <c r="MV11" s="345">
        <v>55678343</v>
      </c>
      <c r="MW11" s="345">
        <v>357226111</v>
      </c>
      <c r="MX11" s="345">
        <v>521602596</v>
      </c>
      <c r="MY11" s="345">
        <v>396405458</v>
      </c>
      <c r="MZ11" s="349">
        <v>1355983646</v>
      </c>
      <c r="NA11" s="354">
        <v>1355983646</v>
      </c>
      <c r="NB11" s="348">
        <v>0</v>
      </c>
      <c r="NC11" s="345">
        <v>0</v>
      </c>
      <c r="ND11" s="349">
        <v>0</v>
      </c>
      <c r="NE11" s="413">
        <v>0</v>
      </c>
      <c r="NF11" s="345">
        <v>70341111</v>
      </c>
      <c r="NG11" s="345">
        <v>88160385</v>
      </c>
      <c r="NH11" s="345">
        <v>173908079</v>
      </c>
      <c r="NI11" s="345">
        <v>207710593</v>
      </c>
      <c r="NJ11" s="345">
        <v>126466960</v>
      </c>
      <c r="NK11" s="349">
        <v>666587128</v>
      </c>
      <c r="NL11" s="347">
        <v>666587128</v>
      </c>
      <c r="NM11" s="348">
        <v>0</v>
      </c>
      <c r="NN11" s="345">
        <v>0</v>
      </c>
      <c r="NO11" s="349">
        <v>0</v>
      </c>
      <c r="NP11" s="413">
        <v>0</v>
      </c>
      <c r="NQ11" s="345">
        <v>0</v>
      </c>
      <c r="NR11" s="345">
        <v>0</v>
      </c>
      <c r="NS11" s="345">
        <v>0</v>
      </c>
      <c r="NT11" s="345">
        <v>0</v>
      </c>
      <c r="NU11" s="345">
        <v>0</v>
      </c>
      <c r="NV11" s="349">
        <v>0</v>
      </c>
      <c r="NW11" s="350">
        <v>0</v>
      </c>
      <c r="NX11" s="348">
        <v>0</v>
      </c>
      <c r="NY11" s="345">
        <v>0</v>
      </c>
      <c r="NZ11" s="349">
        <v>0</v>
      </c>
      <c r="OA11" s="413">
        <v>0</v>
      </c>
      <c r="OB11" s="345">
        <v>0</v>
      </c>
      <c r="OC11" s="345">
        <v>0</v>
      </c>
      <c r="OD11" s="345">
        <v>1169264</v>
      </c>
      <c r="OE11" s="345">
        <v>14133695</v>
      </c>
      <c r="OF11" s="345">
        <v>22049028</v>
      </c>
      <c r="OG11" s="349">
        <v>37351987</v>
      </c>
      <c r="OH11" s="350">
        <v>37351987</v>
      </c>
      <c r="OI11" s="348">
        <v>63686377</v>
      </c>
      <c r="OJ11" s="345">
        <v>109130132</v>
      </c>
      <c r="OK11" s="346">
        <v>172816509</v>
      </c>
      <c r="OL11" s="351">
        <v>0</v>
      </c>
      <c r="OM11" s="345">
        <v>1294163894</v>
      </c>
      <c r="ON11" s="345">
        <v>1556772102</v>
      </c>
      <c r="OO11" s="345">
        <v>1765088818</v>
      </c>
      <c r="OP11" s="345">
        <v>1884007759</v>
      </c>
      <c r="OQ11" s="345">
        <v>1461323928</v>
      </c>
      <c r="OR11" s="349">
        <v>7961356501</v>
      </c>
      <c r="OS11" s="354">
        <v>8134173010</v>
      </c>
    </row>
    <row r="12" spans="1:409" s="70" customFormat="1" ht="21" customHeight="1" x14ac:dyDescent="0.2">
      <c r="B12" s="410" t="s">
        <v>14</v>
      </c>
      <c r="C12" s="326">
        <v>30317836</v>
      </c>
      <c r="D12" s="327">
        <v>75589277</v>
      </c>
      <c r="E12" s="328">
        <v>105907113</v>
      </c>
      <c r="F12" s="329">
        <v>0</v>
      </c>
      <c r="G12" s="327">
        <v>338216079</v>
      </c>
      <c r="H12" s="327">
        <v>581647482</v>
      </c>
      <c r="I12" s="327">
        <v>525668103</v>
      </c>
      <c r="J12" s="327">
        <v>469815611</v>
      </c>
      <c r="K12" s="327">
        <v>312267321</v>
      </c>
      <c r="L12" s="331">
        <v>2227614596</v>
      </c>
      <c r="M12" s="330">
        <v>2333521709</v>
      </c>
      <c r="N12" s="326">
        <v>6193228</v>
      </c>
      <c r="O12" s="327">
        <v>19337852</v>
      </c>
      <c r="P12" s="328">
        <v>25531080</v>
      </c>
      <c r="Q12" s="326">
        <v>0</v>
      </c>
      <c r="R12" s="327">
        <v>94919983</v>
      </c>
      <c r="S12" s="327">
        <v>185502474</v>
      </c>
      <c r="T12" s="327">
        <v>184456779</v>
      </c>
      <c r="U12" s="327">
        <v>198074027</v>
      </c>
      <c r="V12" s="327">
        <v>161010591</v>
      </c>
      <c r="W12" s="328">
        <v>823963854</v>
      </c>
      <c r="X12" s="330">
        <v>849494934</v>
      </c>
      <c r="Y12" s="326">
        <v>0</v>
      </c>
      <c r="Z12" s="327">
        <v>0</v>
      </c>
      <c r="AA12" s="328">
        <v>0</v>
      </c>
      <c r="AB12" s="326">
        <v>0</v>
      </c>
      <c r="AC12" s="327">
        <v>45584371</v>
      </c>
      <c r="AD12" s="327">
        <v>95352519</v>
      </c>
      <c r="AE12" s="327">
        <v>107303763</v>
      </c>
      <c r="AF12" s="327">
        <v>124271936</v>
      </c>
      <c r="AG12" s="327">
        <v>100047744</v>
      </c>
      <c r="AH12" s="328">
        <v>472560333</v>
      </c>
      <c r="AI12" s="330">
        <v>472560333</v>
      </c>
      <c r="AJ12" s="326">
        <v>0</v>
      </c>
      <c r="AK12" s="327">
        <v>36545</v>
      </c>
      <c r="AL12" s="328">
        <v>36545</v>
      </c>
      <c r="AM12" s="326">
        <v>0</v>
      </c>
      <c r="AN12" s="327">
        <v>233975</v>
      </c>
      <c r="AO12" s="327">
        <v>1300286</v>
      </c>
      <c r="AP12" s="327">
        <v>2710623</v>
      </c>
      <c r="AQ12" s="327">
        <v>10033026</v>
      </c>
      <c r="AR12" s="327">
        <v>13263447</v>
      </c>
      <c r="AS12" s="328">
        <v>27541357</v>
      </c>
      <c r="AT12" s="330">
        <v>27577902</v>
      </c>
      <c r="AU12" s="326">
        <v>2881214</v>
      </c>
      <c r="AV12" s="327">
        <v>13886407</v>
      </c>
      <c r="AW12" s="328">
        <v>16767621</v>
      </c>
      <c r="AX12" s="326">
        <v>0</v>
      </c>
      <c r="AY12" s="327">
        <v>27910380</v>
      </c>
      <c r="AZ12" s="327">
        <v>56092303</v>
      </c>
      <c r="BA12" s="327">
        <v>41333278</v>
      </c>
      <c r="BB12" s="327">
        <v>35520650</v>
      </c>
      <c r="BC12" s="327">
        <v>28994017</v>
      </c>
      <c r="BD12" s="328">
        <v>189850628</v>
      </c>
      <c r="BE12" s="330">
        <v>206618249</v>
      </c>
      <c r="BF12" s="326">
        <v>248355</v>
      </c>
      <c r="BG12" s="327">
        <v>931438</v>
      </c>
      <c r="BH12" s="331">
        <v>1179793</v>
      </c>
      <c r="BI12" s="332">
        <v>0</v>
      </c>
      <c r="BJ12" s="327">
        <v>497434</v>
      </c>
      <c r="BK12" s="327">
        <v>2600540</v>
      </c>
      <c r="BL12" s="327">
        <v>1817543</v>
      </c>
      <c r="BM12" s="327">
        <v>1519723</v>
      </c>
      <c r="BN12" s="327">
        <v>545329</v>
      </c>
      <c r="BO12" s="328">
        <v>6980569</v>
      </c>
      <c r="BP12" s="330">
        <v>8160362</v>
      </c>
      <c r="BQ12" s="326">
        <v>3063659</v>
      </c>
      <c r="BR12" s="327">
        <v>4483462</v>
      </c>
      <c r="BS12" s="328">
        <v>7547121</v>
      </c>
      <c r="BT12" s="326">
        <v>0</v>
      </c>
      <c r="BU12" s="327">
        <v>20693823</v>
      </c>
      <c r="BV12" s="327">
        <v>30156826</v>
      </c>
      <c r="BW12" s="327">
        <v>31291572</v>
      </c>
      <c r="BX12" s="327">
        <v>26728692</v>
      </c>
      <c r="BY12" s="327">
        <v>18160054</v>
      </c>
      <c r="BZ12" s="328">
        <v>127030967</v>
      </c>
      <c r="CA12" s="330">
        <v>134578088</v>
      </c>
      <c r="CB12" s="326">
        <v>2034373</v>
      </c>
      <c r="CC12" s="327">
        <v>6677448</v>
      </c>
      <c r="CD12" s="328">
        <v>8711821</v>
      </c>
      <c r="CE12" s="326">
        <v>0</v>
      </c>
      <c r="CF12" s="327">
        <v>93292842</v>
      </c>
      <c r="CG12" s="327">
        <v>158831508</v>
      </c>
      <c r="CH12" s="327">
        <v>125964519</v>
      </c>
      <c r="CI12" s="327">
        <v>82055485</v>
      </c>
      <c r="CJ12" s="327">
        <v>41554758</v>
      </c>
      <c r="CK12" s="328">
        <v>501699112</v>
      </c>
      <c r="CL12" s="330">
        <v>510410933</v>
      </c>
      <c r="CM12" s="326">
        <v>0</v>
      </c>
      <c r="CN12" s="327">
        <v>0</v>
      </c>
      <c r="CO12" s="328">
        <v>0</v>
      </c>
      <c r="CP12" s="332">
        <v>0</v>
      </c>
      <c r="CQ12" s="327">
        <v>87511195</v>
      </c>
      <c r="CR12" s="327">
        <v>135039353</v>
      </c>
      <c r="CS12" s="327">
        <v>107843161</v>
      </c>
      <c r="CT12" s="327">
        <v>69812471</v>
      </c>
      <c r="CU12" s="327">
        <v>35924529</v>
      </c>
      <c r="CV12" s="328">
        <v>436130709</v>
      </c>
      <c r="CW12" s="330">
        <v>436130709</v>
      </c>
      <c r="CX12" s="326">
        <v>2034373</v>
      </c>
      <c r="CY12" s="327">
        <v>6677448</v>
      </c>
      <c r="CZ12" s="328">
        <v>8711821</v>
      </c>
      <c r="DA12" s="326">
        <v>0</v>
      </c>
      <c r="DB12" s="327">
        <v>5781647</v>
      </c>
      <c r="DC12" s="327">
        <v>23792155</v>
      </c>
      <c r="DD12" s="327">
        <v>18121358</v>
      </c>
      <c r="DE12" s="327">
        <v>12243014</v>
      </c>
      <c r="DF12" s="327">
        <v>5630229</v>
      </c>
      <c r="DG12" s="328">
        <v>65568403</v>
      </c>
      <c r="DH12" s="330">
        <v>74280224</v>
      </c>
      <c r="DI12" s="326">
        <v>29970</v>
      </c>
      <c r="DJ12" s="327">
        <v>409198</v>
      </c>
      <c r="DK12" s="331">
        <v>439168</v>
      </c>
      <c r="DL12" s="332">
        <v>0</v>
      </c>
      <c r="DM12" s="327">
        <v>7931927</v>
      </c>
      <c r="DN12" s="327">
        <v>21148186</v>
      </c>
      <c r="DO12" s="327">
        <v>48145195</v>
      </c>
      <c r="DP12" s="327">
        <v>44676318</v>
      </c>
      <c r="DQ12" s="327">
        <v>20688959</v>
      </c>
      <c r="DR12" s="328">
        <v>142590585</v>
      </c>
      <c r="DS12" s="330">
        <v>143029753</v>
      </c>
      <c r="DT12" s="326">
        <v>29970</v>
      </c>
      <c r="DU12" s="327">
        <v>409198</v>
      </c>
      <c r="DV12" s="328">
        <v>439168</v>
      </c>
      <c r="DW12" s="326">
        <v>0</v>
      </c>
      <c r="DX12" s="327">
        <v>7833712</v>
      </c>
      <c r="DY12" s="327">
        <v>20335116</v>
      </c>
      <c r="DZ12" s="327">
        <v>47699363</v>
      </c>
      <c r="EA12" s="327">
        <v>44023376</v>
      </c>
      <c r="EB12" s="327">
        <v>20161194</v>
      </c>
      <c r="EC12" s="328">
        <v>140052761</v>
      </c>
      <c r="ED12" s="330">
        <v>140491929</v>
      </c>
      <c r="EE12" s="326">
        <v>0</v>
      </c>
      <c r="EF12" s="331">
        <v>0</v>
      </c>
      <c r="EG12" s="328">
        <v>0</v>
      </c>
      <c r="EH12" s="326">
        <v>0</v>
      </c>
      <c r="EI12" s="327">
        <v>98215</v>
      </c>
      <c r="EJ12" s="327">
        <v>813070</v>
      </c>
      <c r="EK12" s="327">
        <v>445832</v>
      </c>
      <c r="EL12" s="327">
        <v>652942</v>
      </c>
      <c r="EM12" s="327">
        <v>527765</v>
      </c>
      <c r="EN12" s="331">
        <v>2537824</v>
      </c>
      <c r="EO12" s="330">
        <v>2537824</v>
      </c>
      <c r="EP12" s="326">
        <v>0</v>
      </c>
      <c r="EQ12" s="327">
        <v>0</v>
      </c>
      <c r="ER12" s="331">
        <v>0</v>
      </c>
      <c r="ES12" s="332">
        <v>0</v>
      </c>
      <c r="ET12" s="327">
        <v>0</v>
      </c>
      <c r="EU12" s="327">
        <v>0</v>
      </c>
      <c r="EV12" s="327">
        <v>0</v>
      </c>
      <c r="EW12" s="327">
        <v>0</v>
      </c>
      <c r="EX12" s="327">
        <v>0</v>
      </c>
      <c r="EY12" s="328">
        <v>0</v>
      </c>
      <c r="EZ12" s="330">
        <v>0</v>
      </c>
      <c r="FA12" s="326">
        <v>0</v>
      </c>
      <c r="FB12" s="327">
        <v>0</v>
      </c>
      <c r="FC12" s="331">
        <v>0</v>
      </c>
      <c r="FD12" s="332">
        <v>0</v>
      </c>
      <c r="FE12" s="327">
        <v>0</v>
      </c>
      <c r="FF12" s="327">
        <v>0</v>
      </c>
      <c r="FG12" s="327">
        <v>0</v>
      </c>
      <c r="FH12" s="327">
        <v>0</v>
      </c>
      <c r="FI12" s="327">
        <v>0</v>
      </c>
      <c r="FJ12" s="328">
        <v>0</v>
      </c>
      <c r="FK12" s="330">
        <v>0</v>
      </c>
      <c r="FL12" s="326">
        <v>8480736</v>
      </c>
      <c r="FM12" s="327">
        <v>23703938</v>
      </c>
      <c r="FN12" s="328">
        <v>32184674</v>
      </c>
      <c r="FO12" s="326">
        <v>0</v>
      </c>
      <c r="FP12" s="327">
        <v>18527987</v>
      </c>
      <c r="FQ12" s="327">
        <v>63390067</v>
      </c>
      <c r="FR12" s="327">
        <v>44044216</v>
      </c>
      <c r="FS12" s="327">
        <v>38087866</v>
      </c>
      <c r="FT12" s="327">
        <v>25468113</v>
      </c>
      <c r="FU12" s="328">
        <v>189518249</v>
      </c>
      <c r="FV12" s="330">
        <v>221702923</v>
      </c>
      <c r="FW12" s="333">
        <v>5704249</v>
      </c>
      <c r="FX12" s="327">
        <v>19711019</v>
      </c>
      <c r="FY12" s="331">
        <v>25415268</v>
      </c>
      <c r="FZ12" s="332">
        <v>0</v>
      </c>
      <c r="GA12" s="327">
        <v>16223979</v>
      </c>
      <c r="GB12" s="327">
        <v>58598697</v>
      </c>
      <c r="GC12" s="327">
        <v>41950355</v>
      </c>
      <c r="GD12" s="327">
        <v>36054942</v>
      </c>
      <c r="GE12" s="327">
        <v>24291811</v>
      </c>
      <c r="GF12" s="328">
        <v>177119784</v>
      </c>
      <c r="GG12" s="334">
        <v>202535052</v>
      </c>
      <c r="GH12" s="333">
        <v>477203</v>
      </c>
      <c r="GI12" s="327">
        <v>1142763</v>
      </c>
      <c r="GJ12" s="331">
        <v>1619966</v>
      </c>
      <c r="GK12" s="332">
        <v>0</v>
      </c>
      <c r="GL12" s="327">
        <v>684893</v>
      </c>
      <c r="GM12" s="327">
        <v>1113463</v>
      </c>
      <c r="GN12" s="327">
        <v>807396</v>
      </c>
      <c r="GO12" s="327">
        <v>945735</v>
      </c>
      <c r="GP12" s="327">
        <v>285392</v>
      </c>
      <c r="GQ12" s="328">
        <v>3836879</v>
      </c>
      <c r="GR12" s="330">
        <v>5456845</v>
      </c>
      <c r="GS12" s="326">
        <v>2299284</v>
      </c>
      <c r="GT12" s="327">
        <v>2850156</v>
      </c>
      <c r="GU12" s="328">
        <v>5149440</v>
      </c>
      <c r="GV12" s="326">
        <v>0</v>
      </c>
      <c r="GW12" s="327">
        <v>1619115</v>
      </c>
      <c r="GX12" s="327">
        <v>3677907</v>
      </c>
      <c r="GY12" s="327">
        <v>1286465</v>
      </c>
      <c r="GZ12" s="327">
        <v>1087189</v>
      </c>
      <c r="HA12" s="327">
        <v>890910</v>
      </c>
      <c r="HB12" s="331">
        <v>8561586</v>
      </c>
      <c r="HC12" s="330">
        <v>13711026</v>
      </c>
      <c r="HD12" s="326">
        <v>7878114</v>
      </c>
      <c r="HE12" s="327">
        <v>11162130</v>
      </c>
      <c r="HF12" s="331">
        <v>19040244</v>
      </c>
      <c r="HG12" s="332">
        <v>0</v>
      </c>
      <c r="HH12" s="327">
        <v>60124783</v>
      </c>
      <c r="HI12" s="327">
        <v>68098228</v>
      </c>
      <c r="HJ12" s="327">
        <v>66433585</v>
      </c>
      <c r="HK12" s="327">
        <v>69271004</v>
      </c>
      <c r="HL12" s="327">
        <v>43119995</v>
      </c>
      <c r="HM12" s="328">
        <v>307047595</v>
      </c>
      <c r="HN12" s="329">
        <v>326087839</v>
      </c>
      <c r="HO12" s="333">
        <v>5701415</v>
      </c>
      <c r="HP12" s="327">
        <v>14298711</v>
      </c>
      <c r="HQ12" s="328">
        <v>20000126</v>
      </c>
      <c r="HR12" s="326">
        <v>0</v>
      </c>
      <c r="HS12" s="327">
        <v>63418557</v>
      </c>
      <c r="HT12" s="327">
        <v>84677019</v>
      </c>
      <c r="HU12" s="327">
        <v>56623809</v>
      </c>
      <c r="HV12" s="327">
        <v>37650911</v>
      </c>
      <c r="HW12" s="327">
        <v>20424905</v>
      </c>
      <c r="HX12" s="331">
        <v>262795201</v>
      </c>
      <c r="HY12" s="330">
        <v>282795327</v>
      </c>
      <c r="HZ12" s="335">
        <v>846009</v>
      </c>
      <c r="IA12" s="336">
        <v>2378312</v>
      </c>
      <c r="IB12" s="337">
        <v>3224321</v>
      </c>
      <c r="IC12" s="355">
        <v>0</v>
      </c>
      <c r="ID12" s="356">
        <v>131242323</v>
      </c>
      <c r="IE12" s="357">
        <v>194101928</v>
      </c>
      <c r="IF12" s="358">
        <v>231386422</v>
      </c>
      <c r="IG12" s="356">
        <v>146829992</v>
      </c>
      <c r="IH12" s="358">
        <v>95292195</v>
      </c>
      <c r="II12" s="359">
        <v>798852860</v>
      </c>
      <c r="IJ12" s="341">
        <v>802077181</v>
      </c>
      <c r="IK12" s="342">
        <v>0</v>
      </c>
      <c r="IL12" s="343">
        <v>0</v>
      </c>
      <c r="IM12" s="344">
        <v>0</v>
      </c>
      <c r="IN12" s="404">
        <v>0</v>
      </c>
      <c r="IO12" s="345">
        <v>2108959</v>
      </c>
      <c r="IP12" s="345">
        <v>6491143</v>
      </c>
      <c r="IQ12" s="345">
        <v>5078225</v>
      </c>
      <c r="IR12" s="345">
        <v>9330995</v>
      </c>
      <c r="IS12" s="345">
        <v>12016565</v>
      </c>
      <c r="IT12" s="346">
        <v>35025887</v>
      </c>
      <c r="IU12" s="347">
        <v>35025887</v>
      </c>
      <c r="IV12" s="348">
        <v>0</v>
      </c>
      <c r="IW12" s="345">
        <v>0</v>
      </c>
      <c r="IX12" s="349">
        <v>0</v>
      </c>
      <c r="IY12" s="413">
        <v>0</v>
      </c>
      <c r="IZ12" s="345">
        <v>0</v>
      </c>
      <c r="JA12" s="345">
        <v>0</v>
      </c>
      <c r="JB12" s="345">
        <v>0</v>
      </c>
      <c r="JC12" s="345">
        <v>0</v>
      </c>
      <c r="JD12" s="345">
        <v>0</v>
      </c>
      <c r="JE12" s="349">
        <v>0</v>
      </c>
      <c r="JF12" s="350">
        <v>0</v>
      </c>
      <c r="JG12" s="348">
        <v>0</v>
      </c>
      <c r="JH12" s="345">
        <v>0</v>
      </c>
      <c r="JI12" s="346">
        <v>0</v>
      </c>
      <c r="JJ12" s="351">
        <v>0</v>
      </c>
      <c r="JK12" s="345">
        <v>49645879</v>
      </c>
      <c r="JL12" s="345">
        <v>67280943</v>
      </c>
      <c r="JM12" s="345">
        <v>47990302</v>
      </c>
      <c r="JN12" s="345">
        <v>29875791</v>
      </c>
      <c r="JO12" s="345">
        <v>16919554</v>
      </c>
      <c r="JP12" s="349">
        <v>211712469</v>
      </c>
      <c r="JQ12" s="347">
        <v>211712469</v>
      </c>
      <c r="JR12" s="348">
        <v>16693</v>
      </c>
      <c r="JS12" s="345">
        <v>0</v>
      </c>
      <c r="JT12" s="346">
        <v>16693</v>
      </c>
      <c r="JU12" s="351">
        <v>0</v>
      </c>
      <c r="JV12" s="345">
        <v>1234834</v>
      </c>
      <c r="JW12" s="345">
        <v>1343243</v>
      </c>
      <c r="JX12" s="345">
        <v>4070605</v>
      </c>
      <c r="JY12" s="345">
        <v>1885281</v>
      </c>
      <c r="JZ12" s="345">
        <v>3090836</v>
      </c>
      <c r="KA12" s="349">
        <v>11624799</v>
      </c>
      <c r="KB12" s="347">
        <v>11641492</v>
      </c>
      <c r="KC12" s="352">
        <v>829316</v>
      </c>
      <c r="KD12" s="353">
        <v>1869741</v>
      </c>
      <c r="KE12" s="349">
        <v>2699057</v>
      </c>
      <c r="KF12" s="351">
        <v>0</v>
      </c>
      <c r="KG12" s="345">
        <v>15078959</v>
      </c>
      <c r="KH12" s="345">
        <v>25697627</v>
      </c>
      <c r="KI12" s="345">
        <v>34994855</v>
      </c>
      <c r="KJ12" s="345">
        <v>18178498</v>
      </c>
      <c r="KK12" s="345">
        <v>11270674</v>
      </c>
      <c r="KL12" s="349">
        <v>105220613</v>
      </c>
      <c r="KM12" s="354">
        <v>107919670</v>
      </c>
      <c r="KN12" s="342">
        <v>0</v>
      </c>
      <c r="KO12" s="343">
        <v>508571</v>
      </c>
      <c r="KP12" s="344">
        <v>508571</v>
      </c>
      <c r="KQ12" s="413">
        <v>0</v>
      </c>
      <c r="KR12" s="345">
        <v>60356742</v>
      </c>
      <c r="KS12" s="345">
        <v>85223875</v>
      </c>
      <c r="KT12" s="345">
        <v>122632239</v>
      </c>
      <c r="KU12" s="345">
        <v>62607104</v>
      </c>
      <c r="KV12" s="345">
        <v>33557540</v>
      </c>
      <c r="KW12" s="349">
        <v>364377500</v>
      </c>
      <c r="KX12" s="347">
        <v>364886071</v>
      </c>
      <c r="KY12" s="348">
        <v>0</v>
      </c>
      <c r="KZ12" s="345">
        <v>0</v>
      </c>
      <c r="LA12" s="349">
        <v>0</v>
      </c>
      <c r="LB12" s="413">
        <v>0</v>
      </c>
      <c r="LC12" s="345">
        <v>0</v>
      </c>
      <c r="LD12" s="345">
        <v>0</v>
      </c>
      <c r="LE12" s="345">
        <v>0</v>
      </c>
      <c r="LF12" s="345">
        <v>0</v>
      </c>
      <c r="LG12" s="345">
        <v>0</v>
      </c>
      <c r="LH12" s="349">
        <v>0</v>
      </c>
      <c r="LI12" s="350">
        <v>0</v>
      </c>
      <c r="LJ12" s="348">
        <v>0</v>
      </c>
      <c r="LK12" s="345">
        <v>0</v>
      </c>
      <c r="LL12" s="349">
        <v>0</v>
      </c>
      <c r="LM12" s="413">
        <v>0</v>
      </c>
      <c r="LN12" s="345">
        <v>0</v>
      </c>
      <c r="LO12" s="345">
        <v>0</v>
      </c>
      <c r="LP12" s="345">
        <v>3953374</v>
      </c>
      <c r="LQ12" s="345">
        <v>8586074</v>
      </c>
      <c r="LR12" s="345">
        <v>3279175</v>
      </c>
      <c r="LS12" s="349">
        <v>15818623</v>
      </c>
      <c r="LT12" s="347">
        <v>15818623</v>
      </c>
      <c r="LU12" s="348">
        <v>0</v>
      </c>
      <c r="LV12" s="345">
        <v>0</v>
      </c>
      <c r="LW12" s="349">
        <v>0</v>
      </c>
      <c r="LX12" s="413">
        <v>0</v>
      </c>
      <c r="LY12" s="345">
        <v>2816950</v>
      </c>
      <c r="LZ12" s="345">
        <v>8065097</v>
      </c>
      <c r="MA12" s="345">
        <v>12666822</v>
      </c>
      <c r="MB12" s="345">
        <v>16366249</v>
      </c>
      <c r="MC12" s="345">
        <v>15157851</v>
      </c>
      <c r="MD12" s="349">
        <v>55072969</v>
      </c>
      <c r="ME12" s="350">
        <v>55072969</v>
      </c>
      <c r="MF12" s="348">
        <v>0</v>
      </c>
      <c r="MG12" s="345">
        <v>0</v>
      </c>
      <c r="MH12" s="349">
        <v>0</v>
      </c>
      <c r="MI12" s="413">
        <v>0</v>
      </c>
      <c r="MJ12" s="345">
        <v>22582729</v>
      </c>
      <c r="MK12" s="345">
        <v>69378251</v>
      </c>
      <c r="ML12" s="345">
        <v>347916505</v>
      </c>
      <c r="MM12" s="345">
        <v>565062881</v>
      </c>
      <c r="MN12" s="345">
        <v>337374867</v>
      </c>
      <c r="MO12" s="349">
        <v>1342315233</v>
      </c>
      <c r="MP12" s="354">
        <v>1342315233</v>
      </c>
      <c r="MQ12" s="348">
        <v>0</v>
      </c>
      <c r="MR12" s="345">
        <v>0</v>
      </c>
      <c r="MS12" s="349">
        <v>0</v>
      </c>
      <c r="MT12" s="413">
        <v>0</v>
      </c>
      <c r="MU12" s="345">
        <v>2228908</v>
      </c>
      <c r="MV12" s="345">
        <v>10496769</v>
      </c>
      <c r="MW12" s="345">
        <v>245442749</v>
      </c>
      <c r="MX12" s="345">
        <v>381451513</v>
      </c>
      <c r="MY12" s="345">
        <v>234278694</v>
      </c>
      <c r="MZ12" s="349">
        <v>873898633</v>
      </c>
      <c r="NA12" s="354">
        <v>873898633</v>
      </c>
      <c r="NB12" s="348">
        <v>0</v>
      </c>
      <c r="NC12" s="345">
        <v>0</v>
      </c>
      <c r="ND12" s="349">
        <v>0</v>
      </c>
      <c r="NE12" s="413">
        <v>0</v>
      </c>
      <c r="NF12" s="345">
        <v>20116905</v>
      </c>
      <c r="NG12" s="345">
        <v>58881482</v>
      </c>
      <c r="NH12" s="345">
        <v>97145728</v>
      </c>
      <c r="NI12" s="345">
        <v>142670940</v>
      </c>
      <c r="NJ12" s="345">
        <v>61299414</v>
      </c>
      <c r="NK12" s="349">
        <v>380114469</v>
      </c>
      <c r="NL12" s="347">
        <v>380114469</v>
      </c>
      <c r="NM12" s="348">
        <v>0</v>
      </c>
      <c r="NN12" s="345">
        <v>0</v>
      </c>
      <c r="NO12" s="349">
        <v>0</v>
      </c>
      <c r="NP12" s="413">
        <v>0</v>
      </c>
      <c r="NQ12" s="345">
        <v>0</v>
      </c>
      <c r="NR12" s="345">
        <v>0</v>
      </c>
      <c r="NS12" s="345">
        <v>0</v>
      </c>
      <c r="NT12" s="345">
        <v>0</v>
      </c>
      <c r="NU12" s="345">
        <v>0</v>
      </c>
      <c r="NV12" s="349">
        <v>0</v>
      </c>
      <c r="NW12" s="350">
        <v>0</v>
      </c>
      <c r="NX12" s="348">
        <v>0</v>
      </c>
      <c r="NY12" s="345">
        <v>0</v>
      </c>
      <c r="NZ12" s="349">
        <v>0</v>
      </c>
      <c r="OA12" s="413">
        <v>0</v>
      </c>
      <c r="OB12" s="345">
        <v>236916</v>
      </c>
      <c r="OC12" s="345">
        <v>0</v>
      </c>
      <c r="OD12" s="345">
        <v>5328028</v>
      </c>
      <c r="OE12" s="345">
        <v>40940428</v>
      </c>
      <c r="OF12" s="345">
        <v>41796759</v>
      </c>
      <c r="OG12" s="349">
        <v>88302131</v>
      </c>
      <c r="OH12" s="350">
        <v>88302131</v>
      </c>
      <c r="OI12" s="348">
        <v>31163845</v>
      </c>
      <c r="OJ12" s="345">
        <v>77967589</v>
      </c>
      <c r="OK12" s="346">
        <v>109131434</v>
      </c>
      <c r="OL12" s="351">
        <v>0</v>
      </c>
      <c r="OM12" s="345">
        <v>492041131</v>
      </c>
      <c r="ON12" s="345">
        <v>845127661</v>
      </c>
      <c r="OO12" s="345">
        <v>1104971030</v>
      </c>
      <c r="OP12" s="345">
        <v>1181708484</v>
      </c>
      <c r="OQ12" s="345">
        <v>744934383</v>
      </c>
      <c r="OR12" s="349">
        <v>4368782689</v>
      </c>
      <c r="OS12" s="354">
        <v>4477914123</v>
      </c>
    </row>
    <row r="13" spans="1:409" s="70" customFormat="1" ht="21" customHeight="1" x14ac:dyDescent="0.2">
      <c r="B13" s="410" t="s">
        <v>7</v>
      </c>
      <c r="C13" s="326">
        <v>17437751</v>
      </c>
      <c r="D13" s="327">
        <v>22413556</v>
      </c>
      <c r="E13" s="328">
        <v>39851307</v>
      </c>
      <c r="F13" s="329">
        <v>0</v>
      </c>
      <c r="G13" s="327">
        <v>372571245</v>
      </c>
      <c r="H13" s="327">
        <v>335448103</v>
      </c>
      <c r="I13" s="327">
        <v>273449994</v>
      </c>
      <c r="J13" s="327">
        <v>292650644</v>
      </c>
      <c r="K13" s="327">
        <v>196344828</v>
      </c>
      <c r="L13" s="329">
        <v>1470464814</v>
      </c>
      <c r="M13" s="330">
        <v>1510316121</v>
      </c>
      <c r="N13" s="326">
        <v>2569481</v>
      </c>
      <c r="O13" s="327">
        <v>3022336</v>
      </c>
      <c r="P13" s="328">
        <v>5591817</v>
      </c>
      <c r="Q13" s="326">
        <v>0</v>
      </c>
      <c r="R13" s="327">
        <v>91069231</v>
      </c>
      <c r="S13" s="327">
        <v>97258471</v>
      </c>
      <c r="T13" s="327">
        <v>88672915</v>
      </c>
      <c r="U13" s="327">
        <v>122454546</v>
      </c>
      <c r="V13" s="327">
        <v>104659588</v>
      </c>
      <c r="W13" s="328">
        <v>504114751</v>
      </c>
      <c r="X13" s="330">
        <v>509706568</v>
      </c>
      <c r="Y13" s="326">
        <v>0</v>
      </c>
      <c r="Z13" s="327">
        <v>0</v>
      </c>
      <c r="AA13" s="328">
        <v>0</v>
      </c>
      <c r="AB13" s="326">
        <v>0</v>
      </c>
      <c r="AC13" s="327">
        <v>47315998</v>
      </c>
      <c r="AD13" s="327">
        <v>54053502</v>
      </c>
      <c r="AE13" s="327">
        <v>56690744</v>
      </c>
      <c r="AF13" s="327">
        <v>78466879</v>
      </c>
      <c r="AG13" s="327">
        <v>63417013</v>
      </c>
      <c r="AH13" s="328">
        <v>299944136</v>
      </c>
      <c r="AI13" s="330">
        <v>299944136</v>
      </c>
      <c r="AJ13" s="326">
        <v>0</v>
      </c>
      <c r="AK13" s="327">
        <v>0</v>
      </c>
      <c r="AL13" s="328">
        <v>0</v>
      </c>
      <c r="AM13" s="326">
        <v>0</v>
      </c>
      <c r="AN13" s="327">
        <v>413892</v>
      </c>
      <c r="AO13" s="327">
        <v>2031501</v>
      </c>
      <c r="AP13" s="327">
        <v>2661912</v>
      </c>
      <c r="AQ13" s="327">
        <v>8948767</v>
      </c>
      <c r="AR13" s="327">
        <v>12228576</v>
      </c>
      <c r="AS13" s="328">
        <v>26284648</v>
      </c>
      <c r="AT13" s="330">
        <v>26284648</v>
      </c>
      <c r="AU13" s="326">
        <v>467062</v>
      </c>
      <c r="AV13" s="327">
        <v>1122870</v>
      </c>
      <c r="AW13" s="328">
        <v>1589932</v>
      </c>
      <c r="AX13" s="326">
        <v>0</v>
      </c>
      <c r="AY13" s="327">
        <v>23743042</v>
      </c>
      <c r="AZ13" s="327">
        <v>23665079</v>
      </c>
      <c r="BA13" s="327">
        <v>14281900</v>
      </c>
      <c r="BB13" s="327">
        <v>18295947</v>
      </c>
      <c r="BC13" s="327">
        <v>18962510</v>
      </c>
      <c r="BD13" s="328">
        <v>98948478</v>
      </c>
      <c r="BE13" s="330">
        <v>100538410</v>
      </c>
      <c r="BF13" s="326">
        <v>60274</v>
      </c>
      <c r="BG13" s="327">
        <v>416646</v>
      </c>
      <c r="BH13" s="331">
        <v>476920</v>
      </c>
      <c r="BI13" s="332">
        <v>0</v>
      </c>
      <c r="BJ13" s="327">
        <v>1986069</v>
      </c>
      <c r="BK13" s="327">
        <v>2204634</v>
      </c>
      <c r="BL13" s="327">
        <v>1613615</v>
      </c>
      <c r="BM13" s="327">
        <v>1267865</v>
      </c>
      <c r="BN13" s="327">
        <v>854909</v>
      </c>
      <c r="BO13" s="328">
        <v>7927092</v>
      </c>
      <c r="BP13" s="330">
        <v>8404012</v>
      </c>
      <c r="BQ13" s="326">
        <v>2042145</v>
      </c>
      <c r="BR13" s="327">
        <v>1482820</v>
      </c>
      <c r="BS13" s="328">
        <v>3524965</v>
      </c>
      <c r="BT13" s="326">
        <v>0</v>
      </c>
      <c r="BU13" s="327">
        <v>17610230</v>
      </c>
      <c r="BV13" s="327">
        <v>15303755</v>
      </c>
      <c r="BW13" s="327">
        <v>13424744</v>
      </c>
      <c r="BX13" s="327">
        <v>15475088</v>
      </c>
      <c r="BY13" s="327">
        <v>9196580</v>
      </c>
      <c r="BZ13" s="328">
        <v>71010397</v>
      </c>
      <c r="CA13" s="330">
        <v>74535362</v>
      </c>
      <c r="CB13" s="326">
        <v>1415898</v>
      </c>
      <c r="CC13" s="327">
        <v>2869892</v>
      </c>
      <c r="CD13" s="328">
        <v>4285790</v>
      </c>
      <c r="CE13" s="326">
        <v>0</v>
      </c>
      <c r="CF13" s="327">
        <v>96344634</v>
      </c>
      <c r="CG13" s="327">
        <v>79109131</v>
      </c>
      <c r="CH13" s="327">
        <v>52012646</v>
      </c>
      <c r="CI13" s="327">
        <v>34892509</v>
      </c>
      <c r="CJ13" s="327">
        <v>15245032</v>
      </c>
      <c r="CK13" s="328">
        <v>277603952</v>
      </c>
      <c r="CL13" s="330">
        <v>281889742</v>
      </c>
      <c r="CM13" s="326">
        <v>0</v>
      </c>
      <c r="CN13" s="327">
        <v>0</v>
      </c>
      <c r="CO13" s="328">
        <v>0</v>
      </c>
      <c r="CP13" s="332">
        <v>0</v>
      </c>
      <c r="CQ13" s="327">
        <v>81294583</v>
      </c>
      <c r="CR13" s="327">
        <v>64940433</v>
      </c>
      <c r="CS13" s="327">
        <v>42279418</v>
      </c>
      <c r="CT13" s="327">
        <v>27620240</v>
      </c>
      <c r="CU13" s="327">
        <v>12521503</v>
      </c>
      <c r="CV13" s="328">
        <v>228656177</v>
      </c>
      <c r="CW13" s="330">
        <v>228656177</v>
      </c>
      <c r="CX13" s="326">
        <v>1415898</v>
      </c>
      <c r="CY13" s="327">
        <v>2869892</v>
      </c>
      <c r="CZ13" s="328">
        <v>4285790</v>
      </c>
      <c r="DA13" s="326">
        <v>0</v>
      </c>
      <c r="DB13" s="327">
        <v>15050051</v>
      </c>
      <c r="DC13" s="327">
        <v>14168698</v>
      </c>
      <c r="DD13" s="327">
        <v>9733228</v>
      </c>
      <c r="DE13" s="327">
        <v>7272269</v>
      </c>
      <c r="DF13" s="327">
        <v>2723529</v>
      </c>
      <c r="DG13" s="328">
        <v>48947775</v>
      </c>
      <c r="DH13" s="330">
        <v>53233565</v>
      </c>
      <c r="DI13" s="326">
        <v>39200</v>
      </c>
      <c r="DJ13" s="327">
        <v>286941</v>
      </c>
      <c r="DK13" s="331">
        <v>326141</v>
      </c>
      <c r="DL13" s="332">
        <v>0</v>
      </c>
      <c r="DM13" s="327">
        <v>15788202</v>
      </c>
      <c r="DN13" s="327">
        <v>21682906</v>
      </c>
      <c r="DO13" s="327">
        <v>28150607</v>
      </c>
      <c r="DP13" s="327">
        <v>22874838</v>
      </c>
      <c r="DQ13" s="327">
        <v>13998434</v>
      </c>
      <c r="DR13" s="328">
        <v>102494987</v>
      </c>
      <c r="DS13" s="330">
        <v>102821128</v>
      </c>
      <c r="DT13" s="326">
        <v>39200</v>
      </c>
      <c r="DU13" s="327">
        <v>286941</v>
      </c>
      <c r="DV13" s="328">
        <v>326141</v>
      </c>
      <c r="DW13" s="326">
        <v>0</v>
      </c>
      <c r="DX13" s="327">
        <v>15039045</v>
      </c>
      <c r="DY13" s="327">
        <v>20856252</v>
      </c>
      <c r="DZ13" s="327">
        <v>26174600</v>
      </c>
      <c r="EA13" s="327">
        <v>20592242</v>
      </c>
      <c r="EB13" s="327">
        <v>13331187</v>
      </c>
      <c r="EC13" s="328">
        <v>95993326</v>
      </c>
      <c r="ED13" s="330">
        <v>96319467</v>
      </c>
      <c r="EE13" s="326">
        <v>0</v>
      </c>
      <c r="EF13" s="331">
        <v>0</v>
      </c>
      <c r="EG13" s="328">
        <v>0</v>
      </c>
      <c r="EH13" s="326">
        <v>0</v>
      </c>
      <c r="EI13" s="327">
        <v>749157</v>
      </c>
      <c r="EJ13" s="327">
        <v>826654</v>
      </c>
      <c r="EK13" s="327">
        <v>1976007</v>
      </c>
      <c r="EL13" s="327">
        <v>2282596</v>
      </c>
      <c r="EM13" s="327">
        <v>667247</v>
      </c>
      <c r="EN13" s="331">
        <v>6501661</v>
      </c>
      <c r="EO13" s="330">
        <v>6501661</v>
      </c>
      <c r="EP13" s="326">
        <v>0</v>
      </c>
      <c r="EQ13" s="327">
        <v>0</v>
      </c>
      <c r="ER13" s="331">
        <v>0</v>
      </c>
      <c r="ES13" s="332">
        <v>0</v>
      </c>
      <c r="ET13" s="327">
        <v>0</v>
      </c>
      <c r="EU13" s="327">
        <v>0</v>
      </c>
      <c r="EV13" s="327">
        <v>0</v>
      </c>
      <c r="EW13" s="327">
        <v>0</v>
      </c>
      <c r="EX13" s="327">
        <v>0</v>
      </c>
      <c r="EY13" s="328">
        <v>0</v>
      </c>
      <c r="EZ13" s="330">
        <v>0</v>
      </c>
      <c r="FA13" s="326">
        <v>0</v>
      </c>
      <c r="FB13" s="327">
        <v>0</v>
      </c>
      <c r="FC13" s="331">
        <v>0</v>
      </c>
      <c r="FD13" s="332">
        <v>0</v>
      </c>
      <c r="FE13" s="327">
        <v>0</v>
      </c>
      <c r="FF13" s="327">
        <v>0</v>
      </c>
      <c r="FG13" s="327">
        <v>0</v>
      </c>
      <c r="FH13" s="327">
        <v>0</v>
      </c>
      <c r="FI13" s="327">
        <v>0</v>
      </c>
      <c r="FJ13" s="328">
        <v>0</v>
      </c>
      <c r="FK13" s="330">
        <v>0</v>
      </c>
      <c r="FL13" s="326">
        <v>4002589</v>
      </c>
      <c r="FM13" s="327">
        <v>6286494</v>
      </c>
      <c r="FN13" s="328">
        <v>10289083</v>
      </c>
      <c r="FO13" s="326">
        <v>0</v>
      </c>
      <c r="FP13" s="327">
        <v>17271722</v>
      </c>
      <c r="FQ13" s="327">
        <v>31331576</v>
      </c>
      <c r="FR13" s="327">
        <v>19953194</v>
      </c>
      <c r="FS13" s="327">
        <v>18308087</v>
      </c>
      <c r="FT13" s="327">
        <v>13345569</v>
      </c>
      <c r="FU13" s="328">
        <v>100210148</v>
      </c>
      <c r="FV13" s="330">
        <v>110499231</v>
      </c>
      <c r="FW13" s="333">
        <v>2206063</v>
      </c>
      <c r="FX13" s="327">
        <v>4363671</v>
      </c>
      <c r="FY13" s="331">
        <v>6569734</v>
      </c>
      <c r="FZ13" s="332">
        <v>0</v>
      </c>
      <c r="GA13" s="327">
        <v>14123392</v>
      </c>
      <c r="GB13" s="327">
        <v>28906091</v>
      </c>
      <c r="GC13" s="327">
        <v>18910585</v>
      </c>
      <c r="GD13" s="327">
        <v>17531048</v>
      </c>
      <c r="GE13" s="327">
        <v>12950287</v>
      </c>
      <c r="GF13" s="328">
        <v>92421403</v>
      </c>
      <c r="GG13" s="334">
        <v>98991137</v>
      </c>
      <c r="GH13" s="333">
        <v>255992</v>
      </c>
      <c r="GI13" s="327">
        <v>462759</v>
      </c>
      <c r="GJ13" s="331">
        <v>718751</v>
      </c>
      <c r="GK13" s="332">
        <v>0</v>
      </c>
      <c r="GL13" s="327">
        <v>983867</v>
      </c>
      <c r="GM13" s="327">
        <v>651545</v>
      </c>
      <c r="GN13" s="327">
        <v>581674</v>
      </c>
      <c r="GO13" s="327">
        <v>369136</v>
      </c>
      <c r="GP13" s="327">
        <v>247682</v>
      </c>
      <c r="GQ13" s="328">
        <v>2833904</v>
      </c>
      <c r="GR13" s="330">
        <v>3552655</v>
      </c>
      <c r="GS13" s="326">
        <v>1540534</v>
      </c>
      <c r="GT13" s="327">
        <v>1460064</v>
      </c>
      <c r="GU13" s="328">
        <v>3000598</v>
      </c>
      <c r="GV13" s="326">
        <v>0</v>
      </c>
      <c r="GW13" s="327">
        <v>2164463</v>
      </c>
      <c r="GX13" s="327">
        <v>1773940</v>
      </c>
      <c r="GY13" s="327">
        <v>460935</v>
      </c>
      <c r="GZ13" s="327">
        <v>407903</v>
      </c>
      <c r="HA13" s="327">
        <v>147600</v>
      </c>
      <c r="HB13" s="331">
        <v>4954841</v>
      </c>
      <c r="HC13" s="330">
        <v>7955439</v>
      </c>
      <c r="HD13" s="326">
        <v>6639700</v>
      </c>
      <c r="HE13" s="327">
        <v>5281983</v>
      </c>
      <c r="HF13" s="331">
        <v>11921683</v>
      </c>
      <c r="HG13" s="332">
        <v>0</v>
      </c>
      <c r="HH13" s="327">
        <v>80555031</v>
      </c>
      <c r="HI13" s="327">
        <v>59214346</v>
      </c>
      <c r="HJ13" s="327">
        <v>56488241</v>
      </c>
      <c r="HK13" s="327">
        <v>72466551</v>
      </c>
      <c r="HL13" s="327">
        <v>36784565</v>
      </c>
      <c r="HM13" s="328">
        <v>305508734</v>
      </c>
      <c r="HN13" s="329">
        <v>317430417</v>
      </c>
      <c r="HO13" s="333">
        <v>2770883</v>
      </c>
      <c r="HP13" s="327">
        <v>4665910</v>
      </c>
      <c r="HQ13" s="328">
        <v>7436793</v>
      </c>
      <c r="HR13" s="326">
        <v>0</v>
      </c>
      <c r="HS13" s="327">
        <v>71542425</v>
      </c>
      <c r="HT13" s="327">
        <v>46851673</v>
      </c>
      <c r="HU13" s="327">
        <v>28172391</v>
      </c>
      <c r="HV13" s="327">
        <v>21654113</v>
      </c>
      <c r="HW13" s="327">
        <v>12311640</v>
      </c>
      <c r="HX13" s="331">
        <v>180532242</v>
      </c>
      <c r="HY13" s="330">
        <v>187969035</v>
      </c>
      <c r="HZ13" s="335">
        <v>187865</v>
      </c>
      <c r="IA13" s="336">
        <v>646134</v>
      </c>
      <c r="IB13" s="337">
        <v>833999</v>
      </c>
      <c r="IC13" s="338">
        <v>0</v>
      </c>
      <c r="ID13" s="336">
        <v>105714069</v>
      </c>
      <c r="IE13" s="339">
        <v>108098938</v>
      </c>
      <c r="IF13" s="337">
        <v>93140628</v>
      </c>
      <c r="IG13" s="336">
        <v>65410967</v>
      </c>
      <c r="IH13" s="337">
        <v>33914865</v>
      </c>
      <c r="II13" s="340">
        <v>406279467</v>
      </c>
      <c r="IJ13" s="341">
        <v>407113466</v>
      </c>
      <c r="IK13" s="342">
        <v>0</v>
      </c>
      <c r="IL13" s="343">
        <v>0</v>
      </c>
      <c r="IM13" s="344">
        <v>0</v>
      </c>
      <c r="IN13" s="404">
        <v>0</v>
      </c>
      <c r="IO13" s="345">
        <v>987704</v>
      </c>
      <c r="IP13" s="345">
        <v>1506653</v>
      </c>
      <c r="IQ13" s="345">
        <v>1641555</v>
      </c>
      <c r="IR13" s="345">
        <v>2414122</v>
      </c>
      <c r="IS13" s="345">
        <v>1722962</v>
      </c>
      <c r="IT13" s="346">
        <v>8272996</v>
      </c>
      <c r="IU13" s="347">
        <v>8272996</v>
      </c>
      <c r="IV13" s="348">
        <v>0</v>
      </c>
      <c r="IW13" s="345">
        <v>0</v>
      </c>
      <c r="IX13" s="349">
        <v>0</v>
      </c>
      <c r="IY13" s="413">
        <v>0</v>
      </c>
      <c r="IZ13" s="345">
        <v>0</v>
      </c>
      <c r="JA13" s="345">
        <v>0</v>
      </c>
      <c r="JB13" s="345">
        <v>0</v>
      </c>
      <c r="JC13" s="345">
        <v>0</v>
      </c>
      <c r="JD13" s="345">
        <v>0</v>
      </c>
      <c r="JE13" s="349">
        <v>0</v>
      </c>
      <c r="JF13" s="350">
        <v>0</v>
      </c>
      <c r="JG13" s="348">
        <v>0</v>
      </c>
      <c r="JH13" s="345">
        <v>0</v>
      </c>
      <c r="JI13" s="346">
        <v>0</v>
      </c>
      <c r="JJ13" s="351">
        <v>0</v>
      </c>
      <c r="JK13" s="345">
        <v>49998246</v>
      </c>
      <c r="JL13" s="345">
        <v>40197724</v>
      </c>
      <c r="JM13" s="345">
        <v>22343034</v>
      </c>
      <c r="JN13" s="345">
        <v>9886657</v>
      </c>
      <c r="JO13" s="345">
        <v>5146512</v>
      </c>
      <c r="JP13" s="349">
        <v>127572173</v>
      </c>
      <c r="JQ13" s="347">
        <v>127572173</v>
      </c>
      <c r="JR13" s="348">
        <v>0</v>
      </c>
      <c r="JS13" s="345">
        <v>205147</v>
      </c>
      <c r="JT13" s="346">
        <v>205147</v>
      </c>
      <c r="JU13" s="351">
        <v>0</v>
      </c>
      <c r="JV13" s="345">
        <v>6941697</v>
      </c>
      <c r="JW13" s="345">
        <v>10547377</v>
      </c>
      <c r="JX13" s="345">
        <v>10526757</v>
      </c>
      <c r="JY13" s="345">
        <v>4247313</v>
      </c>
      <c r="JZ13" s="345">
        <v>3088262</v>
      </c>
      <c r="KA13" s="349">
        <v>35351406</v>
      </c>
      <c r="KB13" s="347">
        <v>35556553</v>
      </c>
      <c r="KC13" s="352">
        <v>187865</v>
      </c>
      <c r="KD13" s="353">
        <v>173170</v>
      </c>
      <c r="KE13" s="349">
        <v>361035</v>
      </c>
      <c r="KF13" s="351">
        <v>0</v>
      </c>
      <c r="KG13" s="345">
        <v>7343188</v>
      </c>
      <c r="KH13" s="345">
        <v>7942229</v>
      </c>
      <c r="KI13" s="345">
        <v>7571787</v>
      </c>
      <c r="KJ13" s="345">
        <v>5890623</v>
      </c>
      <c r="KK13" s="345">
        <v>1634056</v>
      </c>
      <c r="KL13" s="349">
        <v>30381883</v>
      </c>
      <c r="KM13" s="354">
        <v>30742918</v>
      </c>
      <c r="KN13" s="342">
        <v>0</v>
      </c>
      <c r="KO13" s="343">
        <v>267817</v>
      </c>
      <c r="KP13" s="344">
        <v>267817</v>
      </c>
      <c r="KQ13" s="413">
        <v>0</v>
      </c>
      <c r="KR13" s="345">
        <v>37465758</v>
      </c>
      <c r="KS13" s="345">
        <v>44566181</v>
      </c>
      <c r="KT13" s="345">
        <v>48873541</v>
      </c>
      <c r="KU13" s="345">
        <v>37170406</v>
      </c>
      <c r="KV13" s="345">
        <v>17968526</v>
      </c>
      <c r="KW13" s="349">
        <v>186044412</v>
      </c>
      <c r="KX13" s="347">
        <v>186312229</v>
      </c>
      <c r="KY13" s="348">
        <v>0</v>
      </c>
      <c r="KZ13" s="345">
        <v>0</v>
      </c>
      <c r="LA13" s="349">
        <v>0</v>
      </c>
      <c r="LB13" s="413">
        <v>0</v>
      </c>
      <c r="LC13" s="345">
        <v>0</v>
      </c>
      <c r="LD13" s="345">
        <v>0</v>
      </c>
      <c r="LE13" s="345">
        <v>0</v>
      </c>
      <c r="LF13" s="345">
        <v>0</v>
      </c>
      <c r="LG13" s="345">
        <v>0</v>
      </c>
      <c r="LH13" s="349">
        <v>0</v>
      </c>
      <c r="LI13" s="350">
        <v>0</v>
      </c>
      <c r="LJ13" s="348">
        <v>0</v>
      </c>
      <c r="LK13" s="345">
        <v>0</v>
      </c>
      <c r="LL13" s="349">
        <v>0</v>
      </c>
      <c r="LM13" s="413">
        <v>0</v>
      </c>
      <c r="LN13" s="345">
        <v>0</v>
      </c>
      <c r="LO13" s="345">
        <v>0</v>
      </c>
      <c r="LP13" s="345">
        <v>0</v>
      </c>
      <c r="LQ13" s="345">
        <v>0</v>
      </c>
      <c r="LR13" s="345">
        <v>0</v>
      </c>
      <c r="LS13" s="349">
        <v>0</v>
      </c>
      <c r="LT13" s="347">
        <v>0</v>
      </c>
      <c r="LU13" s="348">
        <v>0</v>
      </c>
      <c r="LV13" s="345">
        <v>0</v>
      </c>
      <c r="LW13" s="349">
        <v>0</v>
      </c>
      <c r="LX13" s="413">
        <v>0</v>
      </c>
      <c r="LY13" s="345">
        <v>2977476</v>
      </c>
      <c r="LZ13" s="345">
        <v>3338774</v>
      </c>
      <c r="MA13" s="345">
        <v>2183954</v>
      </c>
      <c r="MB13" s="345">
        <v>5801846</v>
      </c>
      <c r="MC13" s="345">
        <v>4354547</v>
      </c>
      <c r="MD13" s="349">
        <v>18656597</v>
      </c>
      <c r="ME13" s="350">
        <v>18656597</v>
      </c>
      <c r="MF13" s="348">
        <v>0</v>
      </c>
      <c r="MG13" s="345">
        <v>0</v>
      </c>
      <c r="MH13" s="349">
        <v>0</v>
      </c>
      <c r="MI13" s="413">
        <v>0</v>
      </c>
      <c r="MJ13" s="345">
        <v>56249621</v>
      </c>
      <c r="MK13" s="345">
        <v>63429667</v>
      </c>
      <c r="ML13" s="345">
        <v>261922294</v>
      </c>
      <c r="MM13" s="345">
        <v>365974916</v>
      </c>
      <c r="MN13" s="345">
        <v>202409599</v>
      </c>
      <c r="MO13" s="349">
        <v>949986097</v>
      </c>
      <c r="MP13" s="354">
        <v>949986097</v>
      </c>
      <c r="MQ13" s="348">
        <v>0</v>
      </c>
      <c r="MR13" s="345">
        <v>0</v>
      </c>
      <c r="MS13" s="349">
        <v>0</v>
      </c>
      <c r="MT13" s="413">
        <v>0</v>
      </c>
      <c r="MU13" s="345">
        <v>6261334</v>
      </c>
      <c r="MV13" s="345">
        <v>12274928</v>
      </c>
      <c r="MW13" s="345">
        <v>173824719</v>
      </c>
      <c r="MX13" s="345">
        <v>268461605</v>
      </c>
      <c r="MY13" s="345">
        <v>166018062</v>
      </c>
      <c r="MZ13" s="349">
        <v>626840648</v>
      </c>
      <c r="NA13" s="354">
        <v>626840648</v>
      </c>
      <c r="NB13" s="348">
        <v>0</v>
      </c>
      <c r="NC13" s="345">
        <v>0</v>
      </c>
      <c r="ND13" s="349">
        <v>0</v>
      </c>
      <c r="NE13" s="413">
        <v>0</v>
      </c>
      <c r="NF13" s="345">
        <v>49988287</v>
      </c>
      <c r="NG13" s="345">
        <v>51154739</v>
      </c>
      <c r="NH13" s="345">
        <v>87435316</v>
      </c>
      <c r="NI13" s="345">
        <v>95889839</v>
      </c>
      <c r="NJ13" s="345">
        <v>35620543</v>
      </c>
      <c r="NK13" s="349">
        <v>320088724</v>
      </c>
      <c r="NL13" s="347">
        <v>320088724</v>
      </c>
      <c r="NM13" s="348">
        <v>0</v>
      </c>
      <c r="NN13" s="345">
        <v>0</v>
      </c>
      <c r="NO13" s="349">
        <v>0</v>
      </c>
      <c r="NP13" s="413">
        <v>0</v>
      </c>
      <c r="NQ13" s="345">
        <v>0</v>
      </c>
      <c r="NR13" s="345">
        <v>0</v>
      </c>
      <c r="NS13" s="345">
        <v>0</v>
      </c>
      <c r="NT13" s="345">
        <v>0</v>
      </c>
      <c r="NU13" s="345">
        <v>0</v>
      </c>
      <c r="NV13" s="349">
        <v>0</v>
      </c>
      <c r="NW13" s="350">
        <v>0</v>
      </c>
      <c r="NX13" s="348">
        <v>0</v>
      </c>
      <c r="NY13" s="345">
        <v>0</v>
      </c>
      <c r="NZ13" s="349">
        <v>0</v>
      </c>
      <c r="OA13" s="413">
        <v>0</v>
      </c>
      <c r="OB13" s="345">
        <v>0</v>
      </c>
      <c r="OC13" s="345">
        <v>0</v>
      </c>
      <c r="OD13" s="345">
        <v>662259</v>
      </c>
      <c r="OE13" s="345">
        <v>1623472</v>
      </c>
      <c r="OF13" s="345">
        <v>770994</v>
      </c>
      <c r="OG13" s="349">
        <v>3056725</v>
      </c>
      <c r="OH13" s="350">
        <v>3056725</v>
      </c>
      <c r="OI13" s="348">
        <v>17625616</v>
      </c>
      <c r="OJ13" s="345">
        <v>23059690</v>
      </c>
      <c r="OK13" s="346">
        <v>40685306</v>
      </c>
      <c r="OL13" s="351">
        <v>0</v>
      </c>
      <c r="OM13" s="345">
        <v>534534935</v>
      </c>
      <c r="ON13" s="345">
        <v>506976708</v>
      </c>
      <c r="OO13" s="345">
        <v>628512916</v>
      </c>
      <c r="OP13" s="345">
        <v>724036527</v>
      </c>
      <c r="OQ13" s="345">
        <v>432669292</v>
      </c>
      <c r="OR13" s="349">
        <v>2826730378</v>
      </c>
      <c r="OS13" s="354">
        <v>2867415684</v>
      </c>
    </row>
    <row r="14" spans="1:409" s="70" customFormat="1" ht="21" customHeight="1" x14ac:dyDescent="0.2">
      <c r="B14" s="410" t="s">
        <v>8</v>
      </c>
      <c r="C14" s="326">
        <v>14749415</v>
      </c>
      <c r="D14" s="327">
        <v>16930533</v>
      </c>
      <c r="E14" s="328">
        <v>31679948</v>
      </c>
      <c r="F14" s="329">
        <v>0</v>
      </c>
      <c r="G14" s="327">
        <v>164415435</v>
      </c>
      <c r="H14" s="327">
        <v>214959524</v>
      </c>
      <c r="I14" s="327">
        <v>189601654</v>
      </c>
      <c r="J14" s="327">
        <v>182150717</v>
      </c>
      <c r="K14" s="327">
        <v>143538746</v>
      </c>
      <c r="L14" s="329">
        <v>894666076</v>
      </c>
      <c r="M14" s="330">
        <v>926346024</v>
      </c>
      <c r="N14" s="326">
        <v>2753459</v>
      </c>
      <c r="O14" s="327">
        <v>3939212</v>
      </c>
      <c r="P14" s="328">
        <v>6692671</v>
      </c>
      <c r="Q14" s="326">
        <v>0</v>
      </c>
      <c r="R14" s="327">
        <v>44293142</v>
      </c>
      <c r="S14" s="327">
        <v>68209042</v>
      </c>
      <c r="T14" s="327">
        <v>62209227</v>
      </c>
      <c r="U14" s="327">
        <v>77504316</v>
      </c>
      <c r="V14" s="327">
        <v>79202865</v>
      </c>
      <c r="W14" s="328">
        <v>331418592</v>
      </c>
      <c r="X14" s="330">
        <v>338111263</v>
      </c>
      <c r="Y14" s="326">
        <v>0</v>
      </c>
      <c r="Z14" s="327">
        <v>0</v>
      </c>
      <c r="AA14" s="328">
        <v>0</v>
      </c>
      <c r="AB14" s="326">
        <v>0</v>
      </c>
      <c r="AC14" s="327">
        <v>20565115</v>
      </c>
      <c r="AD14" s="327">
        <v>36864495</v>
      </c>
      <c r="AE14" s="327">
        <v>38885261</v>
      </c>
      <c r="AF14" s="327">
        <v>51055280</v>
      </c>
      <c r="AG14" s="327">
        <v>51662850</v>
      </c>
      <c r="AH14" s="328">
        <v>199033001</v>
      </c>
      <c r="AI14" s="330">
        <v>199033001</v>
      </c>
      <c r="AJ14" s="326">
        <v>0</v>
      </c>
      <c r="AK14" s="327">
        <v>0</v>
      </c>
      <c r="AL14" s="328">
        <v>0</v>
      </c>
      <c r="AM14" s="326">
        <v>0</v>
      </c>
      <c r="AN14" s="327">
        <v>294117</v>
      </c>
      <c r="AO14" s="327">
        <v>635501</v>
      </c>
      <c r="AP14" s="327">
        <v>1605970</v>
      </c>
      <c r="AQ14" s="327">
        <v>2892014</v>
      </c>
      <c r="AR14" s="327">
        <v>6242118</v>
      </c>
      <c r="AS14" s="328">
        <v>11669720</v>
      </c>
      <c r="AT14" s="330">
        <v>11669720</v>
      </c>
      <c r="AU14" s="326">
        <v>1328464</v>
      </c>
      <c r="AV14" s="327">
        <v>2559205</v>
      </c>
      <c r="AW14" s="328">
        <v>3887669</v>
      </c>
      <c r="AX14" s="326">
        <v>0</v>
      </c>
      <c r="AY14" s="327">
        <v>13288957</v>
      </c>
      <c r="AZ14" s="327">
        <v>18484209</v>
      </c>
      <c r="BA14" s="327">
        <v>11926626</v>
      </c>
      <c r="BB14" s="327">
        <v>13332001</v>
      </c>
      <c r="BC14" s="327">
        <v>13872731</v>
      </c>
      <c r="BD14" s="328">
        <v>70904524</v>
      </c>
      <c r="BE14" s="330">
        <v>74792193</v>
      </c>
      <c r="BF14" s="326">
        <v>330981</v>
      </c>
      <c r="BG14" s="327">
        <v>767829</v>
      </c>
      <c r="BH14" s="331">
        <v>1098810</v>
      </c>
      <c r="BI14" s="332">
        <v>0</v>
      </c>
      <c r="BJ14" s="327">
        <v>2840682</v>
      </c>
      <c r="BK14" s="327">
        <v>3672639</v>
      </c>
      <c r="BL14" s="327">
        <v>1354448</v>
      </c>
      <c r="BM14" s="327">
        <v>1928552</v>
      </c>
      <c r="BN14" s="327">
        <v>814019</v>
      </c>
      <c r="BO14" s="328">
        <v>10610340</v>
      </c>
      <c r="BP14" s="330">
        <v>11709150</v>
      </c>
      <c r="BQ14" s="326">
        <v>1094014</v>
      </c>
      <c r="BR14" s="327">
        <v>612178</v>
      </c>
      <c r="BS14" s="328">
        <v>1706192</v>
      </c>
      <c r="BT14" s="326">
        <v>0</v>
      </c>
      <c r="BU14" s="327">
        <v>7304271</v>
      </c>
      <c r="BV14" s="327">
        <v>8552198</v>
      </c>
      <c r="BW14" s="327">
        <v>8436922</v>
      </c>
      <c r="BX14" s="327">
        <v>8296469</v>
      </c>
      <c r="BY14" s="327">
        <v>6611147</v>
      </c>
      <c r="BZ14" s="328">
        <v>39201007</v>
      </c>
      <c r="CA14" s="330">
        <v>40907199</v>
      </c>
      <c r="CB14" s="326">
        <v>1727625</v>
      </c>
      <c r="CC14" s="327">
        <v>2749151</v>
      </c>
      <c r="CD14" s="328">
        <v>4476776</v>
      </c>
      <c r="CE14" s="326">
        <v>0</v>
      </c>
      <c r="CF14" s="327">
        <v>45405120</v>
      </c>
      <c r="CG14" s="327">
        <v>56354642</v>
      </c>
      <c r="CH14" s="327">
        <v>44385247</v>
      </c>
      <c r="CI14" s="327">
        <v>31301376</v>
      </c>
      <c r="CJ14" s="327">
        <v>16511581</v>
      </c>
      <c r="CK14" s="328">
        <v>193957966</v>
      </c>
      <c r="CL14" s="330">
        <v>198434742</v>
      </c>
      <c r="CM14" s="326">
        <v>0</v>
      </c>
      <c r="CN14" s="327">
        <v>0</v>
      </c>
      <c r="CO14" s="328">
        <v>0</v>
      </c>
      <c r="CP14" s="332">
        <v>0</v>
      </c>
      <c r="CQ14" s="327">
        <v>37656549</v>
      </c>
      <c r="CR14" s="327">
        <v>45348435</v>
      </c>
      <c r="CS14" s="327">
        <v>35759239</v>
      </c>
      <c r="CT14" s="327">
        <v>25920798</v>
      </c>
      <c r="CU14" s="327">
        <v>14971880</v>
      </c>
      <c r="CV14" s="328">
        <v>159656901</v>
      </c>
      <c r="CW14" s="330">
        <v>159656901</v>
      </c>
      <c r="CX14" s="326">
        <v>1727625</v>
      </c>
      <c r="CY14" s="327">
        <v>2749151</v>
      </c>
      <c r="CZ14" s="328">
        <v>4476776</v>
      </c>
      <c r="DA14" s="326">
        <v>0</v>
      </c>
      <c r="DB14" s="327">
        <v>7748571</v>
      </c>
      <c r="DC14" s="327">
        <v>11006207</v>
      </c>
      <c r="DD14" s="327">
        <v>8626008</v>
      </c>
      <c r="DE14" s="327">
        <v>5380578</v>
      </c>
      <c r="DF14" s="327">
        <v>1539701</v>
      </c>
      <c r="DG14" s="328">
        <v>34301065</v>
      </c>
      <c r="DH14" s="330">
        <v>38777841</v>
      </c>
      <c r="DI14" s="326">
        <v>119460</v>
      </c>
      <c r="DJ14" s="327">
        <v>362216</v>
      </c>
      <c r="DK14" s="331">
        <v>481676</v>
      </c>
      <c r="DL14" s="332">
        <v>0</v>
      </c>
      <c r="DM14" s="327">
        <v>5022887</v>
      </c>
      <c r="DN14" s="327">
        <v>10644897</v>
      </c>
      <c r="DO14" s="327">
        <v>23762346</v>
      </c>
      <c r="DP14" s="327">
        <v>16964087</v>
      </c>
      <c r="DQ14" s="327">
        <v>8826479</v>
      </c>
      <c r="DR14" s="328">
        <v>65220696</v>
      </c>
      <c r="DS14" s="330">
        <v>65702372</v>
      </c>
      <c r="DT14" s="326">
        <v>65500</v>
      </c>
      <c r="DU14" s="327">
        <v>362216</v>
      </c>
      <c r="DV14" s="328">
        <v>427716</v>
      </c>
      <c r="DW14" s="326">
        <v>0</v>
      </c>
      <c r="DX14" s="327">
        <v>4805934</v>
      </c>
      <c r="DY14" s="327">
        <v>10458602</v>
      </c>
      <c r="DZ14" s="327">
        <v>22820762</v>
      </c>
      <c r="EA14" s="327">
        <v>16128735</v>
      </c>
      <c r="EB14" s="327">
        <v>8566778</v>
      </c>
      <c r="EC14" s="328">
        <v>62780811</v>
      </c>
      <c r="ED14" s="330">
        <v>63208527</v>
      </c>
      <c r="EE14" s="326">
        <v>53960</v>
      </c>
      <c r="EF14" s="331">
        <v>0</v>
      </c>
      <c r="EG14" s="328">
        <v>53960</v>
      </c>
      <c r="EH14" s="326">
        <v>0</v>
      </c>
      <c r="EI14" s="327">
        <v>216953</v>
      </c>
      <c r="EJ14" s="327">
        <v>186295</v>
      </c>
      <c r="EK14" s="327">
        <v>941584</v>
      </c>
      <c r="EL14" s="327">
        <v>835352</v>
      </c>
      <c r="EM14" s="327">
        <v>259701</v>
      </c>
      <c r="EN14" s="331">
        <v>2439885</v>
      </c>
      <c r="EO14" s="330">
        <v>2493845</v>
      </c>
      <c r="EP14" s="326">
        <v>0</v>
      </c>
      <c r="EQ14" s="327">
        <v>0</v>
      </c>
      <c r="ER14" s="331">
        <v>0</v>
      </c>
      <c r="ES14" s="332">
        <v>0</v>
      </c>
      <c r="ET14" s="327">
        <v>0</v>
      </c>
      <c r="EU14" s="327">
        <v>0</v>
      </c>
      <c r="EV14" s="327">
        <v>0</v>
      </c>
      <c r="EW14" s="327">
        <v>0</v>
      </c>
      <c r="EX14" s="327">
        <v>0</v>
      </c>
      <c r="EY14" s="328">
        <v>0</v>
      </c>
      <c r="EZ14" s="330">
        <v>0</v>
      </c>
      <c r="FA14" s="326">
        <v>0</v>
      </c>
      <c r="FB14" s="327">
        <v>0</v>
      </c>
      <c r="FC14" s="331">
        <v>0</v>
      </c>
      <c r="FD14" s="332">
        <v>0</v>
      </c>
      <c r="FE14" s="327">
        <v>0</v>
      </c>
      <c r="FF14" s="327">
        <v>0</v>
      </c>
      <c r="FG14" s="327">
        <v>0</v>
      </c>
      <c r="FH14" s="327">
        <v>0</v>
      </c>
      <c r="FI14" s="327">
        <v>0</v>
      </c>
      <c r="FJ14" s="328">
        <v>0</v>
      </c>
      <c r="FK14" s="330">
        <v>0</v>
      </c>
      <c r="FL14" s="326">
        <v>4104195</v>
      </c>
      <c r="FM14" s="327">
        <v>4763773</v>
      </c>
      <c r="FN14" s="328">
        <v>8867968</v>
      </c>
      <c r="FO14" s="326">
        <v>0</v>
      </c>
      <c r="FP14" s="327">
        <v>10079928</v>
      </c>
      <c r="FQ14" s="327">
        <v>24898012</v>
      </c>
      <c r="FR14" s="327">
        <v>15626878</v>
      </c>
      <c r="FS14" s="327">
        <v>13996871</v>
      </c>
      <c r="FT14" s="327">
        <v>9724927</v>
      </c>
      <c r="FU14" s="328">
        <v>74326616</v>
      </c>
      <c r="FV14" s="330">
        <v>83194584</v>
      </c>
      <c r="FW14" s="333">
        <v>2654939</v>
      </c>
      <c r="FX14" s="327">
        <v>4089327</v>
      </c>
      <c r="FY14" s="331">
        <v>6744266</v>
      </c>
      <c r="FZ14" s="332">
        <v>0</v>
      </c>
      <c r="GA14" s="327">
        <v>8428457</v>
      </c>
      <c r="GB14" s="327">
        <v>22657254</v>
      </c>
      <c r="GC14" s="327">
        <v>14223409</v>
      </c>
      <c r="GD14" s="327">
        <v>12581016</v>
      </c>
      <c r="GE14" s="327">
        <v>9431457</v>
      </c>
      <c r="GF14" s="328">
        <v>67321593</v>
      </c>
      <c r="GG14" s="334">
        <v>74065859</v>
      </c>
      <c r="GH14" s="333">
        <v>97356</v>
      </c>
      <c r="GI14" s="327">
        <v>123838</v>
      </c>
      <c r="GJ14" s="331">
        <v>221194</v>
      </c>
      <c r="GK14" s="332">
        <v>0</v>
      </c>
      <c r="GL14" s="327">
        <v>518818</v>
      </c>
      <c r="GM14" s="327">
        <v>735021</v>
      </c>
      <c r="GN14" s="327">
        <v>329331</v>
      </c>
      <c r="GO14" s="327">
        <v>423217</v>
      </c>
      <c r="GP14" s="327">
        <v>113470</v>
      </c>
      <c r="GQ14" s="328">
        <v>2119857</v>
      </c>
      <c r="GR14" s="330">
        <v>2341051</v>
      </c>
      <c r="GS14" s="326">
        <v>1351900</v>
      </c>
      <c r="GT14" s="327">
        <v>550608</v>
      </c>
      <c r="GU14" s="328">
        <v>1902508</v>
      </c>
      <c r="GV14" s="326">
        <v>0</v>
      </c>
      <c r="GW14" s="327">
        <v>1132653</v>
      </c>
      <c r="GX14" s="327">
        <v>1505737</v>
      </c>
      <c r="GY14" s="327">
        <v>1074138</v>
      </c>
      <c r="GZ14" s="327">
        <v>992638</v>
      </c>
      <c r="HA14" s="327">
        <v>180000</v>
      </c>
      <c r="HB14" s="331">
        <v>4885166</v>
      </c>
      <c r="HC14" s="330">
        <v>6787674</v>
      </c>
      <c r="HD14" s="326">
        <v>3071814</v>
      </c>
      <c r="HE14" s="327">
        <v>1596602</v>
      </c>
      <c r="HF14" s="331">
        <v>4668416</v>
      </c>
      <c r="HG14" s="332">
        <v>0</v>
      </c>
      <c r="HH14" s="327">
        <v>29583075</v>
      </c>
      <c r="HI14" s="327">
        <v>25101779</v>
      </c>
      <c r="HJ14" s="327">
        <v>24680287</v>
      </c>
      <c r="HK14" s="327">
        <v>29332995</v>
      </c>
      <c r="HL14" s="327">
        <v>20843779</v>
      </c>
      <c r="HM14" s="328">
        <v>129541915</v>
      </c>
      <c r="HN14" s="329">
        <v>134210331</v>
      </c>
      <c r="HO14" s="333">
        <v>2972862</v>
      </c>
      <c r="HP14" s="327">
        <v>3519579</v>
      </c>
      <c r="HQ14" s="328">
        <v>6492441</v>
      </c>
      <c r="HR14" s="326">
        <v>0</v>
      </c>
      <c r="HS14" s="327">
        <v>30031283</v>
      </c>
      <c r="HT14" s="327">
        <v>29751152</v>
      </c>
      <c r="HU14" s="327">
        <v>18937669</v>
      </c>
      <c r="HV14" s="327">
        <v>13051072</v>
      </c>
      <c r="HW14" s="327">
        <v>8429115</v>
      </c>
      <c r="HX14" s="331">
        <v>100200291</v>
      </c>
      <c r="HY14" s="330">
        <v>106692732</v>
      </c>
      <c r="HZ14" s="335">
        <v>589563</v>
      </c>
      <c r="IA14" s="336">
        <v>887479</v>
      </c>
      <c r="IB14" s="337">
        <v>1477042</v>
      </c>
      <c r="IC14" s="355">
        <v>0</v>
      </c>
      <c r="ID14" s="356">
        <v>58866985</v>
      </c>
      <c r="IE14" s="357">
        <v>64999327</v>
      </c>
      <c r="IF14" s="358">
        <v>71140466</v>
      </c>
      <c r="IG14" s="356">
        <v>53959983</v>
      </c>
      <c r="IH14" s="358">
        <v>28888432</v>
      </c>
      <c r="II14" s="359">
        <v>277855193</v>
      </c>
      <c r="IJ14" s="341">
        <v>279332235</v>
      </c>
      <c r="IK14" s="342">
        <v>0</v>
      </c>
      <c r="IL14" s="343">
        <v>0</v>
      </c>
      <c r="IM14" s="344">
        <v>0</v>
      </c>
      <c r="IN14" s="404">
        <v>0</v>
      </c>
      <c r="IO14" s="345">
        <v>658835</v>
      </c>
      <c r="IP14" s="345">
        <v>259608</v>
      </c>
      <c r="IQ14" s="345">
        <v>1216128</v>
      </c>
      <c r="IR14" s="345">
        <v>1189186</v>
      </c>
      <c r="IS14" s="345">
        <v>937054</v>
      </c>
      <c r="IT14" s="346">
        <v>4260811</v>
      </c>
      <c r="IU14" s="347">
        <v>4260811</v>
      </c>
      <c r="IV14" s="348">
        <v>0</v>
      </c>
      <c r="IW14" s="345">
        <v>0</v>
      </c>
      <c r="IX14" s="349">
        <v>0</v>
      </c>
      <c r="IY14" s="413">
        <v>0</v>
      </c>
      <c r="IZ14" s="345">
        <v>45403</v>
      </c>
      <c r="JA14" s="345">
        <v>35918</v>
      </c>
      <c r="JB14" s="345">
        <v>0</v>
      </c>
      <c r="JC14" s="345">
        <v>30044</v>
      </c>
      <c r="JD14" s="345">
        <v>19172</v>
      </c>
      <c r="JE14" s="349">
        <v>130537</v>
      </c>
      <c r="JF14" s="350">
        <v>130537</v>
      </c>
      <c r="JG14" s="348">
        <v>0</v>
      </c>
      <c r="JH14" s="345">
        <v>0</v>
      </c>
      <c r="JI14" s="346">
        <v>0</v>
      </c>
      <c r="JJ14" s="351">
        <v>0</v>
      </c>
      <c r="JK14" s="345">
        <v>26816508</v>
      </c>
      <c r="JL14" s="345">
        <v>32204842</v>
      </c>
      <c r="JM14" s="345">
        <v>17410032</v>
      </c>
      <c r="JN14" s="345">
        <v>13871696</v>
      </c>
      <c r="JO14" s="345">
        <v>5275072</v>
      </c>
      <c r="JP14" s="349">
        <v>95578150</v>
      </c>
      <c r="JQ14" s="347">
        <v>95578150</v>
      </c>
      <c r="JR14" s="348">
        <v>0</v>
      </c>
      <c r="JS14" s="345">
        <v>0</v>
      </c>
      <c r="JT14" s="346">
        <v>0</v>
      </c>
      <c r="JU14" s="351">
        <v>0</v>
      </c>
      <c r="JV14" s="345">
        <v>477364</v>
      </c>
      <c r="JW14" s="345">
        <v>789066</v>
      </c>
      <c r="JX14" s="345">
        <v>1257899</v>
      </c>
      <c r="JY14" s="345">
        <v>747527</v>
      </c>
      <c r="JZ14" s="345">
        <v>1403262</v>
      </c>
      <c r="KA14" s="349">
        <v>4675118</v>
      </c>
      <c r="KB14" s="347">
        <v>4675118</v>
      </c>
      <c r="KC14" s="352">
        <v>589563</v>
      </c>
      <c r="KD14" s="353">
        <v>887479</v>
      </c>
      <c r="KE14" s="349">
        <v>1477042</v>
      </c>
      <c r="KF14" s="351">
        <v>0</v>
      </c>
      <c r="KG14" s="345">
        <v>7928216</v>
      </c>
      <c r="KH14" s="345">
        <v>9813141</v>
      </c>
      <c r="KI14" s="345">
        <v>10235056</v>
      </c>
      <c r="KJ14" s="345">
        <v>7138741</v>
      </c>
      <c r="KK14" s="345">
        <v>2467667</v>
      </c>
      <c r="KL14" s="349">
        <v>37582821</v>
      </c>
      <c r="KM14" s="354">
        <v>39059863</v>
      </c>
      <c r="KN14" s="342">
        <v>0</v>
      </c>
      <c r="KO14" s="343">
        <v>0</v>
      </c>
      <c r="KP14" s="344">
        <v>0</v>
      </c>
      <c r="KQ14" s="413">
        <v>0</v>
      </c>
      <c r="KR14" s="345">
        <v>20928955</v>
      </c>
      <c r="KS14" s="345">
        <v>16398324</v>
      </c>
      <c r="KT14" s="345">
        <v>28797589</v>
      </c>
      <c r="KU14" s="345">
        <v>15553341</v>
      </c>
      <c r="KV14" s="345">
        <v>12138770</v>
      </c>
      <c r="KW14" s="349">
        <v>93816979</v>
      </c>
      <c r="KX14" s="347">
        <v>93816979</v>
      </c>
      <c r="KY14" s="348">
        <v>0</v>
      </c>
      <c r="KZ14" s="345">
        <v>0</v>
      </c>
      <c r="LA14" s="349">
        <v>0</v>
      </c>
      <c r="LB14" s="413">
        <v>0</v>
      </c>
      <c r="LC14" s="345">
        <v>180086</v>
      </c>
      <c r="LD14" s="345">
        <v>1905457</v>
      </c>
      <c r="LE14" s="345">
        <v>3341932</v>
      </c>
      <c r="LF14" s="345">
        <v>2710677</v>
      </c>
      <c r="LG14" s="345">
        <v>2368595</v>
      </c>
      <c r="LH14" s="349">
        <v>10506747</v>
      </c>
      <c r="LI14" s="350">
        <v>10506747</v>
      </c>
      <c r="LJ14" s="348">
        <v>0</v>
      </c>
      <c r="LK14" s="345">
        <v>0</v>
      </c>
      <c r="LL14" s="349">
        <v>0</v>
      </c>
      <c r="LM14" s="413">
        <v>0</v>
      </c>
      <c r="LN14" s="345">
        <v>0</v>
      </c>
      <c r="LO14" s="345">
        <v>0</v>
      </c>
      <c r="LP14" s="345">
        <v>3551247</v>
      </c>
      <c r="LQ14" s="345">
        <v>6732753</v>
      </c>
      <c r="LR14" s="345">
        <v>1778687</v>
      </c>
      <c r="LS14" s="349">
        <v>12062687</v>
      </c>
      <c r="LT14" s="347">
        <v>12062687</v>
      </c>
      <c r="LU14" s="348">
        <v>0</v>
      </c>
      <c r="LV14" s="345">
        <v>0</v>
      </c>
      <c r="LW14" s="349">
        <v>0</v>
      </c>
      <c r="LX14" s="413">
        <v>0</v>
      </c>
      <c r="LY14" s="345">
        <v>1831618</v>
      </c>
      <c r="LZ14" s="345">
        <v>3592971</v>
      </c>
      <c r="MA14" s="345">
        <v>5330583</v>
      </c>
      <c r="MB14" s="345">
        <v>5986018</v>
      </c>
      <c r="MC14" s="345">
        <v>2500153</v>
      </c>
      <c r="MD14" s="349">
        <v>19241343</v>
      </c>
      <c r="ME14" s="350">
        <v>19241343</v>
      </c>
      <c r="MF14" s="348">
        <v>0</v>
      </c>
      <c r="MG14" s="345">
        <v>0</v>
      </c>
      <c r="MH14" s="349">
        <v>0</v>
      </c>
      <c r="MI14" s="413">
        <v>0</v>
      </c>
      <c r="MJ14" s="345">
        <v>14539574</v>
      </c>
      <c r="MK14" s="345">
        <v>37500361</v>
      </c>
      <c r="ML14" s="345">
        <v>147034521</v>
      </c>
      <c r="MM14" s="345">
        <v>187035597</v>
      </c>
      <c r="MN14" s="345">
        <v>114029234</v>
      </c>
      <c r="MO14" s="349">
        <v>500139287</v>
      </c>
      <c r="MP14" s="354">
        <v>500139287</v>
      </c>
      <c r="MQ14" s="348">
        <v>0</v>
      </c>
      <c r="MR14" s="345">
        <v>0</v>
      </c>
      <c r="MS14" s="349">
        <v>0</v>
      </c>
      <c r="MT14" s="413">
        <v>0</v>
      </c>
      <c r="MU14" s="345">
        <v>2468039</v>
      </c>
      <c r="MV14" s="345">
        <v>13823133</v>
      </c>
      <c r="MW14" s="345">
        <v>105454108</v>
      </c>
      <c r="MX14" s="345">
        <v>130241389</v>
      </c>
      <c r="MY14" s="345">
        <v>78243911</v>
      </c>
      <c r="MZ14" s="349">
        <v>330230580</v>
      </c>
      <c r="NA14" s="354">
        <v>330230580</v>
      </c>
      <c r="NB14" s="348">
        <v>0</v>
      </c>
      <c r="NC14" s="345">
        <v>0</v>
      </c>
      <c r="ND14" s="349">
        <v>0</v>
      </c>
      <c r="NE14" s="413">
        <v>0</v>
      </c>
      <c r="NF14" s="345">
        <v>12071535</v>
      </c>
      <c r="NG14" s="345">
        <v>23389022</v>
      </c>
      <c r="NH14" s="345">
        <v>41167299</v>
      </c>
      <c r="NI14" s="345">
        <v>53697050</v>
      </c>
      <c r="NJ14" s="345">
        <v>31897132</v>
      </c>
      <c r="NK14" s="349">
        <v>162222038</v>
      </c>
      <c r="NL14" s="347">
        <v>162222038</v>
      </c>
      <c r="NM14" s="348">
        <v>0</v>
      </c>
      <c r="NN14" s="345">
        <v>0</v>
      </c>
      <c r="NO14" s="349">
        <v>0</v>
      </c>
      <c r="NP14" s="413">
        <v>0</v>
      </c>
      <c r="NQ14" s="345">
        <v>0</v>
      </c>
      <c r="NR14" s="345">
        <v>0</v>
      </c>
      <c r="NS14" s="345">
        <v>0</v>
      </c>
      <c r="NT14" s="345">
        <v>0</v>
      </c>
      <c r="NU14" s="345">
        <v>0</v>
      </c>
      <c r="NV14" s="349">
        <v>0</v>
      </c>
      <c r="NW14" s="350">
        <v>0</v>
      </c>
      <c r="NX14" s="348">
        <v>0</v>
      </c>
      <c r="NY14" s="345">
        <v>0</v>
      </c>
      <c r="NZ14" s="349">
        <v>0</v>
      </c>
      <c r="OA14" s="413">
        <v>0</v>
      </c>
      <c r="OB14" s="345">
        <v>0</v>
      </c>
      <c r="OC14" s="345">
        <v>288206</v>
      </c>
      <c r="OD14" s="345">
        <v>413114</v>
      </c>
      <c r="OE14" s="345">
        <v>3097158</v>
      </c>
      <c r="OF14" s="345">
        <v>3888191</v>
      </c>
      <c r="OG14" s="349">
        <v>7686669</v>
      </c>
      <c r="OH14" s="350">
        <v>7686669</v>
      </c>
      <c r="OI14" s="348">
        <v>15338978</v>
      </c>
      <c r="OJ14" s="345">
        <v>17818012</v>
      </c>
      <c r="OK14" s="346">
        <v>33156990</v>
      </c>
      <c r="OL14" s="351">
        <v>0</v>
      </c>
      <c r="OM14" s="345">
        <v>237821994</v>
      </c>
      <c r="ON14" s="345">
        <v>317459212</v>
      </c>
      <c r="OO14" s="345">
        <v>407776641</v>
      </c>
      <c r="OP14" s="345">
        <v>423146297</v>
      </c>
      <c r="OQ14" s="345">
        <v>286456412</v>
      </c>
      <c r="OR14" s="349">
        <v>1672660556</v>
      </c>
      <c r="OS14" s="354">
        <v>1705817546</v>
      </c>
    </row>
    <row r="15" spans="1:409" s="70" customFormat="1" ht="21" customHeight="1" x14ac:dyDescent="0.2">
      <c r="B15" s="410" t="s">
        <v>9</v>
      </c>
      <c r="C15" s="326">
        <v>13945250</v>
      </c>
      <c r="D15" s="327">
        <v>16708846</v>
      </c>
      <c r="E15" s="328">
        <v>30654096</v>
      </c>
      <c r="F15" s="332">
        <v>0</v>
      </c>
      <c r="G15" s="327">
        <v>159413911</v>
      </c>
      <c r="H15" s="327">
        <v>156773048</v>
      </c>
      <c r="I15" s="327">
        <v>168215067</v>
      </c>
      <c r="J15" s="327">
        <v>177263037</v>
      </c>
      <c r="K15" s="327">
        <v>131594686</v>
      </c>
      <c r="L15" s="329">
        <v>793259749</v>
      </c>
      <c r="M15" s="330">
        <v>823913845</v>
      </c>
      <c r="N15" s="326">
        <v>2855763</v>
      </c>
      <c r="O15" s="327">
        <v>3739520</v>
      </c>
      <c r="P15" s="328">
        <v>6595283</v>
      </c>
      <c r="Q15" s="326">
        <v>0</v>
      </c>
      <c r="R15" s="327">
        <v>44547940</v>
      </c>
      <c r="S15" s="327">
        <v>50680811</v>
      </c>
      <c r="T15" s="327">
        <v>64292992</v>
      </c>
      <c r="U15" s="327">
        <v>74839685</v>
      </c>
      <c r="V15" s="327">
        <v>71404883</v>
      </c>
      <c r="W15" s="328">
        <v>305766311</v>
      </c>
      <c r="X15" s="330">
        <v>312361594</v>
      </c>
      <c r="Y15" s="326">
        <v>0</v>
      </c>
      <c r="Z15" s="327">
        <v>0</v>
      </c>
      <c r="AA15" s="328">
        <v>0</v>
      </c>
      <c r="AB15" s="326">
        <v>0</v>
      </c>
      <c r="AC15" s="327">
        <v>20695965</v>
      </c>
      <c r="AD15" s="327">
        <v>25852679</v>
      </c>
      <c r="AE15" s="327">
        <v>39492277</v>
      </c>
      <c r="AF15" s="327">
        <v>47253997</v>
      </c>
      <c r="AG15" s="327">
        <v>43022628</v>
      </c>
      <c r="AH15" s="328">
        <v>176317546</v>
      </c>
      <c r="AI15" s="330">
        <v>176317546</v>
      </c>
      <c r="AJ15" s="326">
        <v>0</v>
      </c>
      <c r="AK15" s="327">
        <v>0</v>
      </c>
      <c r="AL15" s="328">
        <v>0</v>
      </c>
      <c r="AM15" s="326">
        <v>0</v>
      </c>
      <c r="AN15" s="327">
        <v>112125</v>
      </c>
      <c r="AO15" s="327">
        <v>467776</v>
      </c>
      <c r="AP15" s="327">
        <v>1301523</v>
      </c>
      <c r="AQ15" s="327">
        <v>3075671</v>
      </c>
      <c r="AR15" s="327">
        <v>7083647</v>
      </c>
      <c r="AS15" s="328">
        <v>12040742</v>
      </c>
      <c r="AT15" s="330">
        <v>12040742</v>
      </c>
      <c r="AU15" s="326">
        <v>1738522</v>
      </c>
      <c r="AV15" s="327">
        <v>2796263</v>
      </c>
      <c r="AW15" s="328">
        <v>4534785</v>
      </c>
      <c r="AX15" s="326">
        <v>0</v>
      </c>
      <c r="AY15" s="327">
        <v>14536845</v>
      </c>
      <c r="AZ15" s="327">
        <v>14749920</v>
      </c>
      <c r="BA15" s="327">
        <v>12861275</v>
      </c>
      <c r="BB15" s="327">
        <v>13934460</v>
      </c>
      <c r="BC15" s="327">
        <v>13558439</v>
      </c>
      <c r="BD15" s="328">
        <v>69640939</v>
      </c>
      <c r="BE15" s="330">
        <v>74175724</v>
      </c>
      <c r="BF15" s="326">
        <v>50369</v>
      </c>
      <c r="BG15" s="327">
        <v>114871</v>
      </c>
      <c r="BH15" s="331">
        <v>165240</v>
      </c>
      <c r="BI15" s="332">
        <v>0</v>
      </c>
      <c r="BJ15" s="327">
        <v>990248</v>
      </c>
      <c r="BK15" s="327">
        <v>1346921</v>
      </c>
      <c r="BL15" s="327">
        <v>1058863</v>
      </c>
      <c r="BM15" s="327">
        <v>905441</v>
      </c>
      <c r="BN15" s="327">
        <v>795613</v>
      </c>
      <c r="BO15" s="328">
        <v>5097086</v>
      </c>
      <c r="BP15" s="330">
        <v>5262326</v>
      </c>
      <c r="BQ15" s="326">
        <v>1066872</v>
      </c>
      <c r="BR15" s="327">
        <v>828386</v>
      </c>
      <c r="BS15" s="328">
        <v>1895258</v>
      </c>
      <c r="BT15" s="326">
        <v>0</v>
      </c>
      <c r="BU15" s="327">
        <v>8212757</v>
      </c>
      <c r="BV15" s="327">
        <v>8263515</v>
      </c>
      <c r="BW15" s="327">
        <v>9579054</v>
      </c>
      <c r="BX15" s="327">
        <v>9670116</v>
      </c>
      <c r="BY15" s="327">
        <v>6944556</v>
      </c>
      <c r="BZ15" s="328">
        <v>42669998</v>
      </c>
      <c r="CA15" s="330">
        <v>44565256</v>
      </c>
      <c r="CB15" s="326">
        <v>1340575</v>
      </c>
      <c r="CC15" s="327">
        <v>3263791</v>
      </c>
      <c r="CD15" s="328">
        <v>4604366</v>
      </c>
      <c r="CE15" s="326">
        <v>0</v>
      </c>
      <c r="CF15" s="327">
        <v>33021795</v>
      </c>
      <c r="CG15" s="327">
        <v>31480524</v>
      </c>
      <c r="CH15" s="327">
        <v>29267646</v>
      </c>
      <c r="CI15" s="327">
        <v>20575376</v>
      </c>
      <c r="CJ15" s="327">
        <v>8001919</v>
      </c>
      <c r="CK15" s="328">
        <v>122347260</v>
      </c>
      <c r="CL15" s="330">
        <v>126951626</v>
      </c>
      <c r="CM15" s="326">
        <v>0</v>
      </c>
      <c r="CN15" s="327">
        <v>0</v>
      </c>
      <c r="CO15" s="328">
        <v>0</v>
      </c>
      <c r="CP15" s="332">
        <v>0</v>
      </c>
      <c r="CQ15" s="327">
        <v>26972102</v>
      </c>
      <c r="CR15" s="327">
        <v>24135974</v>
      </c>
      <c r="CS15" s="327">
        <v>23547368</v>
      </c>
      <c r="CT15" s="327">
        <v>15206027</v>
      </c>
      <c r="CU15" s="327">
        <v>6629881</v>
      </c>
      <c r="CV15" s="328">
        <v>96491352</v>
      </c>
      <c r="CW15" s="330">
        <v>96491352</v>
      </c>
      <c r="CX15" s="326">
        <v>1340575</v>
      </c>
      <c r="CY15" s="327">
        <v>3263791</v>
      </c>
      <c r="CZ15" s="328">
        <v>4604366</v>
      </c>
      <c r="DA15" s="326">
        <v>0</v>
      </c>
      <c r="DB15" s="327">
        <v>6049693</v>
      </c>
      <c r="DC15" s="327">
        <v>7344550</v>
      </c>
      <c r="DD15" s="327">
        <v>5720278</v>
      </c>
      <c r="DE15" s="327">
        <v>5369349</v>
      </c>
      <c r="DF15" s="327">
        <v>1372038</v>
      </c>
      <c r="DG15" s="328">
        <v>25855908</v>
      </c>
      <c r="DH15" s="330">
        <v>30460274</v>
      </c>
      <c r="DI15" s="326">
        <v>0</v>
      </c>
      <c r="DJ15" s="327">
        <v>156240</v>
      </c>
      <c r="DK15" s="331">
        <v>156240</v>
      </c>
      <c r="DL15" s="332">
        <v>0</v>
      </c>
      <c r="DM15" s="327">
        <v>3315634</v>
      </c>
      <c r="DN15" s="327">
        <v>8633349</v>
      </c>
      <c r="DO15" s="327">
        <v>12322435</v>
      </c>
      <c r="DP15" s="327">
        <v>15911932</v>
      </c>
      <c r="DQ15" s="327">
        <v>8669837</v>
      </c>
      <c r="DR15" s="328">
        <v>48853187</v>
      </c>
      <c r="DS15" s="330">
        <v>49009427</v>
      </c>
      <c r="DT15" s="326">
        <v>0</v>
      </c>
      <c r="DU15" s="327">
        <v>143226</v>
      </c>
      <c r="DV15" s="328">
        <v>143226</v>
      </c>
      <c r="DW15" s="326">
        <v>0</v>
      </c>
      <c r="DX15" s="327">
        <v>3012118</v>
      </c>
      <c r="DY15" s="327">
        <v>7496289</v>
      </c>
      <c r="DZ15" s="327">
        <v>10964015</v>
      </c>
      <c r="EA15" s="327">
        <v>14124948</v>
      </c>
      <c r="EB15" s="327">
        <v>6861692</v>
      </c>
      <c r="EC15" s="328">
        <v>42459062</v>
      </c>
      <c r="ED15" s="330">
        <v>42602288</v>
      </c>
      <c r="EE15" s="326">
        <v>0</v>
      </c>
      <c r="EF15" s="331">
        <v>13014</v>
      </c>
      <c r="EG15" s="328">
        <v>13014</v>
      </c>
      <c r="EH15" s="326">
        <v>0</v>
      </c>
      <c r="EI15" s="327">
        <v>303516</v>
      </c>
      <c r="EJ15" s="327">
        <v>1137060</v>
      </c>
      <c r="EK15" s="327">
        <v>1358420</v>
      </c>
      <c r="EL15" s="327">
        <v>1786984</v>
      </c>
      <c r="EM15" s="327">
        <v>1808145</v>
      </c>
      <c r="EN15" s="331">
        <v>6394125</v>
      </c>
      <c r="EO15" s="330">
        <v>6407139</v>
      </c>
      <c r="EP15" s="326">
        <v>0</v>
      </c>
      <c r="EQ15" s="327">
        <v>0</v>
      </c>
      <c r="ER15" s="331">
        <v>0</v>
      </c>
      <c r="ES15" s="332">
        <v>0</v>
      </c>
      <c r="ET15" s="327">
        <v>0</v>
      </c>
      <c r="EU15" s="327">
        <v>0</v>
      </c>
      <c r="EV15" s="327">
        <v>0</v>
      </c>
      <c r="EW15" s="327">
        <v>0</v>
      </c>
      <c r="EX15" s="327">
        <v>0</v>
      </c>
      <c r="EY15" s="328">
        <v>0</v>
      </c>
      <c r="EZ15" s="330">
        <v>0</v>
      </c>
      <c r="FA15" s="326">
        <v>0</v>
      </c>
      <c r="FB15" s="327">
        <v>0</v>
      </c>
      <c r="FC15" s="331">
        <v>0</v>
      </c>
      <c r="FD15" s="332">
        <v>0</v>
      </c>
      <c r="FE15" s="327">
        <v>0</v>
      </c>
      <c r="FF15" s="327">
        <v>0</v>
      </c>
      <c r="FG15" s="327">
        <v>0</v>
      </c>
      <c r="FH15" s="327">
        <v>0</v>
      </c>
      <c r="FI15" s="327">
        <v>0</v>
      </c>
      <c r="FJ15" s="328">
        <v>0</v>
      </c>
      <c r="FK15" s="330">
        <v>0</v>
      </c>
      <c r="FL15" s="326">
        <v>3851411</v>
      </c>
      <c r="FM15" s="327">
        <v>4631329</v>
      </c>
      <c r="FN15" s="328">
        <v>8482740</v>
      </c>
      <c r="FO15" s="326">
        <v>0</v>
      </c>
      <c r="FP15" s="327">
        <v>10501898</v>
      </c>
      <c r="FQ15" s="327">
        <v>14058419</v>
      </c>
      <c r="FR15" s="327">
        <v>12554617</v>
      </c>
      <c r="FS15" s="327">
        <v>12190541</v>
      </c>
      <c r="FT15" s="327">
        <v>8681589</v>
      </c>
      <c r="FU15" s="328">
        <v>57987064</v>
      </c>
      <c r="FV15" s="330">
        <v>66469804</v>
      </c>
      <c r="FW15" s="333">
        <v>2073591</v>
      </c>
      <c r="FX15" s="327">
        <v>2889919</v>
      </c>
      <c r="FY15" s="331">
        <v>4963510</v>
      </c>
      <c r="FZ15" s="332">
        <v>0</v>
      </c>
      <c r="GA15" s="327">
        <v>8343037</v>
      </c>
      <c r="GB15" s="327">
        <v>13098498</v>
      </c>
      <c r="GC15" s="327">
        <v>11361486</v>
      </c>
      <c r="GD15" s="327">
        <v>11510149</v>
      </c>
      <c r="GE15" s="327">
        <v>8564967</v>
      </c>
      <c r="GF15" s="328">
        <v>52878137</v>
      </c>
      <c r="GG15" s="334">
        <v>57841647</v>
      </c>
      <c r="GH15" s="333">
        <v>279277</v>
      </c>
      <c r="GI15" s="327">
        <v>247977</v>
      </c>
      <c r="GJ15" s="331">
        <v>527254</v>
      </c>
      <c r="GK15" s="332">
        <v>0</v>
      </c>
      <c r="GL15" s="327">
        <v>495471</v>
      </c>
      <c r="GM15" s="327">
        <v>319124</v>
      </c>
      <c r="GN15" s="327">
        <v>354081</v>
      </c>
      <c r="GO15" s="327">
        <v>371292</v>
      </c>
      <c r="GP15" s="327">
        <v>116622</v>
      </c>
      <c r="GQ15" s="328">
        <v>1656590</v>
      </c>
      <c r="GR15" s="330">
        <v>2183844</v>
      </c>
      <c r="GS15" s="326">
        <v>1498543</v>
      </c>
      <c r="GT15" s="327">
        <v>1493433</v>
      </c>
      <c r="GU15" s="328">
        <v>2991976</v>
      </c>
      <c r="GV15" s="326">
        <v>0</v>
      </c>
      <c r="GW15" s="327">
        <v>1663390</v>
      </c>
      <c r="GX15" s="327">
        <v>640797</v>
      </c>
      <c r="GY15" s="327">
        <v>839050</v>
      </c>
      <c r="GZ15" s="327">
        <v>309100</v>
      </c>
      <c r="HA15" s="327">
        <v>0</v>
      </c>
      <c r="HB15" s="331">
        <v>3452337</v>
      </c>
      <c r="HC15" s="330">
        <v>6444313</v>
      </c>
      <c r="HD15" s="326">
        <v>3447171</v>
      </c>
      <c r="HE15" s="327">
        <v>1973721</v>
      </c>
      <c r="HF15" s="331">
        <v>5420892</v>
      </c>
      <c r="HG15" s="332">
        <v>0</v>
      </c>
      <c r="HH15" s="327">
        <v>40238255</v>
      </c>
      <c r="HI15" s="327">
        <v>31938564</v>
      </c>
      <c r="HJ15" s="327">
        <v>34814917</v>
      </c>
      <c r="HK15" s="327">
        <v>41919159</v>
      </c>
      <c r="HL15" s="327">
        <v>28074012</v>
      </c>
      <c r="HM15" s="328">
        <v>176984907</v>
      </c>
      <c r="HN15" s="329">
        <v>182405799</v>
      </c>
      <c r="HO15" s="333">
        <v>2450330</v>
      </c>
      <c r="HP15" s="327">
        <v>2944245</v>
      </c>
      <c r="HQ15" s="328">
        <v>5394575</v>
      </c>
      <c r="HR15" s="326">
        <v>0</v>
      </c>
      <c r="HS15" s="327">
        <v>27788389</v>
      </c>
      <c r="HT15" s="327">
        <v>19981381</v>
      </c>
      <c r="HU15" s="327">
        <v>14962460</v>
      </c>
      <c r="HV15" s="327">
        <v>11826344</v>
      </c>
      <c r="HW15" s="327">
        <v>6762446</v>
      </c>
      <c r="HX15" s="331">
        <v>81321020</v>
      </c>
      <c r="HY15" s="330">
        <v>86715595</v>
      </c>
      <c r="HZ15" s="360">
        <v>314200</v>
      </c>
      <c r="IA15" s="361">
        <v>255453</v>
      </c>
      <c r="IB15" s="362">
        <v>569653</v>
      </c>
      <c r="IC15" s="338">
        <v>0</v>
      </c>
      <c r="ID15" s="336">
        <v>33244988</v>
      </c>
      <c r="IE15" s="339">
        <v>38863561</v>
      </c>
      <c r="IF15" s="337">
        <v>48066506</v>
      </c>
      <c r="IG15" s="336">
        <v>44375500</v>
      </c>
      <c r="IH15" s="337">
        <v>25776448</v>
      </c>
      <c r="II15" s="340">
        <v>190327003</v>
      </c>
      <c r="IJ15" s="363">
        <v>190896656</v>
      </c>
      <c r="IK15" s="342">
        <v>0</v>
      </c>
      <c r="IL15" s="343">
        <v>0</v>
      </c>
      <c r="IM15" s="344">
        <v>0</v>
      </c>
      <c r="IN15" s="404">
        <v>0</v>
      </c>
      <c r="IO15" s="345">
        <v>0</v>
      </c>
      <c r="IP15" s="345">
        <v>271138</v>
      </c>
      <c r="IQ15" s="345">
        <v>758853</v>
      </c>
      <c r="IR15" s="345">
        <v>783455</v>
      </c>
      <c r="IS15" s="345">
        <v>932173</v>
      </c>
      <c r="IT15" s="346">
        <v>2745619</v>
      </c>
      <c r="IU15" s="347">
        <v>2745619</v>
      </c>
      <c r="IV15" s="348">
        <v>0</v>
      </c>
      <c r="IW15" s="345">
        <v>0</v>
      </c>
      <c r="IX15" s="349">
        <v>0</v>
      </c>
      <c r="IY15" s="413">
        <v>0</v>
      </c>
      <c r="IZ15" s="345">
        <v>0</v>
      </c>
      <c r="JA15" s="345">
        <v>0</v>
      </c>
      <c r="JB15" s="345">
        <v>0</v>
      </c>
      <c r="JC15" s="345">
        <v>0</v>
      </c>
      <c r="JD15" s="345">
        <v>0</v>
      </c>
      <c r="JE15" s="349">
        <v>0</v>
      </c>
      <c r="JF15" s="350">
        <v>0</v>
      </c>
      <c r="JG15" s="348">
        <v>0</v>
      </c>
      <c r="JH15" s="345">
        <v>0</v>
      </c>
      <c r="JI15" s="346">
        <v>0</v>
      </c>
      <c r="JJ15" s="351">
        <v>0</v>
      </c>
      <c r="JK15" s="345">
        <v>17567314</v>
      </c>
      <c r="JL15" s="345">
        <v>15226012</v>
      </c>
      <c r="JM15" s="345">
        <v>11307813</v>
      </c>
      <c r="JN15" s="345">
        <v>9982552</v>
      </c>
      <c r="JO15" s="345">
        <v>5223769</v>
      </c>
      <c r="JP15" s="349">
        <v>59307460</v>
      </c>
      <c r="JQ15" s="347">
        <v>59307460</v>
      </c>
      <c r="JR15" s="348">
        <v>0</v>
      </c>
      <c r="JS15" s="345">
        <v>0</v>
      </c>
      <c r="JT15" s="346">
        <v>0</v>
      </c>
      <c r="JU15" s="351">
        <v>0</v>
      </c>
      <c r="JV15" s="345">
        <v>309959</v>
      </c>
      <c r="JW15" s="345">
        <v>591645</v>
      </c>
      <c r="JX15" s="345">
        <v>1227837</v>
      </c>
      <c r="JY15" s="345">
        <v>30186</v>
      </c>
      <c r="JZ15" s="345">
        <v>596411</v>
      </c>
      <c r="KA15" s="349">
        <v>2756038</v>
      </c>
      <c r="KB15" s="347">
        <v>2756038</v>
      </c>
      <c r="KC15" s="352">
        <v>314200</v>
      </c>
      <c r="KD15" s="353">
        <v>255453</v>
      </c>
      <c r="KE15" s="349">
        <v>569653</v>
      </c>
      <c r="KF15" s="351">
        <v>0</v>
      </c>
      <c r="KG15" s="345">
        <v>4772303</v>
      </c>
      <c r="KH15" s="345">
        <v>5516304</v>
      </c>
      <c r="KI15" s="345">
        <v>5640209</v>
      </c>
      <c r="KJ15" s="345">
        <v>6840608</v>
      </c>
      <c r="KK15" s="345">
        <v>4272736</v>
      </c>
      <c r="KL15" s="349">
        <v>27042160</v>
      </c>
      <c r="KM15" s="354">
        <v>27611813</v>
      </c>
      <c r="KN15" s="342">
        <v>0</v>
      </c>
      <c r="KO15" s="343">
        <v>0</v>
      </c>
      <c r="KP15" s="344">
        <v>0</v>
      </c>
      <c r="KQ15" s="413">
        <v>0</v>
      </c>
      <c r="KR15" s="345">
        <v>9713528</v>
      </c>
      <c r="KS15" s="345">
        <v>14905390</v>
      </c>
      <c r="KT15" s="345">
        <v>25400936</v>
      </c>
      <c r="KU15" s="345">
        <v>20884837</v>
      </c>
      <c r="KV15" s="345">
        <v>8630014</v>
      </c>
      <c r="KW15" s="349">
        <v>79534705</v>
      </c>
      <c r="KX15" s="347">
        <v>79534705</v>
      </c>
      <c r="KY15" s="348">
        <v>0</v>
      </c>
      <c r="KZ15" s="345">
        <v>0</v>
      </c>
      <c r="LA15" s="349">
        <v>0</v>
      </c>
      <c r="LB15" s="413">
        <v>0</v>
      </c>
      <c r="LC15" s="345">
        <v>186087</v>
      </c>
      <c r="LD15" s="345">
        <v>815511</v>
      </c>
      <c r="LE15" s="345">
        <v>1738061</v>
      </c>
      <c r="LF15" s="345">
        <v>1985242</v>
      </c>
      <c r="LG15" s="345">
        <v>833070</v>
      </c>
      <c r="LH15" s="349">
        <v>5557971</v>
      </c>
      <c r="LI15" s="350">
        <v>5557971</v>
      </c>
      <c r="LJ15" s="348">
        <v>0</v>
      </c>
      <c r="LK15" s="345">
        <v>0</v>
      </c>
      <c r="LL15" s="349">
        <v>0</v>
      </c>
      <c r="LM15" s="413">
        <v>0</v>
      </c>
      <c r="LN15" s="345">
        <v>0</v>
      </c>
      <c r="LO15" s="345">
        <v>0</v>
      </c>
      <c r="LP15" s="345">
        <v>0</v>
      </c>
      <c r="LQ15" s="345">
        <v>0</v>
      </c>
      <c r="LR15" s="345">
        <v>370945</v>
      </c>
      <c r="LS15" s="349">
        <v>370945</v>
      </c>
      <c r="LT15" s="347">
        <v>370945</v>
      </c>
      <c r="LU15" s="348">
        <v>0</v>
      </c>
      <c r="LV15" s="345">
        <v>0</v>
      </c>
      <c r="LW15" s="349">
        <v>0</v>
      </c>
      <c r="LX15" s="413">
        <v>0</v>
      </c>
      <c r="LY15" s="345">
        <v>695797</v>
      </c>
      <c r="LZ15" s="345">
        <v>1537561</v>
      </c>
      <c r="MA15" s="345">
        <v>1992797</v>
      </c>
      <c r="MB15" s="345">
        <v>3868620</v>
      </c>
      <c r="MC15" s="345">
        <v>4917330</v>
      </c>
      <c r="MD15" s="349">
        <v>13012105</v>
      </c>
      <c r="ME15" s="350">
        <v>13012105</v>
      </c>
      <c r="MF15" s="348">
        <v>0</v>
      </c>
      <c r="MG15" s="345">
        <v>0</v>
      </c>
      <c r="MH15" s="349">
        <v>0</v>
      </c>
      <c r="MI15" s="413">
        <v>0</v>
      </c>
      <c r="MJ15" s="345">
        <v>10546193</v>
      </c>
      <c r="MK15" s="345">
        <v>19284473</v>
      </c>
      <c r="ML15" s="345">
        <v>96919465</v>
      </c>
      <c r="MM15" s="345">
        <v>147226978</v>
      </c>
      <c r="MN15" s="345">
        <v>107031367</v>
      </c>
      <c r="MO15" s="349">
        <v>381008476</v>
      </c>
      <c r="MP15" s="354">
        <v>381008476</v>
      </c>
      <c r="MQ15" s="348">
        <v>0</v>
      </c>
      <c r="MR15" s="345">
        <v>0</v>
      </c>
      <c r="MS15" s="349">
        <v>0</v>
      </c>
      <c r="MT15" s="413">
        <v>0</v>
      </c>
      <c r="MU15" s="345">
        <v>478819</v>
      </c>
      <c r="MV15" s="345">
        <v>1842767</v>
      </c>
      <c r="MW15" s="345">
        <v>58190244</v>
      </c>
      <c r="MX15" s="345">
        <v>102810719</v>
      </c>
      <c r="MY15" s="345">
        <v>82929355</v>
      </c>
      <c r="MZ15" s="349">
        <v>246251904</v>
      </c>
      <c r="NA15" s="354">
        <v>246251904</v>
      </c>
      <c r="NB15" s="348">
        <v>0</v>
      </c>
      <c r="NC15" s="345">
        <v>0</v>
      </c>
      <c r="ND15" s="349">
        <v>0</v>
      </c>
      <c r="NE15" s="413">
        <v>0</v>
      </c>
      <c r="NF15" s="345">
        <v>10067374</v>
      </c>
      <c r="NG15" s="345">
        <v>17133660</v>
      </c>
      <c r="NH15" s="345">
        <v>38729221</v>
      </c>
      <c r="NI15" s="345">
        <v>43600084</v>
      </c>
      <c r="NJ15" s="345">
        <v>21060509</v>
      </c>
      <c r="NK15" s="349">
        <v>130590848</v>
      </c>
      <c r="NL15" s="347">
        <v>130590848</v>
      </c>
      <c r="NM15" s="348">
        <v>0</v>
      </c>
      <c r="NN15" s="345">
        <v>0</v>
      </c>
      <c r="NO15" s="349">
        <v>0</v>
      </c>
      <c r="NP15" s="413">
        <v>0</v>
      </c>
      <c r="NQ15" s="345">
        <v>0</v>
      </c>
      <c r="NR15" s="345">
        <v>0</v>
      </c>
      <c r="NS15" s="345">
        <v>0</v>
      </c>
      <c r="NT15" s="345">
        <v>0</v>
      </c>
      <c r="NU15" s="345">
        <v>0</v>
      </c>
      <c r="NV15" s="349">
        <v>0</v>
      </c>
      <c r="NW15" s="350">
        <v>0</v>
      </c>
      <c r="NX15" s="348">
        <v>0</v>
      </c>
      <c r="NY15" s="345">
        <v>0</v>
      </c>
      <c r="NZ15" s="349">
        <v>0</v>
      </c>
      <c r="OA15" s="413">
        <v>0</v>
      </c>
      <c r="OB15" s="345">
        <v>0</v>
      </c>
      <c r="OC15" s="345">
        <v>308046</v>
      </c>
      <c r="OD15" s="345">
        <v>0</v>
      </c>
      <c r="OE15" s="345">
        <v>816175</v>
      </c>
      <c r="OF15" s="345">
        <v>3041503</v>
      </c>
      <c r="OG15" s="349">
        <v>4165724</v>
      </c>
      <c r="OH15" s="350">
        <v>4165724</v>
      </c>
      <c r="OI15" s="348">
        <v>14259450</v>
      </c>
      <c r="OJ15" s="345">
        <v>16964299</v>
      </c>
      <c r="OK15" s="346">
        <v>31223749</v>
      </c>
      <c r="OL15" s="351">
        <v>0</v>
      </c>
      <c r="OM15" s="345">
        <v>203205092</v>
      </c>
      <c r="ON15" s="345">
        <v>214921082</v>
      </c>
      <c r="OO15" s="345">
        <v>313201038</v>
      </c>
      <c r="OP15" s="345">
        <v>368865515</v>
      </c>
      <c r="OQ15" s="345">
        <v>264402501</v>
      </c>
      <c r="OR15" s="349">
        <v>1364595228</v>
      </c>
      <c r="OS15" s="354">
        <v>1395818977</v>
      </c>
    </row>
    <row r="16" spans="1:409" s="70" customFormat="1" ht="21" customHeight="1" x14ac:dyDescent="0.2">
      <c r="B16" s="410" t="s">
        <v>10</v>
      </c>
      <c r="C16" s="326">
        <v>26860799</v>
      </c>
      <c r="D16" s="327">
        <v>45066646</v>
      </c>
      <c r="E16" s="328">
        <v>71927445</v>
      </c>
      <c r="F16" s="364">
        <v>0</v>
      </c>
      <c r="G16" s="327">
        <v>358988555</v>
      </c>
      <c r="H16" s="327">
        <v>286222865</v>
      </c>
      <c r="I16" s="327">
        <v>258155507</v>
      </c>
      <c r="J16" s="327">
        <v>265293285</v>
      </c>
      <c r="K16" s="327">
        <v>209823821</v>
      </c>
      <c r="L16" s="329">
        <v>1378484033</v>
      </c>
      <c r="M16" s="330">
        <v>1450411478</v>
      </c>
      <c r="N16" s="326">
        <v>6751431</v>
      </c>
      <c r="O16" s="327">
        <v>13859697</v>
      </c>
      <c r="P16" s="328">
        <v>20611128</v>
      </c>
      <c r="Q16" s="326">
        <v>0</v>
      </c>
      <c r="R16" s="327">
        <v>110951070</v>
      </c>
      <c r="S16" s="327">
        <v>96890748</v>
      </c>
      <c r="T16" s="327">
        <v>98912647</v>
      </c>
      <c r="U16" s="327">
        <v>126124187</v>
      </c>
      <c r="V16" s="327">
        <v>111802644</v>
      </c>
      <c r="W16" s="328">
        <v>544681296</v>
      </c>
      <c r="X16" s="330">
        <v>565292424</v>
      </c>
      <c r="Y16" s="326">
        <v>0</v>
      </c>
      <c r="Z16" s="327">
        <v>0</v>
      </c>
      <c r="AA16" s="328">
        <v>0</v>
      </c>
      <c r="AB16" s="326">
        <v>0</v>
      </c>
      <c r="AC16" s="327">
        <v>50107128</v>
      </c>
      <c r="AD16" s="327">
        <v>49942738</v>
      </c>
      <c r="AE16" s="327">
        <v>63391079</v>
      </c>
      <c r="AF16" s="327">
        <v>86474918</v>
      </c>
      <c r="AG16" s="327">
        <v>68386494</v>
      </c>
      <c r="AH16" s="328">
        <v>318302357</v>
      </c>
      <c r="AI16" s="330">
        <v>318302357</v>
      </c>
      <c r="AJ16" s="326">
        <v>0</v>
      </c>
      <c r="AK16" s="327">
        <v>49013</v>
      </c>
      <c r="AL16" s="328">
        <v>49013</v>
      </c>
      <c r="AM16" s="326">
        <v>0</v>
      </c>
      <c r="AN16" s="327">
        <v>317187</v>
      </c>
      <c r="AO16" s="327">
        <v>1103058</v>
      </c>
      <c r="AP16" s="327">
        <v>2752489</v>
      </c>
      <c r="AQ16" s="327">
        <v>5349952</v>
      </c>
      <c r="AR16" s="327">
        <v>11329370</v>
      </c>
      <c r="AS16" s="328">
        <v>20852056</v>
      </c>
      <c r="AT16" s="330">
        <v>20901069</v>
      </c>
      <c r="AU16" s="326">
        <v>3651723</v>
      </c>
      <c r="AV16" s="327">
        <v>9080191</v>
      </c>
      <c r="AW16" s="328">
        <v>12731914</v>
      </c>
      <c r="AX16" s="326">
        <v>0</v>
      </c>
      <c r="AY16" s="327">
        <v>37010910</v>
      </c>
      <c r="AZ16" s="327">
        <v>25936386</v>
      </c>
      <c r="BA16" s="327">
        <v>15544676</v>
      </c>
      <c r="BB16" s="327">
        <v>16745863</v>
      </c>
      <c r="BC16" s="327">
        <v>17333359</v>
      </c>
      <c r="BD16" s="328">
        <v>112571194</v>
      </c>
      <c r="BE16" s="330">
        <v>125303108</v>
      </c>
      <c r="BF16" s="326">
        <v>413959</v>
      </c>
      <c r="BG16" s="327">
        <v>1576925</v>
      </c>
      <c r="BH16" s="331">
        <v>1990884</v>
      </c>
      <c r="BI16" s="332">
        <v>0</v>
      </c>
      <c r="BJ16" s="327">
        <v>3463092</v>
      </c>
      <c r="BK16" s="327">
        <v>2957221</v>
      </c>
      <c r="BL16" s="327">
        <v>2150984</v>
      </c>
      <c r="BM16" s="327">
        <v>1235601</v>
      </c>
      <c r="BN16" s="327">
        <v>1781027</v>
      </c>
      <c r="BO16" s="328">
        <v>11587925</v>
      </c>
      <c r="BP16" s="330">
        <v>13578809</v>
      </c>
      <c r="BQ16" s="326">
        <v>2685749</v>
      </c>
      <c r="BR16" s="327">
        <v>3153568</v>
      </c>
      <c r="BS16" s="328">
        <v>5839317</v>
      </c>
      <c r="BT16" s="326">
        <v>0</v>
      </c>
      <c r="BU16" s="327">
        <v>20052753</v>
      </c>
      <c r="BV16" s="327">
        <v>16951345</v>
      </c>
      <c r="BW16" s="327">
        <v>15073419</v>
      </c>
      <c r="BX16" s="327">
        <v>16317853</v>
      </c>
      <c r="BY16" s="327">
        <v>12972394</v>
      </c>
      <c r="BZ16" s="328">
        <v>81367764</v>
      </c>
      <c r="CA16" s="330">
        <v>87207081</v>
      </c>
      <c r="CB16" s="326">
        <v>947974</v>
      </c>
      <c r="CC16" s="327">
        <v>3662828</v>
      </c>
      <c r="CD16" s="328">
        <v>4610802</v>
      </c>
      <c r="CE16" s="326">
        <v>0</v>
      </c>
      <c r="CF16" s="327">
        <v>102700889</v>
      </c>
      <c r="CG16" s="327">
        <v>69998273</v>
      </c>
      <c r="CH16" s="327">
        <v>51921919</v>
      </c>
      <c r="CI16" s="327">
        <v>31765011</v>
      </c>
      <c r="CJ16" s="327">
        <v>20228456</v>
      </c>
      <c r="CK16" s="328">
        <v>276614548</v>
      </c>
      <c r="CL16" s="330">
        <v>281225350</v>
      </c>
      <c r="CM16" s="326">
        <v>0</v>
      </c>
      <c r="CN16" s="327">
        <v>0</v>
      </c>
      <c r="CO16" s="328">
        <v>0</v>
      </c>
      <c r="CP16" s="332">
        <v>0</v>
      </c>
      <c r="CQ16" s="327">
        <v>89919335</v>
      </c>
      <c r="CR16" s="327">
        <v>57733010</v>
      </c>
      <c r="CS16" s="327">
        <v>42651553</v>
      </c>
      <c r="CT16" s="327">
        <v>27549382</v>
      </c>
      <c r="CU16" s="327">
        <v>17764907</v>
      </c>
      <c r="CV16" s="328">
        <v>235618187</v>
      </c>
      <c r="CW16" s="330">
        <v>235618187</v>
      </c>
      <c r="CX16" s="326">
        <v>947974</v>
      </c>
      <c r="CY16" s="327">
        <v>3662828</v>
      </c>
      <c r="CZ16" s="328">
        <v>4610802</v>
      </c>
      <c r="DA16" s="326">
        <v>0</v>
      </c>
      <c r="DB16" s="327">
        <v>12781554</v>
      </c>
      <c r="DC16" s="327">
        <v>12265263</v>
      </c>
      <c r="DD16" s="327">
        <v>9270366</v>
      </c>
      <c r="DE16" s="327">
        <v>4215629</v>
      </c>
      <c r="DF16" s="327">
        <v>2463549</v>
      </c>
      <c r="DG16" s="328">
        <v>40996361</v>
      </c>
      <c r="DH16" s="330">
        <v>45607163</v>
      </c>
      <c r="DI16" s="326">
        <v>115736</v>
      </c>
      <c r="DJ16" s="327">
        <v>956913</v>
      </c>
      <c r="DK16" s="331">
        <v>1072649</v>
      </c>
      <c r="DL16" s="332">
        <v>0</v>
      </c>
      <c r="DM16" s="327">
        <v>11279982</v>
      </c>
      <c r="DN16" s="327">
        <v>14043977</v>
      </c>
      <c r="DO16" s="327">
        <v>18049069</v>
      </c>
      <c r="DP16" s="327">
        <v>16911762</v>
      </c>
      <c r="DQ16" s="327">
        <v>9894482</v>
      </c>
      <c r="DR16" s="328">
        <v>70179272</v>
      </c>
      <c r="DS16" s="330">
        <v>71251921</v>
      </c>
      <c r="DT16" s="326">
        <v>115736</v>
      </c>
      <c r="DU16" s="327">
        <v>870862</v>
      </c>
      <c r="DV16" s="328">
        <v>986598</v>
      </c>
      <c r="DW16" s="326">
        <v>0</v>
      </c>
      <c r="DX16" s="327">
        <v>10749384</v>
      </c>
      <c r="DY16" s="327">
        <v>13055448</v>
      </c>
      <c r="DZ16" s="327">
        <v>16210566</v>
      </c>
      <c r="EA16" s="327">
        <v>16311754</v>
      </c>
      <c r="EB16" s="327">
        <v>8919295</v>
      </c>
      <c r="EC16" s="328">
        <v>65246447</v>
      </c>
      <c r="ED16" s="330">
        <v>66233045</v>
      </c>
      <c r="EE16" s="326">
        <v>0</v>
      </c>
      <c r="EF16" s="331">
        <v>86051</v>
      </c>
      <c r="EG16" s="328">
        <v>86051</v>
      </c>
      <c r="EH16" s="326">
        <v>0</v>
      </c>
      <c r="EI16" s="327">
        <v>530598</v>
      </c>
      <c r="EJ16" s="327">
        <v>988529</v>
      </c>
      <c r="EK16" s="327">
        <v>1838503</v>
      </c>
      <c r="EL16" s="327">
        <v>600008</v>
      </c>
      <c r="EM16" s="327">
        <v>975187</v>
      </c>
      <c r="EN16" s="331">
        <v>4932825</v>
      </c>
      <c r="EO16" s="330">
        <v>5018876</v>
      </c>
      <c r="EP16" s="326">
        <v>0</v>
      </c>
      <c r="EQ16" s="327">
        <v>0</v>
      </c>
      <c r="ER16" s="331">
        <v>0</v>
      </c>
      <c r="ES16" s="332">
        <v>0</v>
      </c>
      <c r="ET16" s="327">
        <v>0</v>
      </c>
      <c r="EU16" s="327">
        <v>0</v>
      </c>
      <c r="EV16" s="327">
        <v>0</v>
      </c>
      <c r="EW16" s="327">
        <v>0</v>
      </c>
      <c r="EX16" s="327">
        <v>0</v>
      </c>
      <c r="EY16" s="328">
        <v>0</v>
      </c>
      <c r="EZ16" s="330">
        <v>0</v>
      </c>
      <c r="FA16" s="326">
        <v>0</v>
      </c>
      <c r="FB16" s="327">
        <v>0</v>
      </c>
      <c r="FC16" s="331">
        <v>0</v>
      </c>
      <c r="FD16" s="332">
        <v>0</v>
      </c>
      <c r="FE16" s="327">
        <v>0</v>
      </c>
      <c r="FF16" s="327">
        <v>0</v>
      </c>
      <c r="FG16" s="327">
        <v>0</v>
      </c>
      <c r="FH16" s="327">
        <v>0</v>
      </c>
      <c r="FI16" s="327">
        <v>0</v>
      </c>
      <c r="FJ16" s="328">
        <v>0</v>
      </c>
      <c r="FK16" s="330">
        <v>0</v>
      </c>
      <c r="FL16" s="326">
        <v>7971447</v>
      </c>
      <c r="FM16" s="327">
        <v>11263208</v>
      </c>
      <c r="FN16" s="328">
        <v>19234655</v>
      </c>
      <c r="FO16" s="326">
        <v>0</v>
      </c>
      <c r="FP16" s="327">
        <v>19829502</v>
      </c>
      <c r="FQ16" s="327">
        <v>25537813</v>
      </c>
      <c r="FR16" s="327">
        <v>19014382</v>
      </c>
      <c r="FS16" s="327">
        <v>18488255</v>
      </c>
      <c r="FT16" s="327">
        <v>14668329</v>
      </c>
      <c r="FU16" s="328">
        <v>97538281</v>
      </c>
      <c r="FV16" s="330">
        <v>116772936</v>
      </c>
      <c r="FW16" s="333">
        <v>5414242</v>
      </c>
      <c r="FX16" s="327">
        <v>8717964</v>
      </c>
      <c r="FY16" s="331">
        <v>14132206</v>
      </c>
      <c r="FZ16" s="332">
        <v>0</v>
      </c>
      <c r="GA16" s="327">
        <v>17387507</v>
      </c>
      <c r="GB16" s="327">
        <v>23732356</v>
      </c>
      <c r="GC16" s="327">
        <v>17858297</v>
      </c>
      <c r="GD16" s="327">
        <v>17552751</v>
      </c>
      <c r="GE16" s="327">
        <v>14309404</v>
      </c>
      <c r="GF16" s="328">
        <v>90840315</v>
      </c>
      <c r="GG16" s="334">
        <v>104972521</v>
      </c>
      <c r="GH16" s="333">
        <v>628351</v>
      </c>
      <c r="GI16" s="327">
        <v>688403</v>
      </c>
      <c r="GJ16" s="331">
        <v>1316754</v>
      </c>
      <c r="GK16" s="332">
        <v>0</v>
      </c>
      <c r="GL16" s="327">
        <v>1096933</v>
      </c>
      <c r="GM16" s="327">
        <v>840195</v>
      </c>
      <c r="GN16" s="327">
        <v>514232</v>
      </c>
      <c r="GO16" s="327">
        <v>449135</v>
      </c>
      <c r="GP16" s="327">
        <v>218925</v>
      </c>
      <c r="GQ16" s="328">
        <v>3119420</v>
      </c>
      <c r="GR16" s="330">
        <v>4436174</v>
      </c>
      <c r="GS16" s="326">
        <v>1928854</v>
      </c>
      <c r="GT16" s="327">
        <v>1856841</v>
      </c>
      <c r="GU16" s="328">
        <v>3785695</v>
      </c>
      <c r="GV16" s="326">
        <v>0</v>
      </c>
      <c r="GW16" s="327">
        <v>1345062</v>
      </c>
      <c r="GX16" s="327">
        <v>965262</v>
      </c>
      <c r="GY16" s="327">
        <v>641853</v>
      </c>
      <c r="GZ16" s="327">
        <v>486369</v>
      </c>
      <c r="HA16" s="327">
        <v>140000</v>
      </c>
      <c r="HB16" s="331">
        <v>3578546</v>
      </c>
      <c r="HC16" s="330">
        <v>7364241</v>
      </c>
      <c r="HD16" s="326">
        <v>5073504</v>
      </c>
      <c r="HE16" s="327">
        <v>7637919</v>
      </c>
      <c r="HF16" s="331">
        <v>12711423</v>
      </c>
      <c r="HG16" s="332">
        <v>0</v>
      </c>
      <c r="HH16" s="327">
        <v>57586614</v>
      </c>
      <c r="HI16" s="327">
        <v>49817785</v>
      </c>
      <c r="HJ16" s="327">
        <v>48929700</v>
      </c>
      <c r="HK16" s="327">
        <v>55350538</v>
      </c>
      <c r="HL16" s="327">
        <v>42202459</v>
      </c>
      <c r="HM16" s="328">
        <v>253887096</v>
      </c>
      <c r="HN16" s="329">
        <v>266598519</v>
      </c>
      <c r="HO16" s="333">
        <v>6000707</v>
      </c>
      <c r="HP16" s="327">
        <v>7686081</v>
      </c>
      <c r="HQ16" s="328">
        <v>13686788</v>
      </c>
      <c r="HR16" s="326">
        <v>0</v>
      </c>
      <c r="HS16" s="327">
        <v>56640498</v>
      </c>
      <c r="HT16" s="327">
        <v>29934269</v>
      </c>
      <c r="HU16" s="327">
        <v>21327790</v>
      </c>
      <c r="HV16" s="327">
        <v>16653532</v>
      </c>
      <c r="HW16" s="327">
        <v>11027451</v>
      </c>
      <c r="HX16" s="331">
        <v>135583540</v>
      </c>
      <c r="HY16" s="330">
        <v>149270328</v>
      </c>
      <c r="HZ16" s="358">
        <v>477559</v>
      </c>
      <c r="IA16" s="356">
        <v>1617228</v>
      </c>
      <c r="IB16" s="358">
        <v>2094787</v>
      </c>
      <c r="IC16" s="355">
        <v>0</v>
      </c>
      <c r="ID16" s="356">
        <v>79636142</v>
      </c>
      <c r="IE16" s="357">
        <v>76889722</v>
      </c>
      <c r="IF16" s="358">
        <v>81714457</v>
      </c>
      <c r="IG16" s="356">
        <v>84223900</v>
      </c>
      <c r="IH16" s="358">
        <v>64085833</v>
      </c>
      <c r="II16" s="359">
        <v>386550054</v>
      </c>
      <c r="IJ16" s="358">
        <v>388644841</v>
      </c>
      <c r="IK16" s="342">
        <v>0</v>
      </c>
      <c r="IL16" s="343">
        <v>0</v>
      </c>
      <c r="IM16" s="344">
        <v>0</v>
      </c>
      <c r="IN16" s="404">
        <v>0</v>
      </c>
      <c r="IO16" s="345">
        <v>2032213</v>
      </c>
      <c r="IP16" s="345">
        <v>1682481</v>
      </c>
      <c r="IQ16" s="345">
        <v>2330003</v>
      </c>
      <c r="IR16" s="345">
        <v>2372533</v>
      </c>
      <c r="IS16" s="345">
        <v>3666876</v>
      </c>
      <c r="IT16" s="346">
        <v>12084106</v>
      </c>
      <c r="IU16" s="347">
        <v>12084106</v>
      </c>
      <c r="IV16" s="348">
        <v>0</v>
      </c>
      <c r="IW16" s="345">
        <v>0</v>
      </c>
      <c r="IX16" s="349">
        <v>0</v>
      </c>
      <c r="IY16" s="413">
        <v>0</v>
      </c>
      <c r="IZ16" s="345">
        <v>66945</v>
      </c>
      <c r="JA16" s="345">
        <v>11814</v>
      </c>
      <c r="JB16" s="345">
        <v>501429</v>
      </c>
      <c r="JC16" s="345">
        <v>225692</v>
      </c>
      <c r="JD16" s="345">
        <v>181284</v>
      </c>
      <c r="JE16" s="349">
        <v>987164</v>
      </c>
      <c r="JF16" s="350">
        <v>987164</v>
      </c>
      <c r="JG16" s="348">
        <v>0</v>
      </c>
      <c r="JH16" s="345">
        <v>0</v>
      </c>
      <c r="JI16" s="346">
        <v>0</v>
      </c>
      <c r="JJ16" s="351">
        <v>0</v>
      </c>
      <c r="JK16" s="345">
        <v>24933643</v>
      </c>
      <c r="JL16" s="345">
        <v>15813016</v>
      </c>
      <c r="JM16" s="345">
        <v>9708998</v>
      </c>
      <c r="JN16" s="345">
        <v>5430111</v>
      </c>
      <c r="JO16" s="345">
        <v>1390518</v>
      </c>
      <c r="JP16" s="349">
        <v>57276286</v>
      </c>
      <c r="JQ16" s="347">
        <v>57276286</v>
      </c>
      <c r="JR16" s="348">
        <v>0</v>
      </c>
      <c r="JS16" s="345">
        <v>47259</v>
      </c>
      <c r="JT16" s="346">
        <v>47259</v>
      </c>
      <c r="JU16" s="351">
        <v>0</v>
      </c>
      <c r="JV16" s="345">
        <v>379875</v>
      </c>
      <c r="JW16" s="345">
        <v>1452008</v>
      </c>
      <c r="JX16" s="345">
        <v>2142822</v>
      </c>
      <c r="JY16" s="345">
        <v>1861350</v>
      </c>
      <c r="JZ16" s="345">
        <v>2013479</v>
      </c>
      <c r="KA16" s="349">
        <v>7849534</v>
      </c>
      <c r="KB16" s="347">
        <v>7896793</v>
      </c>
      <c r="KC16" s="352">
        <v>477559</v>
      </c>
      <c r="KD16" s="353">
        <v>1048410</v>
      </c>
      <c r="KE16" s="349">
        <v>1525969</v>
      </c>
      <c r="KF16" s="351">
        <v>0</v>
      </c>
      <c r="KG16" s="345">
        <v>12266891</v>
      </c>
      <c r="KH16" s="345">
        <v>12507738</v>
      </c>
      <c r="KI16" s="345">
        <v>14225387</v>
      </c>
      <c r="KJ16" s="345">
        <v>13599576</v>
      </c>
      <c r="KK16" s="345">
        <v>11457021</v>
      </c>
      <c r="KL16" s="349">
        <v>64056613</v>
      </c>
      <c r="KM16" s="354">
        <v>65582582</v>
      </c>
      <c r="KN16" s="342">
        <v>0</v>
      </c>
      <c r="KO16" s="343">
        <v>521559</v>
      </c>
      <c r="KP16" s="344">
        <v>521559</v>
      </c>
      <c r="KQ16" s="413">
        <v>0</v>
      </c>
      <c r="KR16" s="345">
        <v>29557818</v>
      </c>
      <c r="KS16" s="345">
        <v>33908919</v>
      </c>
      <c r="KT16" s="345">
        <v>37023104</v>
      </c>
      <c r="KU16" s="345">
        <v>26576062</v>
      </c>
      <c r="KV16" s="345">
        <v>23091482</v>
      </c>
      <c r="KW16" s="349">
        <v>150157385</v>
      </c>
      <c r="KX16" s="347">
        <v>150678944</v>
      </c>
      <c r="KY16" s="348">
        <v>0</v>
      </c>
      <c r="KZ16" s="345">
        <v>0</v>
      </c>
      <c r="LA16" s="349">
        <v>0</v>
      </c>
      <c r="LB16" s="413">
        <v>0</v>
      </c>
      <c r="LC16" s="345">
        <v>5455397</v>
      </c>
      <c r="LD16" s="345">
        <v>3763021</v>
      </c>
      <c r="LE16" s="345">
        <v>7144306</v>
      </c>
      <c r="LF16" s="345">
        <v>8003658</v>
      </c>
      <c r="LG16" s="345">
        <v>7364845</v>
      </c>
      <c r="LH16" s="349">
        <v>31731227</v>
      </c>
      <c r="LI16" s="350">
        <v>31731227</v>
      </c>
      <c r="LJ16" s="348">
        <v>0</v>
      </c>
      <c r="LK16" s="345">
        <v>0</v>
      </c>
      <c r="LL16" s="349">
        <v>0</v>
      </c>
      <c r="LM16" s="413">
        <v>0</v>
      </c>
      <c r="LN16" s="345">
        <v>0</v>
      </c>
      <c r="LO16" s="345">
        <v>221685</v>
      </c>
      <c r="LP16" s="345">
        <v>1083510</v>
      </c>
      <c r="LQ16" s="345">
        <v>5782944</v>
      </c>
      <c r="LR16" s="345">
        <v>3973185</v>
      </c>
      <c r="LS16" s="349">
        <v>11061324</v>
      </c>
      <c r="LT16" s="347">
        <v>11061324</v>
      </c>
      <c r="LU16" s="348">
        <v>0</v>
      </c>
      <c r="LV16" s="345">
        <v>0</v>
      </c>
      <c r="LW16" s="349">
        <v>0</v>
      </c>
      <c r="LX16" s="413">
        <v>0</v>
      </c>
      <c r="LY16" s="345">
        <v>4943360</v>
      </c>
      <c r="LZ16" s="345">
        <v>7529040</v>
      </c>
      <c r="MA16" s="345">
        <v>7554898</v>
      </c>
      <c r="MB16" s="345">
        <v>20371974</v>
      </c>
      <c r="MC16" s="345">
        <v>10947143</v>
      </c>
      <c r="MD16" s="349">
        <v>51346415</v>
      </c>
      <c r="ME16" s="350">
        <v>51346415</v>
      </c>
      <c r="MF16" s="348">
        <v>0</v>
      </c>
      <c r="MG16" s="345">
        <v>0</v>
      </c>
      <c r="MH16" s="349">
        <v>0</v>
      </c>
      <c r="MI16" s="413">
        <v>0</v>
      </c>
      <c r="MJ16" s="345">
        <v>26226886</v>
      </c>
      <c r="MK16" s="345">
        <v>42289748</v>
      </c>
      <c r="ML16" s="345">
        <v>129285963</v>
      </c>
      <c r="MM16" s="345">
        <v>252125047</v>
      </c>
      <c r="MN16" s="345">
        <v>170281425</v>
      </c>
      <c r="MO16" s="349">
        <v>620209069</v>
      </c>
      <c r="MP16" s="354">
        <v>620209069</v>
      </c>
      <c r="MQ16" s="348">
        <v>0</v>
      </c>
      <c r="MR16" s="345">
        <v>0</v>
      </c>
      <c r="MS16" s="349">
        <v>0</v>
      </c>
      <c r="MT16" s="413">
        <v>0</v>
      </c>
      <c r="MU16" s="345">
        <v>3961830</v>
      </c>
      <c r="MV16" s="345">
        <v>11542188</v>
      </c>
      <c r="MW16" s="345">
        <v>88659986</v>
      </c>
      <c r="MX16" s="345">
        <v>184384978</v>
      </c>
      <c r="MY16" s="345">
        <v>124113973</v>
      </c>
      <c r="MZ16" s="349">
        <v>412662955</v>
      </c>
      <c r="NA16" s="354">
        <v>412662955</v>
      </c>
      <c r="NB16" s="348">
        <v>0</v>
      </c>
      <c r="NC16" s="345">
        <v>0</v>
      </c>
      <c r="ND16" s="349">
        <v>0</v>
      </c>
      <c r="NE16" s="413">
        <v>0</v>
      </c>
      <c r="NF16" s="345">
        <v>22265056</v>
      </c>
      <c r="NG16" s="345">
        <v>30747560</v>
      </c>
      <c r="NH16" s="345">
        <v>39963116</v>
      </c>
      <c r="NI16" s="345">
        <v>66240362</v>
      </c>
      <c r="NJ16" s="345">
        <v>35133060</v>
      </c>
      <c r="NK16" s="349">
        <v>194349154</v>
      </c>
      <c r="NL16" s="347">
        <v>194349154</v>
      </c>
      <c r="NM16" s="348">
        <v>0</v>
      </c>
      <c r="NN16" s="345">
        <v>0</v>
      </c>
      <c r="NO16" s="349">
        <v>0</v>
      </c>
      <c r="NP16" s="413">
        <v>0</v>
      </c>
      <c r="NQ16" s="345">
        <v>0</v>
      </c>
      <c r="NR16" s="345">
        <v>0</v>
      </c>
      <c r="NS16" s="345">
        <v>0</v>
      </c>
      <c r="NT16" s="345">
        <v>0</v>
      </c>
      <c r="NU16" s="345">
        <v>0</v>
      </c>
      <c r="NV16" s="349">
        <v>0</v>
      </c>
      <c r="NW16" s="350">
        <v>0</v>
      </c>
      <c r="NX16" s="348">
        <v>0</v>
      </c>
      <c r="NY16" s="345">
        <v>0</v>
      </c>
      <c r="NZ16" s="349">
        <v>0</v>
      </c>
      <c r="OA16" s="413">
        <v>0</v>
      </c>
      <c r="OB16" s="345">
        <v>0</v>
      </c>
      <c r="OC16" s="345">
        <v>0</v>
      </c>
      <c r="OD16" s="345">
        <v>662861</v>
      </c>
      <c r="OE16" s="345">
        <v>1499707</v>
      </c>
      <c r="OF16" s="345">
        <v>11034392</v>
      </c>
      <c r="OG16" s="349">
        <v>13196960</v>
      </c>
      <c r="OH16" s="350">
        <v>13196960</v>
      </c>
      <c r="OI16" s="348">
        <v>27338358</v>
      </c>
      <c r="OJ16" s="345">
        <v>46683874</v>
      </c>
      <c r="OK16" s="346">
        <v>74022232</v>
      </c>
      <c r="OL16" s="351">
        <v>0</v>
      </c>
      <c r="OM16" s="345">
        <v>464851583</v>
      </c>
      <c r="ON16" s="345">
        <v>405402335</v>
      </c>
      <c r="OO16" s="345">
        <v>469155927</v>
      </c>
      <c r="OP16" s="345">
        <v>601642232</v>
      </c>
      <c r="OQ16" s="345">
        <v>444191079</v>
      </c>
      <c r="OR16" s="349">
        <v>2385243156</v>
      </c>
      <c r="OS16" s="354">
        <v>2459265388</v>
      </c>
    </row>
    <row r="17" spans="2:409" s="70" customFormat="1" ht="21" customHeight="1" x14ac:dyDescent="0.2">
      <c r="B17" s="410" t="s">
        <v>11</v>
      </c>
      <c r="C17" s="326">
        <v>13421754</v>
      </c>
      <c r="D17" s="327">
        <v>17991739</v>
      </c>
      <c r="E17" s="365">
        <v>31413493</v>
      </c>
      <c r="F17" s="332">
        <v>0</v>
      </c>
      <c r="G17" s="327">
        <v>148412987</v>
      </c>
      <c r="H17" s="327">
        <v>147440851</v>
      </c>
      <c r="I17" s="327">
        <v>142454762</v>
      </c>
      <c r="J17" s="327">
        <v>144390020</v>
      </c>
      <c r="K17" s="327">
        <v>109448227</v>
      </c>
      <c r="L17" s="329">
        <v>692146847</v>
      </c>
      <c r="M17" s="330">
        <v>723560340</v>
      </c>
      <c r="N17" s="326">
        <v>1926495</v>
      </c>
      <c r="O17" s="327">
        <v>3615655</v>
      </c>
      <c r="P17" s="328">
        <v>5542150</v>
      </c>
      <c r="Q17" s="326">
        <v>0</v>
      </c>
      <c r="R17" s="327">
        <v>37736325</v>
      </c>
      <c r="S17" s="327">
        <v>41513690</v>
      </c>
      <c r="T17" s="327">
        <v>46484627</v>
      </c>
      <c r="U17" s="327">
        <v>49432324</v>
      </c>
      <c r="V17" s="327">
        <v>54547552</v>
      </c>
      <c r="W17" s="328">
        <v>229714518</v>
      </c>
      <c r="X17" s="330">
        <v>235256668</v>
      </c>
      <c r="Y17" s="326">
        <v>0</v>
      </c>
      <c r="Z17" s="327">
        <v>0</v>
      </c>
      <c r="AA17" s="328">
        <v>0</v>
      </c>
      <c r="AB17" s="326">
        <v>0</v>
      </c>
      <c r="AC17" s="327">
        <v>18485835</v>
      </c>
      <c r="AD17" s="327">
        <v>22189580</v>
      </c>
      <c r="AE17" s="327">
        <v>28713134</v>
      </c>
      <c r="AF17" s="327">
        <v>30188211</v>
      </c>
      <c r="AG17" s="327">
        <v>32889695</v>
      </c>
      <c r="AH17" s="328">
        <v>132466455</v>
      </c>
      <c r="AI17" s="330">
        <v>132466455</v>
      </c>
      <c r="AJ17" s="326">
        <v>0</v>
      </c>
      <c r="AK17" s="327">
        <v>0</v>
      </c>
      <c r="AL17" s="328">
        <v>0</v>
      </c>
      <c r="AM17" s="326">
        <v>0</v>
      </c>
      <c r="AN17" s="327">
        <v>222108</v>
      </c>
      <c r="AO17" s="327">
        <v>646260</v>
      </c>
      <c r="AP17" s="327">
        <v>1281510</v>
      </c>
      <c r="AQ17" s="327">
        <v>2848799</v>
      </c>
      <c r="AR17" s="327">
        <v>6562216</v>
      </c>
      <c r="AS17" s="328">
        <v>11560893</v>
      </c>
      <c r="AT17" s="330">
        <v>11560893</v>
      </c>
      <c r="AU17" s="326">
        <v>1250610</v>
      </c>
      <c r="AV17" s="327">
        <v>2858466</v>
      </c>
      <c r="AW17" s="328">
        <v>4109076</v>
      </c>
      <c r="AX17" s="326">
        <v>0</v>
      </c>
      <c r="AY17" s="327">
        <v>12483182</v>
      </c>
      <c r="AZ17" s="327">
        <v>10943839</v>
      </c>
      <c r="BA17" s="327">
        <v>8713212</v>
      </c>
      <c r="BB17" s="327">
        <v>9242859</v>
      </c>
      <c r="BC17" s="327">
        <v>9874902</v>
      </c>
      <c r="BD17" s="328">
        <v>51257994</v>
      </c>
      <c r="BE17" s="330">
        <v>55367070</v>
      </c>
      <c r="BF17" s="326">
        <v>56866</v>
      </c>
      <c r="BG17" s="327">
        <v>131887</v>
      </c>
      <c r="BH17" s="331">
        <v>188753</v>
      </c>
      <c r="BI17" s="332">
        <v>0</v>
      </c>
      <c r="BJ17" s="327">
        <v>839055</v>
      </c>
      <c r="BK17" s="327">
        <v>694090</v>
      </c>
      <c r="BL17" s="327">
        <v>1096259</v>
      </c>
      <c r="BM17" s="327">
        <v>503765</v>
      </c>
      <c r="BN17" s="327">
        <v>386725</v>
      </c>
      <c r="BO17" s="328">
        <v>3519894</v>
      </c>
      <c r="BP17" s="330">
        <v>3708647</v>
      </c>
      <c r="BQ17" s="326">
        <v>619019</v>
      </c>
      <c r="BR17" s="327">
        <v>625302</v>
      </c>
      <c r="BS17" s="328">
        <v>1244321</v>
      </c>
      <c r="BT17" s="326">
        <v>0</v>
      </c>
      <c r="BU17" s="327">
        <v>5706145</v>
      </c>
      <c r="BV17" s="327">
        <v>7039921</v>
      </c>
      <c r="BW17" s="327">
        <v>6680512</v>
      </c>
      <c r="BX17" s="327">
        <v>6648690</v>
      </c>
      <c r="BY17" s="327">
        <v>4834014</v>
      </c>
      <c r="BZ17" s="328">
        <v>30909282</v>
      </c>
      <c r="CA17" s="330">
        <v>32153603</v>
      </c>
      <c r="CB17" s="326">
        <v>2809182</v>
      </c>
      <c r="CC17" s="327">
        <v>3796820</v>
      </c>
      <c r="CD17" s="328">
        <v>6606002</v>
      </c>
      <c r="CE17" s="326">
        <v>0</v>
      </c>
      <c r="CF17" s="327">
        <v>40524186</v>
      </c>
      <c r="CG17" s="327">
        <v>40146165</v>
      </c>
      <c r="CH17" s="327">
        <v>33680643</v>
      </c>
      <c r="CI17" s="327">
        <v>24868606</v>
      </c>
      <c r="CJ17" s="327">
        <v>11555776</v>
      </c>
      <c r="CK17" s="328">
        <v>150775376</v>
      </c>
      <c r="CL17" s="330">
        <v>157381378</v>
      </c>
      <c r="CM17" s="326">
        <v>0</v>
      </c>
      <c r="CN17" s="327">
        <v>0</v>
      </c>
      <c r="CO17" s="328">
        <v>0</v>
      </c>
      <c r="CP17" s="332">
        <v>0</v>
      </c>
      <c r="CQ17" s="327">
        <v>31393941</v>
      </c>
      <c r="CR17" s="327">
        <v>32114030</v>
      </c>
      <c r="CS17" s="327">
        <v>27884845</v>
      </c>
      <c r="CT17" s="327">
        <v>19482341</v>
      </c>
      <c r="CU17" s="327">
        <v>9502199</v>
      </c>
      <c r="CV17" s="328">
        <v>120377356</v>
      </c>
      <c r="CW17" s="330">
        <v>120377356</v>
      </c>
      <c r="CX17" s="326">
        <v>2809182</v>
      </c>
      <c r="CY17" s="327">
        <v>3796820</v>
      </c>
      <c r="CZ17" s="328">
        <v>6606002</v>
      </c>
      <c r="DA17" s="326">
        <v>0</v>
      </c>
      <c r="DB17" s="327">
        <v>9130245</v>
      </c>
      <c r="DC17" s="327">
        <v>8032135</v>
      </c>
      <c r="DD17" s="327">
        <v>5795798</v>
      </c>
      <c r="DE17" s="327">
        <v>5386265</v>
      </c>
      <c r="DF17" s="327">
        <v>2053577</v>
      </c>
      <c r="DG17" s="328">
        <v>30398020</v>
      </c>
      <c r="DH17" s="330">
        <v>37004022</v>
      </c>
      <c r="DI17" s="326">
        <v>282042</v>
      </c>
      <c r="DJ17" s="327">
        <v>394301</v>
      </c>
      <c r="DK17" s="331">
        <v>676343</v>
      </c>
      <c r="DL17" s="332">
        <v>0</v>
      </c>
      <c r="DM17" s="327">
        <v>3826132</v>
      </c>
      <c r="DN17" s="327">
        <v>6803321</v>
      </c>
      <c r="DO17" s="327">
        <v>11160987</v>
      </c>
      <c r="DP17" s="327">
        <v>11820720</v>
      </c>
      <c r="DQ17" s="327">
        <v>9181029</v>
      </c>
      <c r="DR17" s="328">
        <v>42792189</v>
      </c>
      <c r="DS17" s="330">
        <v>43468532</v>
      </c>
      <c r="DT17" s="326">
        <v>282042</v>
      </c>
      <c r="DU17" s="327">
        <v>299490</v>
      </c>
      <c r="DV17" s="328">
        <v>581532</v>
      </c>
      <c r="DW17" s="326">
        <v>0</v>
      </c>
      <c r="DX17" s="327">
        <v>3255203</v>
      </c>
      <c r="DY17" s="327">
        <v>6330422</v>
      </c>
      <c r="DZ17" s="327">
        <v>10293287</v>
      </c>
      <c r="EA17" s="327">
        <v>10808029</v>
      </c>
      <c r="EB17" s="327">
        <v>8036878</v>
      </c>
      <c r="EC17" s="328">
        <v>38723819</v>
      </c>
      <c r="ED17" s="330">
        <v>39305351</v>
      </c>
      <c r="EE17" s="326">
        <v>0</v>
      </c>
      <c r="EF17" s="331">
        <v>94811</v>
      </c>
      <c r="EG17" s="328">
        <v>94811</v>
      </c>
      <c r="EH17" s="326">
        <v>0</v>
      </c>
      <c r="EI17" s="327">
        <v>570929</v>
      </c>
      <c r="EJ17" s="327">
        <v>472899</v>
      </c>
      <c r="EK17" s="327">
        <v>867700</v>
      </c>
      <c r="EL17" s="327">
        <v>1012691</v>
      </c>
      <c r="EM17" s="327">
        <v>1144151</v>
      </c>
      <c r="EN17" s="331">
        <v>4068370</v>
      </c>
      <c r="EO17" s="330">
        <v>4163181</v>
      </c>
      <c r="EP17" s="326">
        <v>0</v>
      </c>
      <c r="EQ17" s="327">
        <v>0</v>
      </c>
      <c r="ER17" s="331">
        <v>0</v>
      </c>
      <c r="ES17" s="332">
        <v>0</v>
      </c>
      <c r="ET17" s="327">
        <v>0</v>
      </c>
      <c r="EU17" s="327">
        <v>0</v>
      </c>
      <c r="EV17" s="327">
        <v>0</v>
      </c>
      <c r="EW17" s="327">
        <v>0</v>
      </c>
      <c r="EX17" s="327">
        <v>0</v>
      </c>
      <c r="EY17" s="328">
        <v>0</v>
      </c>
      <c r="EZ17" s="330">
        <v>0</v>
      </c>
      <c r="FA17" s="326">
        <v>0</v>
      </c>
      <c r="FB17" s="327">
        <v>0</v>
      </c>
      <c r="FC17" s="331">
        <v>0</v>
      </c>
      <c r="FD17" s="332">
        <v>0</v>
      </c>
      <c r="FE17" s="327">
        <v>0</v>
      </c>
      <c r="FF17" s="327">
        <v>0</v>
      </c>
      <c r="FG17" s="327">
        <v>0</v>
      </c>
      <c r="FH17" s="327">
        <v>0</v>
      </c>
      <c r="FI17" s="327">
        <v>0</v>
      </c>
      <c r="FJ17" s="328">
        <v>0</v>
      </c>
      <c r="FK17" s="330">
        <v>0</v>
      </c>
      <c r="FL17" s="326">
        <v>3083972</v>
      </c>
      <c r="FM17" s="327">
        <v>3951913</v>
      </c>
      <c r="FN17" s="328">
        <v>7035885</v>
      </c>
      <c r="FO17" s="326">
        <v>0</v>
      </c>
      <c r="FP17" s="327">
        <v>8400928</v>
      </c>
      <c r="FQ17" s="327">
        <v>12384260</v>
      </c>
      <c r="FR17" s="327">
        <v>11474372</v>
      </c>
      <c r="FS17" s="327">
        <v>10594153</v>
      </c>
      <c r="FT17" s="327">
        <v>8034692</v>
      </c>
      <c r="FU17" s="328">
        <v>50888405</v>
      </c>
      <c r="FV17" s="330">
        <v>57924290</v>
      </c>
      <c r="FW17" s="333">
        <v>2327891</v>
      </c>
      <c r="FX17" s="327">
        <v>3516238</v>
      </c>
      <c r="FY17" s="331">
        <v>5844129</v>
      </c>
      <c r="FZ17" s="332">
        <v>0</v>
      </c>
      <c r="GA17" s="327">
        <v>7075932</v>
      </c>
      <c r="GB17" s="327">
        <v>11818545</v>
      </c>
      <c r="GC17" s="327">
        <v>10443732</v>
      </c>
      <c r="GD17" s="327">
        <v>9739579</v>
      </c>
      <c r="GE17" s="327">
        <v>7953820</v>
      </c>
      <c r="GF17" s="328">
        <v>47031608</v>
      </c>
      <c r="GG17" s="334">
        <v>52875737</v>
      </c>
      <c r="GH17" s="333">
        <v>167121</v>
      </c>
      <c r="GI17" s="327">
        <v>125175</v>
      </c>
      <c r="GJ17" s="331">
        <v>292296</v>
      </c>
      <c r="GK17" s="332">
        <v>0</v>
      </c>
      <c r="GL17" s="327">
        <v>247132</v>
      </c>
      <c r="GM17" s="327">
        <v>165035</v>
      </c>
      <c r="GN17" s="327">
        <v>431531</v>
      </c>
      <c r="GO17" s="327">
        <v>293315</v>
      </c>
      <c r="GP17" s="327">
        <v>80872</v>
      </c>
      <c r="GQ17" s="328">
        <v>1217885</v>
      </c>
      <c r="GR17" s="330">
        <v>1510181</v>
      </c>
      <c r="GS17" s="326">
        <v>588960</v>
      </c>
      <c r="GT17" s="327">
        <v>310500</v>
      </c>
      <c r="GU17" s="328">
        <v>899460</v>
      </c>
      <c r="GV17" s="326">
        <v>0</v>
      </c>
      <c r="GW17" s="327">
        <v>1077864</v>
      </c>
      <c r="GX17" s="327">
        <v>400680</v>
      </c>
      <c r="GY17" s="327">
        <v>599109</v>
      </c>
      <c r="GZ17" s="327">
        <v>561259</v>
      </c>
      <c r="HA17" s="327">
        <v>0</v>
      </c>
      <c r="HB17" s="331">
        <v>2638912</v>
      </c>
      <c r="HC17" s="330">
        <v>3538372</v>
      </c>
      <c r="HD17" s="326">
        <v>2562130</v>
      </c>
      <c r="HE17" s="327">
        <v>3050077</v>
      </c>
      <c r="HF17" s="331">
        <v>5612207</v>
      </c>
      <c r="HG17" s="332">
        <v>0</v>
      </c>
      <c r="HH17" s="327">
        <v>30834012</v>
      </c>
      <c r="HI17" s="327">
        <v>28188657</v>
      </c>
      <c r="HJ17" s="327">
        <v>25192352</v>
      </c>
      <c r="HK17" s="327">
        <v>37600399</v>
      </c>
      <c r="HL17" s="327">
        <v>19476763</v>
      </c>
      <c r="HM17" s="328">
        <v>141292183</v>
      </c>
      <c r="HN17" s="329">
        <v>146904390</v>
      </c>
      <c r="HO17" s="333">
        <v>2757933</v>
      </c>
      <c r="HP17" s="327">
        <v>3182973</v>
      </c>
      <c r="HQ17" s="328">
        <v>5940906</v>
      </c>
      <c r="HR17" s="326">
        <v>0</v>
      </c>
      <c r="HS17" s="327">
        <v>27091404</v>
      </c>
      <c r="HT17" s="327">
        <v>18404758</v>
      </c>
      <c r="HU17" s="327">
        <v>14461781</v>
      </c>
      <c r="HV17" s="327">
        <v>10073818</v>
      </c>
      <c r="HW17" s="327">
        <v>6652415</v>
      </c>
      <c r="HX17" s="331">
        <v>76684176</v>
      </c>
      <c r="HY17" s="330">
        <v>82625082</v>
      </c>
      <c r="HZ17" s="335">
        <v>106209</v>
      </c>
      <c r="IA17" s="336">
        <v>1308841</v>
      </c>
      <c r="IB17" s="337">
        <v>1415050</v>
      </c>
      <c r="IC17" s="338">
        <v>0</v>
      </c>
      <c r="ID17" s="336">
        <v>50126597</v>
      </c>
      <c r="IE17" s="339">
        <v>58927050</v>
      </c>
      <c r="IF17" s="337">
        <v>56192994</v>
      </c>
      <c r="IG17" s="336">
        <v>41165610</v>
      </c>
      <c r="IH17" s="337">
        <v>18304010</v>
      </c>
      <c r="II17" s="340">
        <v>224716261</v>
      </c>
      <c r="IJ17" s="341">
        <v>226131311</v>
      </c>
      <c r="IK17" s="342">
        <v>0</v>
      </c>
      <c r="IL17" s="343">
        <v>0</v>
      </c>
      <c r="IM17" s="344">
        <v>0</v>
      </c>
      <c r="IN17" s="404">
        <v>0</v>
      </c>
      <c r="IO17" s="345">
        <v>945370</v>
      </c>
      <c r="IP17" s="345">
        <v>2121052</v>
      </c>
      <c r="IQ17" s="345">
        <v>1657301</v>
      </c>
      <c r="IR17" s="345">
        <v>1521654</v>
      </c>
      <c r="IS17" s="345">
        <v>2377138</v>
      </c>
      <c r="IT17" s="346">
        <v>8622515</v>
      </c>
      <c r="IU17" s="347">
        <v>8622515</v>
      </c>
      <c r="IV17" s="348">
        <v>0</v>
      </c>
      <c r="IW17" s="345">
        <v>0</v>
      </c>
      <c r="IX17" s="349">
        <v>0</v>
      </c>
      <c r="IY17" s="413">
        <v>0</v>
      </c>
      <c r="IZ17" s="345">
        <v>124731</v>
      </c>
      <c r="JA17" s="345">
        <v>58047</v>
      </c>
      <c r="JB17" s="345">
        <v>56535</v>
      </c>
      <c r="JC17" s="345">
        <v>242728</v>
      </c>
      <c r="JD17" s="345">
        <v>56535</v>
      </c>
      <c r="JE17" s="349">
        <v>538576</v>
      </c>
      <c r="JF17" s="350">
        <v>538576</v>
      </c>
      <c r="JG17" s="348">
        <v>0</v>
      </c>
      <c r="JH17" s="345">
        <v>0</v>
      </c>
      <c r="JI17" s="346">
        <v>0</v>
      </c>
      <c r="JJ17" s="351">
        <v>0</v>
      </c>
      <c r="JK17" s="345">
        <v>25229418</v>
      </c>
      <c r="JL17" s="345">
        <v>21413199</v>
      </c>
      <c r="JM17" s="345">
        <v>15624847</v>
      </c>
      <c r="JN17" s="345">
        <v>10201700</v>
      </c>
      <c r="JO17" s="345">
        <v>4515388</v>
      </c>
      <c r="JP17" s="349">
        <v>76984552</v>
      </c>
      <c r="JQ17" s="347">
        <v>76984552</v>
      </c>
      <c r="JR17" s="348">
        <v>0</v>
      </c>
      <c r="JS17" s="345">
        <v>0</v>
      </c>
      <c r="JT17" s="346">
        <v>0</v>
      </c>
      <c r="JU17" s="351">
        <v>0</v>
      </c>
      <c r="JV17" s="345">
        <v>2217554</v>
      </c>
      <c r="JW17" s="345">
        <v>1615624</v>
      </c>
      <c r="JX17" s="345">
        <v>1320607</v>
      </c>
      <c r="JY17" s="345">
        <v>547279</v>
      </c>
      <c r="JZ17" s="345">
        <v>415385</v>
      </c>
      <c r="KA17" s="349">
        <v>6116449</v>
      </c>
      <c r="KB17" s="347">
        <v>6116449</v>
      </c>
      <c r="KC17" s="352">
        <v>106209</v>
      </c>
      <c r="KD17" s="353">
        <v>518018</v>
      </c>
      <c r="KE17" s="349">
        <v>624227</v>
      </c>
      <c r="KF17" s="351">
        <v>0</v>
      </c>
      <c r="KG17" s="345">
        <v>5142426</v>
      </c>
      <c r="KH17" s="345">
        <v>9859313</v>
      </c>
      <c r="KI17" s="345">
        <v>10005655</v>
      </c>
      <c r="KJ17" s="345">
        <v>6488315</v>
      </c>
      <c r="KK17" s="345">
        <v>2041078</v>
      </c>
      <c r="KL17" s="349">
        <v>33536787</v>
      </c>
      <c r="KM17" s="354">
        <v>34161014</v>
      </c>
      <c r="KN17" s="342">
        <v>0</v>
      </c>
      <c r="KO17" s="343">
        <v>790823</v>
      </c>
      <c r="KP17" s="344">
        <v>790823</v>
      </c>
      <c r="KQ17" s="413">
        <v>0</v>
      </c>
      <c r="KR17" s="345">
        <v>14522915</v>
      </c>
      <c r="KS17" s="345">
        <v>22088132</v>
      </c>
      <c r="KT17" s="345">
        <v>25128734</v>
      </c>
      <c r="KU17" s="345">
        <v>19874240</v>
      </c>
      <c r="KV17" s="345">
        <v>6177782</v>
      </c>
      <c r="KW17" s="349">
        <v>87791803</v>
      </c>
      <c r="KX17" s="347">
        <v>88582626</v>
      </c>
      <c r="KY17" s="348">
        <v>0</v>
      </c>
      <c r="KZ17" s="345">
        <v>0</v>
      </c>
      <c r="LA17" s="349">
        <v>0</v>
      </c>
      <c r="LB17" s="413">
        <v>0</v>
      </c>
      <c r="LC17" s="345">
        <v>0</v>
      </c>
      <c r="LD17" s="345">
        <v>0</v>
      </c>
      <c r="LE17" s="345">
        <v>0</v>
      </c>
      <c r="LF17" s="345">
        <v>0</v>
      </c>
      <c r="LG17" s="345">
        <v>0</v>
      </c>
      <c r="LH17" s="349">
        <v>0</v>
      </c>
      <c r="LI17" s="350">
        <v>0</v>
      </c>
      <c r="LJ17" s="348">
        <v>0</v>
      </c>
      <c r="LK17" s="345">
        <v>0</v>
      </c>
      <c r="LL17" s="349">
        <v>0</v>
      </c>
      <c r="LM17" s="413">
        <v>0</v>
      </c>
      <c r="LN17" s="345">
        <v>0</v>
      </c>
      <c r="LO17" s="345">
        <v>0</v>
      </c>
      <c r="LP17" s="345">
        <v>0</v>
      </c>
      <c r="LQ17" s="345">
        <v>311256</v>
      </c>
      <c r="LR17" s="345">
        <v>0</v>
      </c>
      <c r="LS17" s="349">
        <v>311256</v>
      </c>
      <c r="LT17" s="347">
        <v>311256</v>
      </c>
      <c r="LU17" s="348">
        <v>0</v>
      </c>
      <c r="LV17" s="345">
        <v>0</v>
      </c>
      <c r="LW17" s="349">
        <v>0</v>
      </c>
      <c r="LX17" s="413">
        <v>0</v>
      </c>
      <c r="LY17" s="345">
        <v>1944183</v>
      </c>
      <c r="LZ17" s="345">
        <v>1771683</v>
      </c>
      <c r="MA17" s="345">
        <v>2399315</v>
      </c>
      <c r="MB17" s="345">
        <v>1978438</v>
      </c>
      <c r="MC17" s="345">
        <v>2720704</v>
      </c>
      <c r="MD17" s="349">
        <v>10814323</v>
      </c>
      <c r="ME17" s="350">
        <v>10814323</v>
      </c>
      <c r="MF17" s="348">
        <v>0</v>
      </c>
      <c r="MG17" s="345">
        <v>0</v>
      </c>
      <c r="MH17" s="349">
        <v>0</v>
      </c>
      <c r="MI17" s="413">
        <v>0</v>
      </c>
      <c r="MJ17" s="345">
        <v>12420866</v>
      </c>
      <c r="MK17" s="345">
        <v>29108168</v>
      </c>
      <c r="ML17" s="345">
        <v>92260234</v>
      </c>
      <c r="MM17" s="345">
        <v>162822857</v>
      </c>
      <c r="MN17" s="345">
        <v>104431306</v>
      </c>
      <c r="MO17" s="349">
        <v>401043431</v>
      </c>
      <c r="MP17" s="354">
        <v>401043431</v>
      </c>
      <c r="MQ17" s="348">
        <v>0</v>
      </c>
      <c r="MR17" s="345">
        <v>0</v>
      </c>
      <c r="MS17" s="349">
        <v>0</v>
      </c>
      <c r="MT17" s="413">
        <v>0</v>
      </c>
      <c r="MU17" s="345">
        <v>629881</v>
      </c>
      <c r="MV17" s="345">
        <v>990125</v>
      </c>
      <c r="MW17" s="345">
        <v>46472815</v>
      </c>
      <c r="MX17" s="345">
        <v>102769303</v>
      </c>
      <c r="MY17" s="345">
        <v>60418798</v>
      </c>
      <c r="MZ17" s="349">
        <v>211280922</v>
      </c>
      <c r="NA17" s="354">
        <v>211280922</v>
      </c>
      <c r="NB17" s="348">
        <v>0</v>
      </c>
      <c r="NC17" s="345">
        <v>0</v>
      </c>
      <c r="ND17" s="349">
        <v>0</v>
      </c>
      <c r="NE17" s="413">
        <v>0</v>
      </c>
      <c r="NF17" s="345">
        <v>10837030</v>
      </c>
      <c r="NG17" s="345">
        <v>25459833</v>
      </c>
      <c r="NH17" s="345">
        <v>42828061</v>
      </c>
      <c r="NI17" s="345">
        <v>53371940</v>
      </c>
      <c r="NJ17" s="345">
        <v>29799420</v>
      </c>
      <c r="NK17" s="349">
        <v>162296284</v>
      </c>
      <c r="NL17" s="347">
        <v>162296284</v>
      </c>
      <c r="NM17" s="348">
        <v>0</v>
      </c>
      <c r="NN17" s="345">
        <v>0</v>
      </c>
      <c r="NO17" s="349">
        <v>0</v>
      </c>
      <c r="NP17" s="413">
        <v>0</v>
      </c>
      <c r="NQ17" s="345">
        <v>0</v>
      </c>
      <c r="NR17" s="345">
        <v>0</v>
      </c>
      <c r="NS17" s="345">
        <v>0</v>
      </c>
      <c r="NT17" s="345">
        <v>0</v>
      </c>
      <c r="NU17" s="345">
        <v>0</v>
      </c>
      <c r="NV17" s="349">
        <v>0</v>
      </c>
      <c r="NW17" s="350">
        <v>0</v>
      </c>
      <c r="NX17" s="348">
        <v>0</v>
      </c>
      <c r="NY17" s="345">
        <v>0</v>
      </c>
      <c r="NZ17" s="349">
        <v>0</v>
      </c>
      <c r="OA17" s="413">
        <v>0</v>
      </c>
      <c r="OB17" s="345">
        <v>953955</v>
      </c>
      <c r="OC17" s="345">
        <v>2658210</v>
      </c>
      <c r="OD17" s="345">
        <v>2959358</v>
      </c>
      <c r="OE17" s="345">
        <v>6681614</v>
      </c>
      <c r="OF17" s="345">
        <v>14213088</v>
      </c>
      <c r="OG17" s="349">
        <v>27466225</v>
      </c>
      <c r="OH17" s="350">
        <v>27466225</v>
      </c>
      <c r="OI17" s="348">
        <v>13527963</v>
      </c>
      <c r="OJ17" s="345">
        <v>19300580</v>
      </c>
      <c r="OK17" s="346">
        <v>32828543</v>
      </c>
      <c r="OL17" s="351">
        <v>0</v>
      </c>
      <c r="OM17" s="345">
        <v>210960450</v>
      </c>
      <c r="ON17" s="345">
        <v>235476069</v>
      </c>
      <c r="OO17" s="345">
        <v>290907990</v>
      </c>
      <c r="OP17" s="345">
        <v>348378487</v>
      </c>
      <c r="OQ17" s="345">
        <v>232183543</v>
      </c>
      <c r="OR17" s="349">
        <v>1317906539</v>
      </c>
      <c r="OS17" s="354">
        <v>1350735082</v>
      </c>
    </row>
    <row r="18" spans="2:409" s="70" customFormat="1" ht="21" customHeight="1" x14ac:dyDescent="0.2">
      <c r="B18" s="410" t="s">
        <v>12</v>
      </c>
      <c r="C18" s="326">
        <v>16721646</v>
      </c>
      <c r="D18" s="327">
        <v>36723807</v>
      </c>
      <c r="E18" s="328">
        <v>53445453</v>
      </c>
      <c r="F18" s="329">
        <v>0</v>
      </c>
      <c r="G18" s="327">
        <v>140823471</v>
      </c>
      <c r="H18" s="366">
        <v>170930030</v>
      </c>
      <c r="I18" s="366">
        <v>149334980</v>
      </c>
      <c r="J18" s="366">
        <v>166472153</v>
      </c>
      <c r="K18" s="366">
        <v>103427898</v>
      </c>
      <c r="L18" s="331">
        <v>730988532</v>
      </c>
      <c r="M18" s="330">
        <v>784433985</v>
      </c>
      <c r="N18" s="326">
        <v>3995141</v>
      </c>
      <c r="O18" s="327">
        <v>10932606</v>
      </c>
      <c r="P18" s="328">
        <v>14927747</v>
      </c>
      <c r="Q18" s="326">
        <v>0</v>
      </c>
      <c r="R18" s="327">
        <v>41228876</v>
      </c>
      <c r="S18" s="327">
        <v>56109207</v>
      </c>
      <c r="T18" s="327">
        <v>49447281</v>
      </c>
      <c r="U18" s="327">
        <v>66957635</v>
      </c>
      <c r="V18" s="327">
        <v>55377469</v>
      </c>
      <c r="W18" s="328">
        <v>269120468</v>
      </c>
      <c r="X18" s="330">
        <v>284048215</v>
      </c>
      <c r="Y18" s="326">
        <v>0</v>
      </c>
      <c r="Z18" s="327">
        <v>0</v>
      </c>
      <c r="AA18" s="328">
        <v>0</v>
      </c>
      <c r="AB18" s="326">
        <v>0</v>
      </c>
      <c r="AC18" s="327">
        <v>23067039</v>
      </c>
      <c r="AD18" s="327">
        <v>29597590</v>
      </c>
      <c r="AE18" s="327">
        <v>32067547</v>
      </c>
      <c r="AF18" s="327">
        <v>44052293</v>
      </c>
      <c r="AG18" s="327">
        <v>37206770</v>
      </c>
      <c r="AH18" s="328">
        <v>165991239</v>
      </c>
      <c r="AI18" s="330">
        <v>165991239</v>
      </c>
      <c r="AJ18" s="326">
        <v>0</v>
      </c>
      <c r="AK18" s="327">
        <v>91724</v>
      </c>
      <c r="AL18" s="328">
        <v>91724</v>
      </c>
      <c r="AM18" s="326">
        <v>0</v>
      </c>
      <c r="AN18" s="327">
        <v>136070</v>
      </c>
      <c r="AO18" s="327">
        <v>978083</v>
      </c>
      <c r="AP18" s="327">
        <v>766597</v>
      </c>
      <c r="AQ18" s="327">
        <v>3540352</v>
      </c>
      <c r="AR18" s="327">
        <v>4128926</v>
      </c>
      <c r="AS18" s="328">
        <v>9550028</v>
      </c>
      <c r="AT18" s="330">
        <v>9641752</v>
      </c>
      <c r="AU18" s="326">
        <v>2736545</v>
      </c>
      <c r="AV18" s="327">
        <v>8643170</v>
      </c>
      <c r="AW18" s="328">
        <v>11379715</v>
      </c>
      <c r="AX18" s="326">
        <v>0</v>
      </c>
      <c r="AY18" s="327">
        <v>12308910</v>
      </c>
      <c r="AZ18" s="327">
        <v>17874229</v>
      </c>
      <c r="BA18" s="327">
        <v>10544236</v>
      </c>
      <c r="BB18" s="327">
        <v>10879924</v>
      </c>
      <c r="BC18" s="327">
        <v>8919372</v>
      </c>
      <c r="BD18" s="328">
        <v>60526671</v>
      </c>
      <c r="BE18" s="330">
        <v>71906386</v>
      </c>
      <c r="BF18" s="326">
        <v>277593</v>
      </c>
      <c r="BG18" s="327">
        <v>683161</v>
      </c>
      <c r="BH18" s="331">
        <v>960754</v>
      </c>
      <c r="BI18" s="332">
        <v>0</v>
      </c>
      <c r="BJ18" s="327">
        <v>508276</v>
      </c>
      <c r="BK18" s="327">
        <v>1356930</v>
      </c>
      <c r="BL18" s="327">
        <v>594129</v>
      </c>
      <c r="BM18" s="327">
        <v>812653</v>
      </c>
      <c r="BN18" s="327">
        <v>378605</v>
      </c>
      <c r="BO18" s="328">
        <v>3650593</v>
      </c>
      <c r="BP18" s="330">
        <v>4611347</v>
      </c>
      <c r="BQ18" s="326">
        <v>981003</v>
      </c>
      <c r="BR18" s="327">
        <v>1514551</v>
      </c>
      <c r="BS18" s="328">
        <v>2495554</v>
      </c>
      <c r="BT18" s="326">
        <v>0</v>
      </c>
      <c r="BU18" s="327">
        <v>5208581</v>
      </c>
      <c r="BV18" s="327">
        <v>6302375</v>
      </c>
      <c r="BW18" s="327">
        <v>5474772</v>
      </c>
      <c r="BX18" s="327">
        <v>7672413</v>
      </c>
      <c r="BY18" s="327">
        <v>4743796</v>
      </c>
      <c r="BZ18" s="328">
        <v>29401937</v>
      </c>
      <c r="CA18" s="330">
        <v>31897491</v>
      </c>
      <c r="CB18" s="326">
        <v>2329061</v>
      </c>
      <c r="CC18" s="327">
        <v>5661497</v>
      </c>
      <c r="CD18" s="328">
        <v>7990558</v>
      </c>
      <c r="CE18" s="326">
        <v>0</v>
      </c>
      <c r="CF18" s="327">
        <v>44383296</v>
      </c>
      <c r="CG18" s="327">
        <v>44915449</v>
      </c>
      <c r="CH18" s="327">
        <v>34892075</v>
      </c>
      <c r="CI18" s="327">
        <v>26661344</v>
      </c>
      <c r="CJ18" s="327">
        <v>10747839</v>
      </c>
      <c r="CK18" s="328">
        <v>161600003</v>
      </c>
      <c r="CL18" s="330">
        <v>169590561</v>
      </c>
      <c r="CM18" s="326">
        <v>0</v>
      </c>
      <c r="CN18" s="327">
        <v>0</v>
      </c>
      <c r="CO18" s="328">
        <v>0</v>
      </c>
      <c r="CP18" s="332">
        <v>0</v>
      </c>
      <c r="CQ18" s="327">
        <v>38126407</v>
      </c>
      <c r="CR18" s="327">
        <v>33357087</v>
      </c>
      <c r="CS18" s="327">
        <v>27362598</v>
      </c>
      <c r="CT18" s="327">
        <v>21548425</v>
      </c>
      <c r="CU18" s="327">
        <v>8831957</v>
      </c>
      <c r="CV18" s="328">
        <v>129226474</v>
      </c>
      <c r="CW18" s="330">
        <v>129226474</v>
      </c>
      <c r="CX18" s="326">
        <v>2329061</v>
      </c>
      <c r="CY18" s="327">
        <v>5661497</v>
      </c>
      <c r="CZ18" s="328">
        <v>7990558</v>
      </c>
      <c r="DA18" s="326">
        <v>0</v>
      </c>
      <c r="DB18" s="327">
        <v>6256889</v>
      </c>
      <c r="DC18" s="327">
        <v>11558362</v>
      </c>
      <c r="DD18" s="327">
        <v>7529477</v>
      </c>
      <c r="DE18" s="327">
        <v>5112919</v>
      </c>
      <c r="DF18" s="327">
        <v>1915882</v>
      </c>
      <c r="DG18" s="328">
        <v>32373529</v>
      </c>
      <c r="DH18" s="330">
        <v>40364087</v>
      </c>
      <c r="DI18" s="326">
        <v>248546</v>
      </c>
      <c r="DJ18" s="327">
        <v>284555</v>
      </c>
      <c r="DK18" s="331">
        <v>533101</v>
      </c>
      <c r="DL18" s="332">
        <v>0</v>
      </c>
      <c r="DM18" s="327">
        <v>4860804</v>
      </c>
      <c r="DN18" s="327">
        <v>8579262</v>
      </c>
      <c r="DO18" s="327">
        <v>12505451</v>
      </c>
      <c r="DP18" s="327">
        <v>13564553</v>
      </c>
      <c r="DQ18" s="327">
        <v>5451133</v>
      </c>
      <c r="DR18" s="328">
        <v>44961203</v>
      </c>
      <c r="DS18" s="330">
        <v>45494304</v>
      </c>
      <c r="DT18" s="326">
        <v>248546</v>
      </c>
      <c r="DU18" s="327">
        <v>284555</v>
      </c>
      <c r="DV18" s="328">
        <v>533101</v>
      </c>
      <c r="DW18" s="326">
        <v>0</v>
      </c>
      <c r="DX18" s="327">
        <v>4860804</v>
      </c>
      <c r="DY18" s="327">
        <v>8457263</v>
      </c>
      <c r="DZ18" s="327">
        <v>12305197</v>
      </c>
      <c r="EA18" s="327">
        <v>13234163</v>
      </c>
      <c r="EB18" s="327">
        <v>5162749</v>
      </c>
      <c r="EC18" s="328">
        <v>44020176</v>
      </c>
      <c r="ED18" s="330">
        <v>44553277</v>
      </c>
      <c r="EE18" s="326">
        <v>0</v>
      </c>
      <c r="EF18" s="331">
        <v>0</v>
      </c>
      <c r="EG18" s="328">
        <v>0</v>
      </c>
      <c r="EH18" s="326">
        <v>0</v>
      </c>
      <c r="EI18" s="327">
        <v>0</v>
      </c>
      <c r="EJ18" s="327">
        <v>121999</v>
      </c>
      <c r="EK18" s="327">
        <v>200254</v>
      </c>
      <c r="EL18" s="327">
        <v>330390</v>
      </c>
      <c r="EM18" s="327">
        <v>288384</v>
      </c>
      <c r="EN18" s="331">
        <v>941027</v>
      </c>
      <c r="EO18" s="330">
        <v>941027</v>
      </c>
      <c r="EP18" s="326">
        <v>0</v>
      </c>
      <c r="EQ18" s="327">
        <v>0</v>
      </c>
      <c r="ER18" s="331">
        <v>0</v>
      </c>
      <c r="ES18" s="332">
        <v>0</v>
      </c>
      <c r="ET18" s="327">
        <v>0</v>
      </c>
      <c r="EU18" s="327">
        <v>0</v>
      </c>
      <c r="EV18" s="327">
        <v>0</v>
      </c>
      <c r="EW18" s="327">
        <v>0</v>
      </c>
      <c r="EX18" s="327">
        <v>0</v>
      </c>
      <c r="EY18" s="328">
        <v>0</v>
      </c>
      <c r="EZ18" s="330">
        <v>0</v>
      </c>
      <c r="FA18" s="326">
        <v>0</v>
      </c>
      <c r="FB18" s="327">
        <v>0</v>
      </c>
      <c r="FC18" s="331">
        <v>0</v>
      </c>
      <c r="FD18" s="332">
        <v>0</v>
      </c>
      <c r="FE18" s="327">
        <v>0</v>
      </c>
      <c r="FF18" s="327">
        <v>0</v>
      </c>
      <c r="FG18" s="327">
        <v>0</v>
      </c>
      <c r="FH18" s="327">
        <v>0</v>
      </c>
      <c r="FI18" s="327">
        <v>0</v>
      </c>
      <c r="FJ18" s="328">
        <v>0</v>
      </c>
      <c r="FK18" s="330">
        <v>0</v>
      </c>
      <c r="FL18" s="326">
        <v>3927698</v>
      </c>
      <c r="FM18" s="327">
        <v>9267364</v>
      </c>
      <c r="FN18" s="328">
        <v>13195062</v>
      </c>
      <c r="FO18" s="326">
        <v>0</v>
      </c>
      <c r="FP18" s="327">
        <v>5258246</v>
      </c>
      <c r="FQ18" s="327">
        <v>16655866</v>
      </c>
      <c r="FR18" s="327">
        <v>11005157</v>
      </c>
      <c r="FS18" s="327">
        <v>13618054</v>
      </c>
      <c r="FT18" s="327">
        <v>7558281</v>
      </c>
      <c r="FU18" s="328">
        <v>54095604</v>
      </c>
      <c r="FV18" s="330">
        <v>67290666</v>
      </c>
      <c r="FW18" s="333">
        <v>2335591</v>
      </c>
      <c r="FX18" s="327">
        <v>6533862</v>
      </c>
      <c r="FY18" s="331">
        <v>8869453</v>
      </c>
      <c r="FZ18" s="332">
        <v>0</v>
      </c>
      <c r="GA18" s="327">
        <v>4236672</v>
      </c>
      <c r="GB18" s="327">
        <v>14621742</v>
      </c>
      <c r="GC18" s="327">
        <v>10051384</v>
      </c>
      <c r="GD18" s="327">
        <v>12792884</v>
      </c>
      <c r="GE18" s="327">
        <v>7433309</v>
      </c>
      <c r="GF18" s="328">
        <v>49135991</v>
      </c>
      <c r="GG18" s="334">
        <v>58005444</v>
      </c>
      <c r="GH18" s="333">
        <v>256670</v>
      </c>
      <c r="GI18" s="327">
        <v>886641</v>
      </c>
      <c r="GJ18" s="331">
        <v>1143311</v>
      </c>
      <c r="GK18" s="332">
        <v>0</v>
      </c>
      <c r="GL18" s="327">
        <v>176587</v>
      </c>
      <c r="GM18" s="327">
        <v>786074</v>
      </c>
      <c r="GN18" s="327">
        <v>207653</v>
      </c>
      <c r="GO18" s="327">
        <v>277300</v>
      </c>
      <c r="GP18" s="327">
        <v>71332</v>
      </c>
      <c r="GQ18" s="328">
        <v>1518946</v>
      </c>
      <c r="GR18" s="330">
        <v>2662257</v>
      </c>
      <c r="GS18" s="326">
        <v>1335437</v>
      </c>
      <c r="GT18" s="327">
        <v>1846861</v>
      </c>
      <c r="GU18" s="328">
        <v>3182298</v>
      </c>
      <c r="GV18" s="326">
        <v>0</v>
      </c>
      <c r="GW18" s="327">
        <v>844987</v>
      </c>
      <c r="GX18" s="327">
        <v>1248050</v>
      </c>
      <c r="GY18" s="327">
        <v>746120</v>
      </c>
      <c r="GZ18" s="327">
        <v>547870</v>
      </c>
      <c r="HA18" s="327">
        <v>53640</v>
      </c>
      <c r="HB18" s="331">
        <v>3440667</v>
      </c>
      <c r="HC18" s="330">
        <v>6622965</v>
      </c>
      <c r="HD18" s="326">
        <v>2918490</v>
      </c>
      <c r="HE18" s="327">
        <v>4797717</v>
      </c>
      <c r="HF18" s="331">
        <v>7716207</v>
      </c>
      <c r="HG18" s="332">
        <v>0</v>
      </c>
      <c r="HH18" s="327">
        <v>21364829</v>
      </c>
      <c r="HI18" s="327">
        <v>23696923</v>
      </c>
      <c r="HJ18" s="327">
        <v>27064819</v>
      </c>
      <c r="HK18" s="327">
        <v>33497554</v>
      </c>
      <c r="HL18" s="327">
        <v>18277418</v>
      </c>
      <c r="HM18" s="328">
        <v>123901543</v>
      </c>
      <c r="HN18" s="329">
        <v>131617750</v>
      </c>
      <c r="HO18" s="333">
        <v>3302710</v>
      </c>
      <c r="HP18" s="327">
        <v>5780068</v>
      </c>
      <c r="HQ18" s="328">
        <v>9082778</v>
      </c>
      <c r="HR18" s="326">
        <v>0</v>
      </c>
      <c r="HS18" s="327">
        <v>23727420</v>
      </c>
      <c r="HT18" s="327">
        <v>20973323</v>
      </c>
      <c r="HU18" s="327">
        <v>14420197</v>
      </c>
      <c r="HV18" s="327">
        <v>12173013</v>
      </c>
      <c r="HW18" s="327">
        <v>6015758</v>
      </c>
      <c r="HX18" s="331">
        <v>77309711</v>
      </c>
      <c r="HY18" s="330">
        <v>86392489</v>
      </c>
      <c r="HZ18" s="358">
        <v>0</v>
      </c>
      <c r="IA18" s="356">
        <v>394540</v>
      </c>
      <c r="IB18" s="358">
        <v>394540</v>
      </c>
      <c r="IC18" s="355">
        <v>0</v>
      </c>
      <c r="ID18" s="356">
        <v>35394722</v>
      </c>
      <c r="IE18" s="357">
        <v>40411104</v>
      </c>
      <c r="IF18" s="358">
        <v>51267577</v>
      </c>
      <c r="IG18" s="356">
        <v>42631263</v>
      </c>
      <c r="IH18" s="358">
        <v>33443503</v>
      </c>
      <c r="II18" s="359">
        <v>203148169</v>
      </c>
      <c r="IJ18" s="358">
        <v>203542709</v>
      </c>
      <c r="IK18" s="342">
        <v>0</v>
      </c>
      <c r="IL18" s="343">
        <v>0</v>
      </c>
      <c r="IM18" s="344">
        <v>0</v>
      </c>
      <c r="IN18" s="404">
        <v>0</v>
      </c>
      <c r="IO18" s="345">
        <v>603074</v>
      </c>
      <c r="IP18" s="345">
        <v>459135</v>
      </c>
      <c r="IQ18" s="345">
        <v>391275</v>
      </c>
      <c r="IR18" s="345">
        <v>1023096</v>
      </c>
      <c r="IS18" s="345">
        <v>893277</v>
      </c>
      <c r="IT18" s="346">
        <v>3369857</v>
      </c>
      <c r="IU18" s="347">
        <v>3369857</v>
      </c>
      <c r="IV18" s="348">
        <v>0</v>
      </c>
      <c r="IW18" s="345">
        <v>0</v>
      </c>
      <c r="IX18" s="349">
        <v>0</v>
      </c>
      <c r="IY18" s="413">
        <v>0</v>
      </c>
      <c r="IZ18" s="345">
        <v>0</v>
      </c>
      <c r="JA18" s="345">
        <v>0</v>
      </c>
      <c r="JB18" s="345">
        <v>0</v>
      </c>
      <c r="JC18" s="345">
        <v>0</v>
      </c>
      <c r="JD18" s="345">
        <v>0</v>
      </c>
      <c r="JE18" s="349">
        <v>0</v>
      </c>
      <c r="JF18" s="350">
        <v>0</v>
      </c>
      <c r="JG18" s="348">
        <v>0</v>
      </c>
      <c r="JH18" s="345">
        <v>0</v>
      </c>
      <c r="JI18" s="346">
        <v>0</v>
      </c>
      <c r="JJ18" s="351">
        <v>0</v>
      </c>
      <c r="JK18" s="345">
        <v>19904747</v>
      </c>
      <c r="JL18" s="345">
        <v>16220591</v>
      </c>
      <c r="JM18" s="345">
        <v>15169180</v>
      </c>
      <c r="JN18" s="345">
        <v>6980601</v>
      </c>
      <c r="JO18" s="345">
        <v>2886748</v>
      </c>
      <c r="JP18" s="349">
        <v>61161867</v>
      </c>
      <c r="JQ18" s="347">
        <v>61161867</v>
      </c>
      <c r="JR18" s="348">
        <v>0</v>
      </c>
      <c r="JS18" s="345">
        <v>0</v>
      </c>
      <c r="JT18" s="346">
        <v>0</v>
      </c>
      <c r="JU18" s="351">
        <v>0</v>
      </c>
      <c r="JV18" s="345">
        <v>413332</v>
      </c>
      <c r="JW18" s="345">
        <v>235180</v>
      </c>
      <c r="JX18" s="345">
        <v>321904</v>
      </c>
      <c r="JY18" s="345">
        <v>0</v>
      </c>
      <c r="JZ18" s="345">
        <v>0</v>
      </c>
      <c r="KA18" s="349">
        <v>970416</v>
      </c>
      <c r="KB18" s="347">
        <v>970416</v>
      </c>
      <c r="KC18" s="352">
        <v>0</v>
      </c>
      <c r="KD18" s="353">
        <v>394540</v>
      </c>
      <c r="KE18" s="349">
        <v>394540</v>
      </c>
      <c r="KF18" s="351">
        <v>0</v>
      </c>
      <c r="KG18" s="345">
        <v>2519574</v>
      </c>
      <c r="KH18" s="345">
        <v>6893642</v>
      </c>
      <c r="KI18" s="345">
        <v>11782013</v>
      </c>
      <c r="KJ18" s="345">
        <v>11496208</v>
      </c>
      <c r="KK18" s="345">
        <v>8532250</v>
      </c>
      <c r="KL18" s="349">
        <v>41223687</v>
      </c>
      <c r="KM18" s="354">
        <v>41618227</v>
      </c>
      <c r="KN18" s="342">
        <v>0</v>
      </c>
      <c r="KO18" s="343">
        <v>0</v>
      </c>
      <c r="KP18" s="344">
        <v>0</v>
      </c>
      <c r="KQ18" s="413">
        <v>0</v>
      </c>
      <c r="KR18" s="345">
        <v>11053683</v>
      </c>
      <c r="KS18" s="345">
        <v>11624913</v>
      </c>
      <c r="KT18" s="345">
        <v>13474387</v>
      </c>
      <c r="KU18" s="345">
        <v>8794754</v>
      </c>
      <c r="KV18" s="345">
        <v>11860712</v>
      </c>
      <c r="KW18" s="349">
        <v>56808449</v>
      </c>
      <c r="KX18" s="347">
        <v>56808449</v>
      </c>
      <c r="KY18" s="348">
        <v>0</v>
      </c>
      <c r="KZ18" s="345">
        <v>0</v>
      </c>
      <c r="LA18" s="349">
        <v>0</v>
      </c>
      <c r="LB18" s="413">
        <v>0</v>
      </c>
      <c r="LC18" s="345">
        <v>0</v>
      </c>
      <c r="LD18" s="345">
        <v>921414</v>
      </c>
      <c r="LE18" s="345">
        <v>1382460</v>
      </c>
      <c r="LF18" s="345">
        <v>2669632</v>
      </c>
      <c r="LG18" s="345">
        <v>1391610</v>
      </c>
      <c r="LH18" s="349">
        <v>6365116</v>
      </c>
      <c r="LI18" s="350">
        <v>6365116</v>
      </c>
      <c r="LJ18" s="348">
        <v>0</v>
      </c>
      <c r="LK18" s="345">
        <v>0</v>
      </c>
      <c r="LL18" s="349">
        <v>0</v>
      </c>
      <c r="LM18" s="413">
        <v>0</v>
      </c>
      <c r="LN18" s="345">
        <v>0</v>
      </c>
      <c r="LO18" s="345">
        <v>0</v>
      </c>
      <c r="LP18" s="345">
        <v>3612391</v>
      </c>
      <c r="LQ18" s="345">
        <v>4400679</v>
      </c>
      <c r="LR18" s="345">
        <v>1038870</v>
      </c>
      <c r="LS18" s="349">
        <v>9051940</v>
      </c>
      <c r="LT18" s="347">
        <v>9051940</v>
      </c>
      <c r="LU18" s="348">
        <v>0</v>
      </c>
      <c r="LV18" s="345">
        <v>0</v>
      </c>
      <c r="LW18" s="349">
        <v>0</v>
      </c>
      <c r="LX18" s="413">
        <v>0</v>
      </c>
      <c r="LY18" s="345">
        <v>900312</v>
      </c>
      <c r="LZ18" s="345">
        <v>4056229</v>
      </c>
      <c r="MA18" s="345">
        <v>5133967</v>
      </c>
      <c r="MB18" s="345">
        <v>7266293</v>
      </c>
      <c r="MC18" s="345">
        <v>6840036</v>
      </c>
      <c r="MD18" s="349">
        <v>24196837</v>
      </c>
      <c r="ME18" s="350">
        <v>24196837</v>
      </c>
      <c r="MF18" s="348">
        <v>0</v>
      </c>
      <c r="MG18" s="345">
        <v>0</v>
      </c>
      <c r="MH18" s="349">
        <v>0</v>
      </c>
      <c r="MI18" s="413">
        <v>0</v>
      </c>
      <c r="MJ18" s="345">
        <v>9132698</v>
      </c>
      <c r="MK18" s="345">
        <v>28222018</v>
      </c>
      <c r="ML18" s="345">
        <v>103011365</v>
      </c>
      <c r="MM18" s="345">
        <v>161334459</v>
      </c>
      <c r="MN18" s="345">
        <v>94337504</v>
      </c>
      <c r="MO18" s="349">
        <v>396038044</v>
      </c>
      <c r="MP18" s="354">
        <v>396038044</v>
      </c>
      <c r="MQ18" s="348">
        <v>0</v>
      </c>
      <c r="MR18" s="345">
        <v>0</v>
      </c>
      <c r="MS18" s="349">
        <v>0</v>
      </c>
      <c r="MT18" s="413">
        <v>0</v>
      </c>
      <c r="MU18" s="345">
        <v>419486</v>
      </c>
      <c r="MV18" s="345">
        <v>3105447</v>
      </c>
      <c r="MW18" s="345">
        <v>53247510</v>
      </c>
      <c r="MX18" s="345">
        <v>101930837</v>
      </c>
      <c r="MY18" s="345">
        <v>68843828</v>
      </c>
      <c r="MZ18" s="349">
        <v>227547108</v>
      </c>
      <c r="NA18" s="354">
        <v>227547108</v>
      </c>
      <c r="NB18" s="348">
        <v>0</v>
      </c>
      <c r="NC18" s="345">
        <v>0</v>
      </c>
      <c r="ND18" s="349">
        <v>0</v>
      </c>
      <c r="NE18" s="413">
        <v>0</v>
      </c>
      <c r="NF18" s="345">
        <v>8713212</v>
      </c>
      <c r="NG18" s="345">
        <v>25116571</v>
      </c>
      <c r="NH18" s="345">
        <v>48833263</v>
      </c>
      <c r="NI18" s="345">
        <v>53662971</v>
      </c>
      <c r="NJ18" s="345">
        <v>21330804</v>
      </c>
      <c r="NK18" s="349">
        <v>157656821</v>
      </c>
      <c r="NL18" s="347">
        <v>157656821</v>
      </c>
      <c r="NM18" s="348">
        <v>0</v>
      </c>
      <c r="NN18" s="345">
        <v>0</v>
      </c>
      <c r="NO18" s="349">
        <v>0</v>
      </c>
      <c r="NP18" s="413">
        <v>0</v>
      </c>
      <c r="NQ18" s="345">
        <v>0</v>
      </c>
      <c r="NR18" s="345">
        <v>0</v>
      </c>
      <c r="NS18" s="345">
        <v>0</v>
      </c>
      <c r="NT18" s="345">
        <v>0</v>
      </c>
      <c r="NU18" s="345">
        <v>0</v>
      </c>
      <c r="NV18" s="349">
        <v>0</v>
      </c>
      <c r="NW18" s="350">
        <v>0</v>
      </c>
      <c r="NX18" s="348">
        <v>0</v>
      </c>
      <c r="NY18" s="345">
        <v>0</v>
      </c>
      <c r="NZ18" s="349">
        <v>0</v>
      </c>
      <c r="OA18" s="413">
        <v>0</v>
      </c>
      <c r="OB18" s="345">
        <v>0</v>
      </c>
      <c r="OC18" s="345">
        <v>0</v>
      </c>
      <c r="OD18" s="345">
        <v>930592</v>
      </c>
      <c r="OE18" s="345">
        <v>5740651</v>
      </c>
      <c r="OF18" s="345">
        <v>4162872</v>
      </c>
      <c r="OG18" s="349">
        <v>10834115</v>
      </c>
      <c r="OH18" s="350">
        <v>10834115</v>
      </c>
      <c r="OI18" s="348">
        <v>16721646</v>
      </c>
      <c r="OJ18" s="345">
        <v>37118347</v>
      </c>
      <c r="OK18" s="346">
        <v>53839993</v>
      </c>
      <c r="OL18" s="351">
        <v>0</v>
      </c>
      <c r="OM18" s="345">
        <v>185350891</v>
      </c>
      <c r="ON18" s="345">
        <v>239563152</v>
      </c>
      <c r="OO18" s="345">
        <v>303613922</v>
      </c>
      <c r="OP18" s="345">
        <v>370437875</v>
      </c>
      <c r="OQ18" s="345">
        <v>231208905</v>
      </c>
      <c r="OR18" s="349">
        <v>1330174745</v>
      </c>
      <c r="OS18" s="354">
        <v>1384014738</v>
      </c>
    </row>
    <row r="19" spans="2:409" s="70" customFormat="1" ht="21" customHeight="1" x14ac:dyDescent="0.2">
      <c r="B19" s="410" t="s">
        <v>13</v>
      </c>
      <c r="C19" s="326">
        <v>3519996</v>
      </c>
      <c r="D19" s="327">
        <v>5167294</v>
      </c>
      <c r="E19" s="328">
        <v>8687290</v>
      </c>
      <c r="F19" s="326">
        <v>0</v>
      </c>
      <c r="G19" s="366">
        <v>52689063</v>
      </c>
      <c r="H19" s="327">
        <v>71011707</v>
      </c>
      <c r="I19" s="327">
        <v>59744046</v>
      </c>
      <c r="J19" s="327">
        <v>61843706</v>
      </c>
      <c r="K19" s="327">
        <v>54145098</v>
      </c>
      <c r="L19" s="331">
        <v>299433620</v>
      </c>
      <c r="M19" s="330">
        <v>308120910</v>
      </c>
      <c r="N19" s="326">
        <v>845114</v>
      </c>
      <c r="O19" s="327">
        <v>1076162</v>
      </c>
      <c r="P19" s="328">
        <v>1921276</v>
      </c>
      <c r="Q19" s="326">
        <v>0</v>
      </c>
      <c r="R19" s="327">
        <v>14980279</v>
      </c>
      <c r="S19" s="327">
        <v>22197867</v>
      </c>
      <c r="T19" s="327">
        <v>19556773</v>
      </c>
      <c r="U19" s="327">
        <v>24486221</v>
      </c>
      <c r="V19" s="327">
        <v>27422664</v>
      </c>
      <c r="W19" s="328">
        <v>108643804</v>
      </c>
      <c r="X19" s="330">
        <v>110565080</v>
      </c>
      <c r="Y19" s="326">
        <v>0</v>
      </c>
      <c r="Z19" s="327">
        <v>0</v>
      </c>
      <c r="AA19" s="328">
        <v>0</v>
      </c>
      <c r="AB19" s="326">
        <v>0</v>
      </c>
      <c r="AC19" s="327">
        <v>6606858</v>
      </c>
      <c r="AD19" s="327">
        <v>10491834</v>
      </c>
      <c r="AE19" s="327">
        <v>11288118</v>
      </c>
      <c r="AF19" s="327">
        <v>16548299</v>
      </c>
      <c r="AG19" s="327">
        <v>16732554</v>
      </c>
      <c r="AH19" s="328">
        <v>61667663</v>
      </c>
      <c r="AI19" s="330">
        <v>61667663</v>
      </c>
      <c r="AJ19" s="326">
        <v>0</v>
      </c>
      <c r="AK19" s="327">
        <v>0</v>
      </c>
      <c r="AL19" s="328">
        <v>0</v>
      </c>
      <c r="AM19" s="326">
        <v>0</v>
      </c>
      <c r="AN19" s="327">
        <v>57271</v>
      </c>
      <c r="AO19" s="327">
        <v>193111</v>
      </c>
      <c r="AP19" s="327">
        <v>225045</v>
      </c>
      <c r="AQ19" s="327">
        <v>1070413</v>
      </c>
      <c r="AR19" s="327">
        <v>2995276</v>
      </c>
      <c r="AS19" s="328">
        <v>4541116</v>
      </c>
      <c r="AT19" s="330">
        <v>4541116</v>
      </c>
      <c r="AU19" s="326">
        <v>405863</v>
      </c>
      <c r="AV19" s="327">
        <v>611327</v>
      </c>
      <c r="AW19" s="328">
        <v>1017190</v>
      </c>
      <c r="AX19" s="326">
        <v>0</v>
      </c>
      <c r="AY19" s="327">
        <v>4987158</v>
      </c>
      <c r="AZ19" s="327">
        <v>7574850</v>
      </c>
      <c r="BA19" s="327">
        <v>4656322</v>
      </c>
      <c r="BB19" s="327">
        <v>3801270</v>
      </c>
      <c r="BC19" s="327">
        <v>4743173</v>
      </c>
      <c r="BD19" s="328">
        <v>25762773</v>
      </c>
      <c r="BE19" s="330">
        <v>26779963</v>
      </c>
      <c r="BF19" s="326">
        <v>0</v>
      </c>
      <c r="BG19" s="327">
        <v>46664</v>
      </c>
      <c r="BH19" s="331">
        <v>46664</v>
      </c>
      <c r="BI19" s="332">
        <v>0</v>
      </c>
      <c r="BJ19" s="327">
        <v>265129</v>
      </c>
      <c r="BK19" s="327">
        <v>441881</v>
      </c>
      <c r="BL19" s="327">
        <v>299497</v>
      </c>
      <c r="BM19" s="327">
        <v>100886</v>
      </c>
      <c r="BN19" s="327">
        <v>195562</v>
      </c>
      <c r="BO19" s="328">
        <v>1302955</v>
      </c>
      <c r="BP19" s="330">
        <v>1349619</v>
      </c>
      <c r="BQ19" s="326">
        <v>439251</v>
      </c>
      <c r="BR19" s="327">
        <v>418171</v>
      </c>
      <c r="BS19" s="328">
        <v>857422</v>
      </c>
      <c r="BT19" s="326">
        <v>0</v>
      </c>
      <c r="BU19" s="327">
        <v>3063863</v>
      </c>
      <c r="BV19" s="327">
        <v>3496191</v>
      </c>
      <c r="BW19" s="327">
        <v>3087791</v>
      </c>
      <c r="BX19" s="327">
        <v>2965353</v>
      </c>
      <c r="BY19" s="327">
        <v>2756099</v>
      </c>
      <c r="BZ19" s="328">
        <v>15369297</v>
      </c>
      <c r="CA19" s="330">
        <v>16226719</v>
      </c>
      <c r="CB19" s="326">
        <v>232892</v>
      </c>
      <c r="CC19" s="327">
        <v>735852</v>
      </c>
      <c r="CD19" s="328">
        <v>968744</v>
      </c>
      <c r="CE19" s="326">
        <v>0</v>
      </c>
      <c r="CF19" s="327">
        <v>10818764</v>
      </c>
      <c r="CG19" s="327">
        <v>14909800</v>
      </c>
      <c r="CH19" s="327">
        <v>9149386</v>
      </c>
      <c r="CI19" s="327">
        <v>8760428</v>
      </c>
      <c r="CJ19" s="327">
        <v>4788210</v>
      </c>
      <c r="CK19" s="328">
        <v>48426588</v>
      </c>
      <c r="CL19" s="330">
        <v>49395332</v>
      </c>
      <c r="CM19" s="326">
        <v>0</v>
      </c>
      <c r="CN19" s="327">
        <v>0</v>
      </c>
      <c r="CO19" s="328">
        <v>0</v>
      </c>
      <c r="CP19" s="332">
        <v>0</v>
      </c>
      <c r="CQ19" s="327">
        <v>9544386</v>
      </c>
      <c r="CR19" s="327">
        <v>12848974</v>
      </c>
      <c r="CS19" s="327">
        <v>7849701</v>
      </c>
      <c r="CT19" s="327">
        <v>6778979</v>
      </c>
      <c r="CU19" s="327">
        <v>3634028</v>
      </c>
      <c r="CV19" s="328">
        <v>40656068</v>
      </c>
      <c r="CW19" s="330">
        <v>40656068</v>
      </c>
      <c r="CX19" s="326">
        <v>232892</v>
      </c>
      <c r="CY19" s="327">
        <v>735852</v>
      </c>
      <c r="CZ19" s="328">
        <v>968744</v>
      </c>
      <c r="DA19" s="326">
        <v>0</v>
      </c>
      <c r="DB19" s="327">
        <v>1274378</v>
      </c>
      <c r="DC19" s="327">
        <v>2060826</v>
      </c>
      <c r="DD19" s="327">
        <v>1299685</v>
      </c>
      <c r="DE19" s="327">
        <v>1981449</v>
      </c>
      <c r="DF19" s="327">
        <v>1154182</v>
      </c>
      <c r="DG19" s="328">
        <v>7770520</v>
      </c>
      <c r="DH19" s="330">
        <v>8739264</v>
      </c>
      <c r="DI19" s="326">
        <v>0</v>
      </c>
      <c r="DJ19" s="327">
        <v>0</v>
      </c>
      <c r="DK19" s="331">
        <v>0</v>
      </c>
      <c r="DL19" s="332">
        <v>0</v>
      </c>
      <c r="DM19" s="327">
        <v>637607</v>
      </c>
      <c r="DN19" s="327">
        <v>3209273</v>
      </c>
      <c r="DO19" s="327">
        <v>6031393</v>
      </c>
      <c r="DP19" s="327">
        <v>4511554</v>
      </c>
      <c r="DQ19" s="327">
        <v>4347196</v>
      </c>
      <c r="DR19" s="328">
        <v>18737023</v>
      </c>
      <c r="DS19" s="330">
        <v>18737023</v>
      </c>
      <c r="DT19" s="326">
        <v>0</v>
      </c>
      <c r="DU19" s="327">
        <v>0</v>
      </c>
      <c r="DV19" s="328">
        <v>0</v>
      </c>
      <c r="DW19" s="326">
        <v>0</v>
      </c>
      <c r="DX19" s="327">
        <v>637607</v>
      </c>
      <c r="DY19" s="327">
        <v>2407923</v>
      </c>
      <c r="DZ19" s="327">
        <v>5213885</v>
      </c>
      <c r="EA19" s="327">
        <v>3652309</v>
      </c>
      <c r="EB19" s="327">
        <v>4268131</v>
      </c>
      <c r="EC19" s="328">
        <v>16179855</v>
      </c>
      <c r="ED19" s="330">
        <v>16179855</v>
      </c>
      <c r="EE19" s="326">
        <v>0</v>
      </c>
      <c r="EF19" s="331">
        <v>0</v>
      </c>
      <c r="EG19" s="328">
        <v>0</v>
      </c>
      <c r="EH19" s="326">
        <v>0</v>
      </c>
      <c r="EI19" s="327">
        <v>0</v>
      </c>
      <c r="EJ19" s="327">
        <v>801350</v>
      </c>
      <c r="EK19" s="327">
        <v>817508</v>
      </c>
      <c r="EL19" s="327">
        <v>859245</v>
      </c>
      <c r="EM19" s="327">
        <v>79065</v>
      </c>
      <c r="EN19" s="331">
        <v>2557168</v>
      </c>
      <c r="EO19" s="330">
        <v>2557168</v>
      </c>
      <c r="EP19" s="326">
        <v>0</v>
      </c>
      <c r="EQ19" s="327">
        <v>0</v>
      </c>
      <c r="ER19" s="331">
        <v>0</v>
      </c>
      <c r="ES19" s="332">
        <v>0</v>
      </c>
      <c r="ET19" s="327">
        <v>0</v>
      </c>
      <c r="EU19" s="327">
        <v>0</v>
      </c>
      <c r="EV19" s="327">
        <v>0</v>
      </c>
      <c r="EW19" s="327">
        <v>0</v>
      </c>
      <c r="EX19" s="327">
        <v>0</v>
      </c>
      <c r="EY19" s="328">
        <v>0</v>
      </c>
      <c r="EZ19" s="330">
        <v>0</v>
      </c>
      <c r="FA19" s="326">
        <v>0</v>
      </c>
      <c r="FB19" s="327">
        <v>0</v>
      </c>
      <c r="FC19" s="331">
        <v>0</v>
      </c>
      <c r="FD19" s="332">
        <v>0</v>
      </c>
      <c r="FE19" s="327">
        <v>0</v>
      </c>
      <c r="FF19" s="327">
        <v>0</v>
      </c>
      <c r="FG19" s="327">
        <v>0</v>
      </c>
      <c r="FH19" s="327">
        <v>0</v>
      </c>
      <c r="FI19" s="327">
        <v>0</v>
      </c>
      <c r="FJ19" s="328">
        <v>0</v>
      </c>
      <c r="FK19" s="330">
        <v>0</v>
      </c>
      <c r="FL19" s="326">
        <v>795481</v>
      </c>
      <c r="FM19" s="327">
        <v>1261148</v>
      </c>
      <c r="FN19" s="328">
        <v>2056629</v>
      </c>
      <c r="FO19" s="326">
        <v>0</v>
      </c>
      <c r="FP19" s="327">
        <v>2680469</v>
      </c>
      <c r="FQ19" s="327">
        <v>6249275</v>
      </c>
      <c r="FR19" s="327">
        <v>4097244</v>
      </c>
      <c r="FS19" s="327">
        <v>3913158</v>
      </c>
      <c r="FT19" s="327">
        <v>3348270</v>
      </c>
      <c r="FU19" s="328">
        <v>20288416</v>
      </c>
      <c r="FV19" s="330">
        <v>22345045</v>
      </c>
      <c r="FW19" s="333">
        <v>399797</v>
      </c>
      <c r="FX19" s="327">
        <v>865174</v>
      </c>
      <c r="FY19" s="331">
        <v>1264971</v>
      </c>
      <c r="FZ19" s="332">
        <v>0</v>
      </c>
      <c r="GA19" s="327">
        <v>2034187</v>
      </c>
      <c r="GB19" s="327">
        <v>5709229</v>
      </c>
      <c r="GC19" s="327">
        <v>3853895</v>
      </c>
      <c r="GD19" s="327">
        <v>3635699</v>
      </c>
      <c r="GE19" s="327">
        <v>3265605</v>
      </c>
      <c r="GF19" s="328">
        <v>18498615</v>
      </c>
      <c r="GG19" s="334">
        <v>19763586</v>
      </c>
      <c r="GH19" s="333">
        <v>51116</v>
      </c>
      <c r="GI19" s="327">
        <v>41474</v>
      </c>
      <c r="GJ19" s="331">
        <v>92590</v>
      </c>
      <c r="GK19" s="332">
        <v>0</v>
      </c>
      <c r="GL19" s="327">
        <v>121482</v>
      </c>
      <c r="GM19" s="327">
        <v>86446</v>
      </c>
      <c r="GN19" s="327">
        <v>243349</v>
      </c>
      <c r="GO19" s="327">
        <v>141559</v>
      </c>
      <c r="GP19" s="327">
        <v>43065</v>
      </c>
      <c r="GQ19" s="328">
        <v>635901</v>
      </c>
      <c r="GR19" s="330">
        <v>728491</v>
      </c>
      <c r="GS19" s="326">
        <v>344568</v>
      </c>
      <c r="GT19" s="327">
        <v>354500</v>
      </c>
      <c r="GU19" s="328">
        <v>699068</v>
      </c>
      <c r="GV19" s="326">
        <v>0</v>
      </c>
      <c r="GW19" s="327">
        <v>524800</v>
      </c>
      <c r="GX19" s="327">
        <v>453600</v>
      </c>
      <c r="GY19" s="327">
        <v>0</v>
      </c>
      <c r="GZ19" s="327">
        <v>135900</v>
      </c>
      <c r="HA19" s="327">
        <v>39600</v>
      </c>
      <c r="HB19" s="331">
        <v>1153900</v>
      </c>
      <c r="HC19" s="330">
        <v>1852968</v>
      </c>
      <c r="HD19" s="326">
        <v>1158862</v>
      </c>
      <c r="HE19" s="327">
        <v>1178095</v>
      </c>
      <c r="HF19" s="331">
        <v>2336957</v>
      </c>
      <c r="HG19" s="332">
        <v>0</v>
      </c>
      <c r="HH19" s="327">
        <v>14501476</v>
      </c>
      <c r="HI19" s="327">
        <v>15391815</v>
      </c>
      <c r="HJ19" s="327">
        <v>15730209</v>
      </c>
      <c r="HK19" s="327">
        <v>16194557</v>
      </c>
      <c r="HL19" s="327">
        <v>11463443</v>
      </c>
      <c r="HM19" s="328">
        <v>73281500</v>
      </c>
      <c r="HN19" s="329">
        <v>75618457</v>
      </c>
      <c r="HO19" s="333">
        <v>487647</v>
      </c>
      <c r="HP19" s="327">
        <v>916037</v>
      </c>
      <c r="HQ19" s="328">
        <v>1403684</v>
      </c>
      <c r="HR19" s="326">
        <v>0</v>
      </c>
      <c r="HS19" s="327">
        <v>9070468</v>
      </c>
      <c r="HT19" s="327">
        <v>9053677</v>
      </c>
      <c r="HU19" s="327">
        <v>5179041</v>
      </c>
      <c r="HV19" s="327">
        <v>3977788</v>
      </c>
      <c r="HW19" s="327">
        <v>2775315</v>
      </c>
      <c r="HX19" s="331">
        <v>30056289</v>
      </c>
      <c r="HY19" s="330">
        <v>31459973</v>
      </c>
      <c r="HZ19" s="335">
        <v>177188</v>
      </c>
      <c r="IA19" s="336">
        <v>66888</v>
      </c>
      <c r="IB19" s="337">
        <v>244076</v>
      </c>
      <c r="IC19" s="338">
        <v>0</v>
      </c>
      <c r="ID19" s="336">
        <v>12389195</v>
      </c>
      <c r="IE19" s="339">
        <v>15497422</v>
      </c>
      <c r="IF19" s="337">
        <v>14403601</v>
      </c>
      <c r="IG19" s="336">
        <v>9576631</v>
      </c>
      <c r="IH19" s="337">
        <v>9885537</v>
      </c>
      <c r="II19" s="340">
        <v>61752386</v>
      </c>
      <c r="IJ19" s="341">
        <v>61996462</v>
      </c>
      <c r="IK19" s="342">
        <v>0</v>
      </c>
      <c r="IL19" s="343">
        <v>0</v>
      </c>
      <c r="IM19" s="344">
        <v>0</v>
      </c>
      <c r="IN19" s="404">
        <v>0</v>
      </c>
      <c r="IO19" s="345">
        <v>0</v>
      </c>
      <c r="IP19" s="345">
        <v>133798</v>
      </c>
      <c r="IQ19" s="345">
        <v>157519</v>
      </c>
      <c r="IR19" s="345">
        <v>284737</v>
      </c>
      <c r="IS19" s="345">
        <v>1253819</v>
      </c>
      <c r="IT19" s="346">
        <v>1829873</v>
      </c>
      <c r="IU19" s="347">
        <v>1829873</v>
      </c>
      <c r="IV19" s="348">
        <v>0</v>
      </c>
      <c r="IW19" s="345">
        <v>0</v>
      </c>
      <c r="IX19" s="349">
        <v>0</v>
      </c>
      <c r="IY19" s="413">
        <v>0</v>
      </c>
      <c r="IZ19" s="345">
        <v>0</v>
      </c>
      <c r="JA19" s="345">
        <v>0</v>
      </c>
      <c r="JB19" s="345">
        <v>0</v>
      </c>
      <c r="JC19" s="345">
        <v>0</v>
      </c>
      <c r="JD19" s="345">
        <v>0</v>
      </c>
      <c r="JE19" s="349">
        <v>0</v>
      </c>
      <c r="JF19" s="350">
        <v>0</v>
      </c>
      <c r="JG19" s="348">
        <v>0</v>
      </c>
      <c r="JH19" s="345">
        <v>0</v>
      </c>
      <c r="JI19" s="346">
        <v>0</v>
      </c>
      <c r="JJ19" s="351">
        <v>0</v>
      </c>
      <c r="JK19" s="345">
        <v>6201483</v>
      </c>
      <c r="JL19" s="345">
        <v>8925542</v>
      </c>
      <c r="JM19" s="345">
        <v>4760223</v>
      </c>
      <c r="JN19" s="345">
        <v>3101393</v>
      </c>
      <c r="JO19" s="345">
        <v>2191198</v>
      </c>
      <c r="JP19" s="349">
        <v>25179839</v>
      </c>
      <c r="JQ19" s="347">
        <v>25179839</v>
      </c>
      <c r="JR19" s="348">
        <v>0</v>
      </c>
      <c r="JS19" s="345">
        <v>0</v>
      </c>
      <c r="JT19" s="346">
        <v>0</v>
      </c>
      <c r="JU19" s="351">
        <v>0</v>
      </c>
      <c r="JV19" s="345">
        <v>95909</v>
      </c>
      <c r="JW19" s="345">
        <v>371517</v>
      </c>
      <c r="JX19" s="345">
        <v>1096782</v>
      </c>
      <c r="JY19" s="345">
        <v>422891</v>
      </c>
      <c r="JZ19" s="345">
        <v>1004881</v>
      </c>
      <c r="KA19" s="349">
        <v>2991980</v>
      </c>
      <c r="KB19" s="347">
        <v>2991980</v>
      </c>
      <c r="KC19" s="352">
        <v>177188</v>
      </c>
      <c r="KD19" s="353">
        <v>66888</v>
      </c>
      <c r="KE19" s="349">
        <v>244076</v>
      </c>
      <c r="KF19" s="351">
        <v>0</v>
      </c>
      <c r="KG19" s="345">
        <v>1495833</v>
      </c>
      <c r="KH19" s="345">
        <v>1631925</v>
      </c>
      <c r="KI19" s="345">
        <v>2164302</v>
      </c>
      <c r="KJ19" s="345">
        <v>278627</v>
      </c>
      <c r="KK19" s="345">
        <v>1468074</v>
      </c>
      <c r="KL19" s="349">
        <v>7038761</v>
      </c>
      <c r="KM19" s="354">
        <v>7282837</v>
      </c>
      <c r="KN19" s="342">
        <v>0</v>
      </c>
      <c r="KO19" s="343">
        <v>0</v>
      </c>
      <c r="KP19" s="344">
        <v>0</v>
      </c>
      <c r="KQ19" s="413">
        <v>0</v>
      </c>
      <c r="KR19" s="345">
        <v>4042464</v>
      </c>
      <c r="KS19" s="345">
        <v>4227703</v>
      </c>
      <c r="KT19" s="345">
        <v>5354503</v>
      </c>
      <c r="KU19" s="345">
        <v>4152999</v>
      </c>
      <c r="KV19" s="345">
        <v>3967565</v>
      </c>
      <c r="KW19" s="349">
        <v>21745234</v>
      </c>
      <c r="KX19" s="347">
        <v>21745234</v>
      </c>
      <c r="KY19" s="348">
        <v>0</v>
      </c>
      <c r="KZ19" s="345">
        <v>0</v>
      </c>
      <c r="LA19" s="349">
        <v>0</v>
      </c>
      <c r="LB19" s="413">
        <v>0</v>
      </c>
      <c r="LC19" s="345">
        <v>553506</v>
      </c>
      <c r="LD19" s="345">
        <v>206937</v>
      </c>
      <c r="LE19" s="345">
        <v>870272</v>
      </c>
      <c r="LF19" s="345">
        <v>1335984</v>
      </c>
      <c r="LG19" s="345">
        <v>0</v>
      </c>
      <c r="LH19" s="349">
        <v>2966699</v>
      </c>
      <c r="LI19" s="350">
        <v>2966699</v>
      </c>
      <c r="LJ19" s="348">
        <v>0</v>
      </c>
      <c r="LK19" s="345">
        <v>0</v>
      </c>
      <c r="LL19" s="349">
        <v>0</v>
      </c>
      <c r="LM19" s="413">
        <v>0</v>
      </c>
      <c r="LN19" s="345">
        <v>0</v>
      </c>
      <c r="LO19" s="345">
        <v>0</v>
      </c>
      <c r="LP19" s="345">
        <v>0</v>
      </c>
      <c r="LQ19" s="345">
        <v>0</v>
      </c>
      <c r="LR19" s="345">
        <v>0</v>
      </c>
      <c r="LS19" s="349">
        <v>0</v>
      </c>
      <c r="LT19" s="347">
        <v>0</v>
      </c>
      <c r="LU19" s="348">
        <v>0</v>
      </c>
      <c r="LV19" s="345">
        <v>0</v>
      </c>
      <c r="LW19" s="349">
        <v>0</v>
      </c>
      <c r="LX19" s="413">
        <v>0</v>
      </c>
      <c r="LY19" s="345">
        <v>0</v>
      </c>
      <c r="LZ19" s="345">
        <v>0</v>
      </c>
      <c r="MA19" s="345">
        <v>0</v>
      </c>
      <c r="MB19" s="345">
        <v>0</v>
      </c>
      <c r="MC19" s="345">
        <v>0</v>
      </c>
      <c r="MD19" s="349">
        <v>0</v>
      </c>
      <c r="ME19" s="350">
        <v>0</v>
      </c>
      <c r="MF19" s="348">
        <v>0</v>
      </c>
      <c r="MG19" s="345">
        <v>0</v>
      </c>
      <c r="MH19" s="349">
        <v>0</v>
      </c>
      <c r="MI19" s="413">
        <v>0</v>
      </c>
      <c r="MJ19" s="345">
        <v>2374796</v>
      </c>
      <c r="MK19" s="345">
        <v>4480578</v>
      </c>
      <c r="ML19" s="345">
        <v>28695840</v>
      </c>
      <c r="MM19" s="345">
        <v>52368680</v>
      </c>
      <c r="MN19" s="345">
        <v>41566325</v>
      </c>
      <c r="MO19" s="349">
        <v>129486219</v>
      </c>
      <c r="MP19" s="354">
        <v>129486219</v>
      </c>
      <c r="MQ19" s="348">
        <v>0</v>
      </c>
      <c r="MR19" s="345">
        <v>0</v>
      </c>
      <c r="MS19" s="349">
        <v>0</v>
      </c>
      <c r="MT19" s="413">
        <v>0</v>
      </c>
      <c r="MU19" s="345">
        <v>500911</v>
      </c>
      <c r="MV19" s="345">
        <v>216465</v>
      </c>
      <c r="MW19" s="345">
        <v>18954584</v>
      </c>
      <c r="MX19" s="345">
        <v>39790344</v>
      </c>
      <c r="MY19" s="345">
        <v>33994442</v>
      </c>
      <c r="MZ19" s="349">
        <v>93456746</v>
      </c>
      <c r="NA19" s="354">
        <v>93456746</v>
      </c>
      <c r="NB19" s="348">
        <v>0</v>
      </c>
      <c r="NC19" s="345">
        <v>0</v>
      </c>
      <c r="ND19" s="349">
        <v>0</v>
      </c>
      <c r="NE19" s="413">
        <v>0</v>
      </c>
      <c r="NF19" s="345">
        <v>1873885</v>
      </c>
      <c r="NG19" s="345">
        <v>4264113</v>
      </c>
      <c r="NH19" s="345">
        <v>9741256</v>
      </c>
      <c r="NI19" s="345">
        <v>12578336</v>
      </c>
      <c r="NJ19" s="345">
        <v>7139920</v>
      </c>
      <c r="NK19" s="349">
        <v>35597510</v>
      </c>
      <c r="NL19" s="347">
        <v>35597510</v>
      </c>
      <c r="NM19" s="348">
        <v>0</v>
      </c>
      <c r="NN19" s="345">
        <v>0</v>
      </c>
      <c r="NO19" s="349">
        <v>0</v>
      </c>
      <c r="NP19" s="413">
        <v>0</v>
      </c>
      <c r="NQ19" s="345">
        <v>0</v>
      </c>
      <c r="NR19" s="345">
        <v>0</v>
      </c>
      <c r="NS19" s="345">
        <v>0</v>
      </c>
      <c r="NT19" s="345">
        <v>0</v>
      </c>
      <c r="NU19" s="345">
        <v>0</v>
      </c>
      <c r="NV19" s="349">
        <v>0</v>
      </c>
      <c r="NW19" s="350">
        <v>0</v>
      </c>
      <c r="NX19" s="348">
        <v>0</v>
      </c>
      <c r="NY19" s="345">
        <v>0</v>
      </c>
      <c r="NZ19" s="349">
        <v>0</v>
      </c>
      <c r="OA19" s="413">
        <v>0</v>
      </c>
      <c r="OB19" s="345">
        <v>0</v>
      </c>
      <c r="OC19" s="345">
        <v>0</v>
      </c>
      <c r="OD19" s="345">
        <v>0</v>
      </c>
      <c r="OE19" s="345">
        <v>0</v>
      </c>
      <c r="OF19" s="345">
        <v>431963</v>
      </c>
      <c r="OG19" s="349">
        <v>431963</v>
      </c>
      <c r="OH19" s="350">
        <v>431963</v>
      </c>
      <c r="OI19" s="348">
        <v>3697184</v>
      </c>
      <c r="OJ19" s="345">
        <v>5234182</v>
      </c>
      <c r="OK19" s="346">
        <v>8931366</v>
      </c>
      <c r="OL19" s="351">
        <v>0</v>
      </c>
      <c r="OM19" s="345">
        <v>67453054</v>
      </c>
      <c r="ON19" s="345">
        <v>90989707</v>
      </c>
      <c r="OO19" s="345">
        <v>102843487</v>
      </c>
      <c r="OP19" s="345">
        <v>123789017</v>
      </c>
      <c r="OQ19" s="345">
        <v>105596960</v>
      </c>
      <c r="OR19" s="349">
        <v>490672225</v>
      </c>
      <c r="OS19" s="354">
        <v>499603591</v>
      </c>
    </row>
    <row r="20" spans="2:409" s="70" customFormat="1" ht="21" customHeight="1" x14ac:dyDescent="0.2">
      <c r="B20" s="410" t="s">
        <v>15</v>
      </c>
      <c r="C20" s="326">
        <v>2280786</v>
      </c>
      <c r="D20" s="327">
        <v>3967206</v>
      </c>
      <c r="E20" s="328">
        <v>6247992</v>
      </c>
      <c r="F20" s="329">
        <v>0</v>
      </c>
      <c r="G20" s="327">
        <v>34252454</v>
      </c>
      <c r="H20" s="327">
        <v>44303484</v>
      </c>
      <c r="I20" s="327">
        <v>34951651</v>
      </c>
      <c r="J20" s="327">
        <v>41069471</v>
      </c>
      <c r="K20" s="327">
        <v>25254703</v>
      </c>
      <c r="L20" s="329">
        <v>179831763</v>
      </c>
      <c r="M20" s="330">
        <v>186079755</v>
      </c>
      <c r="N20" s="326">
        <v>351503</v>
      </c>
      <c r="O20" s="327">
        <v>484992</v>
      </c>
      <c r="P20" s="328">
        <v>836495</v>
      </c>
      <c r="Q20" s="326">
        <v>0</v>
      </c>
      <c r="R20" s="327">
        <v>8414133</v>
      </c>
      <c r="S20" s="327">
        <v>12119184</v>
      </c>
      <c r="T20" s="327">
        <v>10583872</v>
      </c>
      <c r="U20" s="327">
        <v>13672855</v>
      </c>
      <c r="V20" s="327">
        <v>11569862</v>
      </c>
      <c r="W20" s="328">
        <v>56359906</v>
      </c>
      <c r="X20" s="330">
        <v>57196401</v>
      </c>
      <c r="Y20" s="326">
        <v>0</v>
      </c>
      <c r="Z20" s="327">
        <v>0</v>
      </c>
      <c r="AA20" s="328">
        <v>0</v>
      </c>
      <c r="AB20" s="326">
        <v>0</v>
      </c>
      <c r="AC20" s="327">
        <v>3313723</v>
      </c>
      <c r="AD20" s="327">
        <v>6229119</v>
      </c>
      <c r="AE20" s="327">
        <v>6403295</v>
      </c>
      <c r="AF20" s="327">
        <v>8663213</v>
      </c>
      <c r="AG20" s="327">
        <v>6803869</v>
      </c>
      <c r="AH20" s="328">
        <v>31413219</v>
      </c>
      <c r="AI20" s="330">
        <v>31413219</v>
      </c>
      <c r="AJ20" s="326">
        <v>0</v>
      </c>
      <c r="AK20" s="327">
        <v>0</v>
      </c>
      <c r="AL20" s="328">
        <v>0</v>
      </c>
      <c r="AM20" s="326">
        <v>0</v>
      </c>
      <c r="AN20" s="327">
        <v>54047</v>
      </c>
      <c r="AO20" s="327">
        <v>108094</v>
      </c>
      <c r="AP20" s="327">
        <v>212123</v>
      </c>
      <c r="AQ20" s="327">
        <v>844373</v>
      </c>
      <c r="AR20" s="327">
        <v>1192091</v>
      </c>
      <c r="AS20" s="328">
        <v>2410728</v>
      </c>
      <c r="AT20" s="330">
        <v>2410728</v>
      </c>
      <c r="AU20" s="326">
        <v>144213</v>
      </c>
      <c r="AV20" s="327">
        <v>349220</v>
      </c>
      <c r="AW20" s="328">
        <v>493433</v>
      </c>
      <c r="AX20" s="326">
        <v>0</v>
      </c>
      <c r="AY20" s="327">
        <v>2687023</v>
      </c>
      <c r="AZ20" s="327">
        <v>3495977</v>
      </c>
      <c r="BA20" s="327">
        <v>2315370</v>
      </c>
      <c r="BB20" s="327">
        <v>2139139</v>
      </c>
      <c r="BC20" s="327">
        <v>2297332</v>
      </c>
      <c r="BD20" s="328">
        <v>12934841</v>
      </c>
      <c r="BE20" s="330">
        <v>13428274</v>
      </c>
      <c r="BF20" s="326">
        <v>0</v>
      </c>
      <c r="BG20" s="327">
        <v>46432</v>
      </c>
      <c r="BH20" s="331">
        <v>46432</v>
      </c>
      <c r="BI20" s="332">
        <v>0</v>
      </c>
      <c r="BJ20" s="327">
        <v>361558</v>
      </c>
      <c r="BK20" s="327">
        <v>423568</v>
      </c>
      <c r="BL20" s="327">
        <v>199471</v>
      </c>
      <c r="BM20" s="327">
        <v>168597</v>
      </c>
      <c r="BN20" s="327">
        <v>105434</v>
      </c>
      <c r="BO20" s="328">
        <v>1258628</v>
      </c>
      <c r="BP20" s="330">
        <v>1305060</v>
      </c>
      <c r="BQ20" s="326">
        <v>207290</v>
      </c>
      <c r="BR20" s="327">
        <v>89340</v>
      </c>
      <c r="BS20" s="328">
        <v>296630</v>
      </c>
      <c r="BT20" s="326">
        <v>0</v>
      </c>
      <c r="BU20" s="327">
        <v>1997782</v>
      </c>
      <c r="BV20" s="327">
        <v>1862426</v>
      </c>
      <c r="BW20" s="327">
        <v>1453613</v>
      </c>
      <c r="BX20" s="327">
        <v>1857533</v>
      </c>
      <c r="BY20" s="327">
        <v>1171136</v>
      </c>
      <c r="BZ20" s="328">
        <v>8342490</v>
      </c>
      <c r="CA20" s="330">
        <v>8639120</v>
      </c>
      <c r="CB20" s="326">
        <v>43722</v>
      </c>
      <c r="CC20" s="327">
        <v>324944</v>
      </c>
      <c r="CD20" s="328">
        <v>368666</v>
      </c>
      <c r="CE20" s="326">
        <v>0</v>
      </c>
      <c r="CF20" s="327">
        <v>6710392</v>
      </c>
      <c r="CG20" s="327">
        <v>10073401</v>
      </c>
      <c r="CH20" s="327">
        <v>7479655</v>
      </c>
      <c r="CI20" s="327">
        <v>4115580</v>
      </c>
      <c r="CJ20" s="327">
        <v>1839013</v>
      </c>
      <c r="CK20" s="328">
        <v>30218041</v>
      </c>
      <c r="CL20" s="330">
        <v>30586707</v>
      </c>
      <c r="CM20" s="326">
        <v>0</v>
      </c>
      <c r="CN20" s="327">
        <v>0</v>
      </c>
      <c r="CO20" s="328">
        <v>0</v>
      </c>
      <c r="CP20" s="332">
        <v>0</v>
      </c>
      <c r="CQ20" s="327">
        <v>4797413</v>
      </c>
      <c r="CR20" s="327">
        <v>7754355</v>
      </c>
      <c r="CS20" s="327">
        <v>4849593</v>
      </c>
      <c r="CT20" s="327">
        <v>3022161</v>
      </c>
      <c r="CU20" s="327">
        <v>1347060</v>
      </c>
      <c r="CV20" s="328">
        <v>21770582</v>
      </c>
      <c r="CW20" s="330">
        <v>21770582</v>
      </c>
      <c r="CX20" s="326">
        <v>43722</v>
      </c>
      <c r="CY20" s="327">
        <v>324944</v>
      </c>
      <c r="CZ20" s="328">
        <v>368666</v>
      </c>
      <c r="DA20" s="326">
        <v>0</v>
      </c>
      <c r="DB20" s="327">
        <v>1912979</v>
      </c>
      <c r="DC20" s="327">
        <v>2319046</v>
      </c>
      <c r="DD20" s="327">
        <v>2630062</v>
      </c>
      <c r="DE20" s="327">
        <v>1093419</v>
      </c>
      <c r="DF20" s="327">
        <v>491953</v>
      </c>
      <c r="DG20" s="328">
        <v>8447459</v>
      </c>
      <c r="DH20" s="330">
        <v>8816125</v>
      </c>
      <c r="DI20" s="326">
        <v>0</v>
      </c>
      <c r="DJ20" s="327">
        <v>22545</v>
      </c>
      <c r="DK20" s="331">
        <v>22545</v>
      </c>
      <c r="DL20" s="332">
        <v>0</v>
      </c>
      <c r="DM20" s="327">
        <v>774332</v>
      </c>
      <c r="DN20" s="327">
        <v>3399526</v>
      </c>
      <c r="DO20" s="327">
        <v>4972472</v>
      </c>
      <c r="DP20" s="327">
        <v>9540646</v>
      </c>
      <c r="DQ20" s="327">
        <v>3917646</v>
      </c>
      <c r="DR20" s="328">
        <v>22604622</v>
      </c>
      <c r="DS20" s="330">
        <v>22627167</v>
      </c>
      <c r="DT20" s="326">
        <v>0</v>
      </c>
      <c r="DU20" s="327">
        <v>22545</v>
      </c>
      <c r="DV20" s="328">
        <v>22545</v>
      </c>
      <c r="DW20" s="326">
        <v>0</v>
      </c>
      <c r="DX20" s="327">
        <v>774332</v>
      </c>
      <c r="DY20" s="327">
        <v>3239338</v>
      </c>
      <c r="DZ20" s="327">
        <v>4486655</v>
      </c>
      <c r="EA20" s="327">
        <v>9540646</v>
      </c>
      <c r="EB20" s="327">
        <v>3917646</v>
      </c>
      <c r="EC20" s="328">
        <v>21958617</v>
      </c>
      <c r="ED20" s="330">
        <v>21981162</v>
      </c>
      <c r="EE20" s="326">
        <v>0</v>
      </c>
      <c r="EF20" s="331">
        <v>0</v>
      </c>
      <c r="EG20" s="328">
        <v>0</v>
      </c>
      <c r="EH20" s="326">
        <v>0</v>
      </c>
      <c r="EI20" s="327">
        <v>0</v>
      </c>
      <c r="EJ20" s="327">
        <v>160188</v>
      </c>
      <c r="EK20" s="327">
        <v>485817</v>
      </c>
      <c r="EL20" s="327">
        <v>0</v>
      </c>
      <c r="EM20" s="327">
        <v>0</v>
      </c>
      <c r="EN20" s="331">
        <v>646005</v>
      </c>
      <c r="EO20" s="330">
        <v>646005</v>
      </c>
      <c r="EP20" s="326">
        <v>0</v>
      </c>
      <c r="EQ20" s="327">
        <v>0</v>
      </c>
      <c r="ER20" s="331">
        <v>0</v>
      </c>
      <c r="ES20" s="332">
        <v>0</v>
      </c>
      <c r="ET20" s="327">
        <v>0</v>
      </c>
      <c r="EU20" s="327">
        <v>0</v>
      </c>
      <c r="EV20" s="327">
        <v>0</v>
      </c>
      <c r="EW20" s="327">
        <v>0</v>
      </c>
      <c r="EX20" s="327">
        <v>0</v>
      </c>
      <c r="EY20" s="328">
        <v>0</v>
      </c>
      <c r="EZ20" s="330">
        <v>0</v>
      </c>
      <c r="FA20" s="326">
        <v>0</v>
      </c>
      <c r="FB20" s="327">
        <v>0</v>
      </c>
      <c r="FC20" s="331">
        <v>0</v>
      </c>
      <c r="FD20" s="332">
        <v>0</v>
      </c>
      <c r="FE20" s="327">
        <v>0</v>
      </c>
      <c r="FF20" s="327">
        <v>0</v>
      </c>
      <c r="FG20" s="327">
        <v>0</v>
      </c>
      <c r="FH20" s="327">
        <v>0</v>
      </c>
      <c r="FI20" s="327">
        <v>0</v>
      </c>
      <c r="FJ20" s="328">
        <v>0</v>
      </c>
      <c r="FK20" s="330">
        <v>0</v>
      </c>
      <c r="FL20" s="326">
        <v>409461</v>
      </c>
      <c r="FM20" s="327">
        <v>1143811</v>
      </c>
      <c r="FN20" s="328">
        <v>1553272</v>
      </c>
      <c r="FO20" s="326">
        <v>0</v>
      </c>
      <c r="FP20" s="327">
        <v>1780609</v>
      </c>
      <c r="FQ20" s="327">
        <v>4552272</v>
      </c>
      <c r="FR20" s="327">
        <v>2783424</v>
      </c>
      <c r="FS20" s="327">
        <v>2097578</v>
      </c>
      <c r="FT20" s="327">
        <v>1777006</v>
      </c>
      <c r="FU20" s="328">
        <v>12990889</v>
      </c>
      <c r="FV20" s="330">
        <v>14544161</v>
      </c>
      <c r="FW20" s="333">
        <v>387285</v>
      </c>
      <c r="FX20" s="327">
        <v>1014742</v>
      </c>
      <c r="FY20" s="331">
        <v>1402027</v>
      </c>
      <c r="FZ20" s="332">
        <v>0</v>
      </c>
      <c r="GA20" s="327">
        <v>1355026</v>
      </c>
      <c r="GB20" s="327">
        <v>4295139</v>
      </c>
      <c r="GC20" s="327">
        <v>2543250</v>
      </c>
      <c r="GD20" s="327">
        <v>2081990</v>
      </c>
      <c r="GE20" s="327">
        <v>1751806</v>
      </c>
      <c r="GF20" s="328">
        <v>12027211</v>
      </c>
      <c r="GG20" s="334">
        <v>13429238</v>
      </c>
      <c r="GH20" s="333">
        <v>22176</v>
      </c>
      <c r="GI20" s="327">
        <v>0</v>
      </c>
      <c r="GJ20" s="331">
        <v>22176</v>
      </c>
      <c r="GK20" s="332">
        <v>0</v>
      </c>
      <c r="GL20" s="327">
        <v>180063</v>
      </c>
      <c r="GM20" s="327">
        <v>140259</v>
      </c>
      <c r="GN20" s="327">
        <v>100584</v>
      </c>
      <c r="GO20" s="327">
        <v>15588</v>
      </c>
      <c r="GP20" s="327">
        <v>0</v>
      </c>
      <c r="GQ20" s="328">
        <v>436494</v>
      </c>
      <c r="GR20" s="330">
        <v>458670</v>
      </c>
      <c r="GS20" s="326">
        <v>0</v>
      </c>
      <c r="GT20" s="327">
        <v>129069</v>
      </c>
      <c r="GU20" s="328">
        <v>129069</v>
      </c>
      <c r="GV20" s="326">
        <v>0</v>
      </c>
      <c r="GW20" s="327">
        <v>245520</v>
      </c>
      <c r="GX20" s="327">
        <v>116874</v>
      </c>
      <c r="GY20" s="327">
        <v>139590</v>
      </c>
      <c r="GZ20" s="327">
        <v>0</v>
      </c>
      <c r="HA20" s="327">
        <v>25200</v>
      </c>
      <c r="HB20" s="331">
        <v>527184</v>
      </c>
      <c r="HC20" s="330">
        <v>656253</v>
      </c>
      <c r="HD20" s="326">
        <v>1077962</v>
      </c>
      <c r="HE20" s="327">
        <v>1037337</v>
      </c>
      <c r="HF20" s="331">
        <v>2115299</v>
      </c>
      <c r="HG20" s="332">
        <v>0</v>
      </c>
      <c r="HH20" s="327">
        <v>9814567</v>
      </c>
      <c r="HI20" s="327">
        <v>6369716</v>
      </c>
      <c r="HJ20" s="327">
        <v>5166031</v>
      </c>
      <c r="HK20" s="327">
        <v>8669211</v>
      </c>
      <c r="HL20" s="327">
        <v>4426284</v>
      </c>
      <c r="HM20" s="328">
        <v>34445809</v>
      </c>
      <c r="HN20" s="329">
        <v>36561108</v>
      </c>
      <c r="HO20" s="333">
        <v>398138</v>
      </c>
      <c r="HP20" s="327">
        <v>953577</v>
      </c>
      <c r="HQ20" s="328">
        <v>1351715</v>
      </c>
      <c r="HR20" s="326">
        <v>0</v>
      </c>
      <c r="HS20" s="327">
        <v>6758421</v>
      </c>
      <c r="HT20" s="327">
        <v>7789385</v>
      </c>
      <c r="HU20" s="327">
        <v>3966197</v>
      </c>
      <c r="HV20" s="327">
        <v>2973601</v>
      </c>
      <c r="HW20" s="327">
        <v>1724892</v>
      </c>
      <c r="HX20" s="331">
        <v>23212496</v>
      </c>
      <c r="HY20" s="330">
        <v>24564211</v>
      </c>
      <c r="HZ20" s="358">
        <v>51126</v>
      </c>
      <c r="IA20" s="356">
        <v>1145895</v>
      </c>
      <c r="IB20" s="358">
        <v>1197021</v>
      </c>
      <c r="IC20" s="355">
        <v>0</v>
      </c>
      <c r="ID20" s="356">
        <v>23153136</v>
      </c>
      <c r="IE20" s="357">
        <v>27006264</v>
      </c>
      <c r="IF20" s="358">
        <v>20841524</v>
      </c>
      <c r="IG20" s="356">
        <v>17487396</v>
      </c>
      <c r="IH20" s="358">
        <v>12903062</v>
      </c>
      <c r="II20" s="359">
        <v>101391382</v>
      </c>
      <c r="IJ20" s="358">
        <v>102588403</v>
      </c>
      <c r="IK20" s="342">
        <v>0</v>
      </c>
      <c r="IL20" s="343">
        <v>0</v>
      </c>
      <c r="IM20" s="344">
        <v>0</v>
      </c>
      <c r="IN20" s="404">
        <v>0</v>
      </c>
      <c r="IO20" s="345">
        <v>234318</v>
      </c>
      <c r="IP20" s="345">
        <v>0</v>
      </c>
      <c r="IQ20" s="345">
        <v>460375</v>
      </c>
      <c r="IR20" s="345">
        <v>304182</v>
      </c>
      <c r="IS20" s="345">
        <v>2065114</v>
      </c>
      <c r="IT20" s="346">
        <v>3063989</v>
      </c>
      <c r="IU20" s="347">
        <v>3063989</v>
      </c>
      <c r="IV20" s="348">
        <v>0</v>
      </c>
      <c r="IW20" s="345">
        <v>0</v>
      </c>
      <c r="IX20" s="349">
        <v>0</v>
      </c>
      <c r="IY20" s="413">
        <v>0</v>
      </c>
      <c r="IZ20" s="345">
        <v>0</v>
      </c>
      <c r="JA20" s="345">
        <v>0</v>
      </c>
      <c r="JB20" s="345">
        <v>0</v>
      </c>
      <c r="JC20" s="345">
        <v>0</v>
      </c>
      <c r="JD20" s="345">
        <v>0</v>
      </c>
      <c r="JE20" s="349">
        <v>0</v>
      </c>
      <c r="JF20" s="350">
        <v>0</v>
      </c>
      <c r="JG20" s="348">
        <v>0</v>
      </c>
      <c r="JH20" s="345">
        <v>0</v>
      </c>
      <c r="JI20" s="346">
        <v>0</v>
      </c>
      <c r="JJ20" s="351">
        <v>0</v>
      </c>
      <c r="JK20" s="345">
        <v>7960203</v>
      </c>
      <c r="JL20" s="345">
        <v>10731290</v>
      </c>
      <c r="JM20" s="345">
        <v>6767563</v>
      </c>
      <c r="JN20" s="345">
        <v>3319552</v>
      </c>
      <c r="JO20" s="345">
        <v>1397689</v>
      </c>
      <c r="JP20" s="349">
        <v>30176297</v>
      </c>
      <c r="JQ20" s="347">
        <v>30176297</v>
      </c>
      <c r="JR20" s="348">
        <v>0</v>
      </c>
      <c r="JS20" s="345">
        <v>76828</v>
      </c>
      <c r="JT20" s="346">
        <v>76828</v>
      </c>
      <c r="JU20" s="351">
        <v>0</v>
      </c>
      <c r="JV20" s="345">
        <v>239653</v>
      </c>
      <c r="JW20" s="345">
        <v>201106</v>
      </c>
      <c r="JX20" s="345">
        <v>509122</v>
      </c>
      <c r="JY20" s="345">
        <v>49896</v>
      </c>
      <c r="JZ20" s="345">
        <v>225189</v>
      </c>
      <c r="KA20" s="349">
        <v>1224966</v>
      </c>
      <c r="KB20" s="347">
        <v>1301794</v>
      </c>
      <c r="KC20" s="352">
        <v>51126</v>
      </c>
      <c r="KD20" s="353">
        <v>1069067</v>
      </c>
      <c r="KE20" s="349">
        <v>1120193</v>
      </c>
      <c r="KF20" s="351">
        <v>0</v>
      </c>
      <c r="KG20" s="345">
        <v>2361402</v>
      </c>
      <c r="KH20" s="345">
        <v>2331274</v>
      </c>
      <c r="KI20" s="345">
        <v>-19400</v>
      </c>
      <c r="KJ20" s="345">
        <v>271317</v>
      </c>
      <c r="KK20" s="345">
        <v>1066752</v>
      </c>
      <c r="KL20" s="349">
        <v>6011345</v>
      </c>
      <c r="KM20" s="354">
        <v>7131538</v>
      </c>
      <c r="KN20" s="342">
        <v>0</v>
      </c>
      <c r="KO20" s="343">
        <v>0</v>
      </c>
      <c r="KP20" s="344">
        <v>0</v>
      </c>
      <c r="KQ20" s="413">
        <v>0</v>
      </c>
      <c r="KR20" s="345">
        <v>11787795</v>
      </c>
      <c r="KS20" s="345">
        <v>11884380</v>
      </c>
      <c r="KT20" s="345">
        <v>9241502</v>
      </c>
      <c r="KU20" s="345">
        <v>8446199</v>
      </c>
      <c r="KV20" s="345">
        <v>4530051</v>
      </c>
      <c r="KW20" s="349">
        <v>45889927</v>
      </c>
      <c r="KX20" s="347">
        <v>45889927</v>
      </c>
      <c r="KY20" s="348">
        <v>0</v>
      </c>
      <c r="KZ20" s="345">
        <v>0</v>
      </c>
      <c r="LA20" s="349">
        <v>0</v>
      </c>
      <c r="LB20" s="413">
        <v>0</v>
      </c>
      <c r="LC20" s="345">
        <v>0</v>
      </c>
      <c r="LD20" s="345">
        <v>0</v>
      </c>
      <c r="LE20" s="345">
        <v>0</v>
      </c>
      <c r="LF20" s="345">
        <v>0</v>
      </c>
      <c r="LG20" s="345">
        <v>0</v>
      </c>
      <c r="LH20" s="349">
        <v>0</v>
      </c>
      <c r="LI20" s="350">
        <v>0</v>
      </c>
      <c r="LJ20" s="348">
        <v>0</v>
      </c>
      <c r="LK20" s="345">
        <v>0</v>
      </c>
      <c r="LL20" s="349">
        <v>0</v>
      </c>
      <c r="LM20" s="413">
        <v>0</v>
      </c>
      <c r="LN20" s="345">
        <v>0</v>
      </c>
      <c r="LO20" s="345">
        <v>0</v>
      </c>
      <c r="LP20" s="345">
        <v>2785144</v>
      </c>
      <c r="LQ20" s="345">
        <v>3940149</v>
      </c>
      <c r="LR20" s="345">
        <v>3269123</v>
      </c>
      <c r="LS20" s="349">
        <v>9994416</v>
      </c>
      <c r="LT20" s="347">
        <v>9994416</v>
      </c>
      <c r="LU20" s="348">
        <v>0</v>
      </c>
      <c r="LV20" s="345">
        <v>0</v>
      </c>
      <c r="LW20" s="349">
        <v>0</v>
      </c>
      <c r="LX20" s="413">
        <v>0</v>
      </c>
      <c r="LY20" s="345">
        <v>569765</v>
      </c>
      <c r="LZ20" s="345">
        <v>1858214</v>
      </c>
      <c r="MA20" s="345">
        <v>1097218</v>
      </c>
      <c r="MB20" s="345">
        <v>1156101</v>
      </c>
      <c r="MC20" s="345">
        <v>349144</v>
      </c>
      <c r="MD20" s="349">
        <v>5030442</v>
      </c>
      <c r="ME20" s="350">
        <v>5030442</v>
      </c>
      <c r="MF20" s="348">
        <v>0</v>
      </c>
      <c r="MG20" s="345">
        <v>0</v>
      </c>
      <c r="MH20" s="349">
        <v>0</v>
      </c>
      <c r="MI20" s="413">
        <v>0</v>
      </c>
      <c r="MJ20" s="345">
        <v>6631480</v>
      </c>
      <c r="MK20" s="345">
        <v>8978948</v>
      </c>
      <c r="ML20" s="345">
        <v>34375387</v>
      </c>
      <c r="MM20" s="345">
        <v>70464586</v>
      </c>
      <c r="MN20" s="345">
        <v>30482504</v>
      </c>
      <c r="MO20" s="349">
        <v>150932905</v>
      </c>
      <c r="MP20" s="354">
        <v>150932905</v>
      </c>
      <c r="MQ20" s="348">
        <v>0</v>
      </c>
      <c r="MR20" s="345">
        <v>0</v>
      </c>
      <c r="MS20" s="349">
        <v>0</v>
      </c>
      <c r="MT20" s="413">
        <v>0</v>
      </c>
      <c r="MU20" s="345">
        <v>237302</v>
      </c>
      <c r="MV20" s="345">
        <v>243922</v>
      </c>
      <c r="MW20" s="345">
        <v>23031546</v>
      </c>
      <c r="MX20" s="345">
        <v>49238667</v>
      </c>
      <c r="MY20" s="345">
        <v>20856270</v>
      </c>
      <c r="MZ20" s="349">
        <v>93607707</v>
      </c>
      <c r="NA20" s="354">
        <v>93607707</v>
      </c>
      <c r="NB20" s="348">
        <v>0</v>
      </c>
      <c r="NC20" s="345">
        <v>0</v>
      </c>
      <c r="ND20" s="349">
        <v>0</v>
      </c>
      <c r="NE20" s="413">
        <v>0</v>
      </c>
      <c r="NF20" s="345">
        <v>6394178</v>
      </c>
      <c r="NG20" s="345">
        <v>8735026</v>
      </c>
      <c r="NH20" s="345">
        <v>11343841</v>
      </c>
      <c r="NI20" s="345">
        <v>21225919</v>
      </c>
      <c r="NJ20" s="345">
        <v>9626234</v>
      </c>
      <c r="NK20" s="349">
        <v>57325198</v>
      </c>
      <c r="NL20" s="347">
        <v>57325198</v>
      </c>
      <c r="NM20" s="348">
        <v>0</v>
      </c>
      <c r="NN20" s="345">
        <v>0</v>
      </c>
      <c r="NO20" s="349">
        <v>0</v>
      </c>
      <c r="NP20" s="413">
        <v>0</v>
      </c>
      <c r="NQ20" s="345">
        <v>0</v>
      </c>
      <c r="NR20" s="345">
        <v>0</v>
      </c>
      <c r="NS20" s="345">
        <v>0</v>
      </c>
      <c r="NT20" s="345">
        <v>0</v>
      </c>
      <c r="NU20" s="345">
        <v>0</v>
      </c>
      <c r="NV20" s="349">
        <v>0</v>
      </c>
      <c r="NW20" s="350">
        <v>0</v>
      </c>
      <c r="NX20" s="348">
        <v>0</v>
      </c>
      <c r="NY20" s="345">
        <v>0</v>
      </c>
      <c r="NZ20" s="349">
        <v>0</v>
      </c>
      <c r="OA20" s="413">
        <v>0</v>
      </c>
      <c r="OB20" s="345">
        <v>0</v>
      </c>
      <c r="OC20" s="345">
        <v>0</v>
      </c>
      <c r="OD20" s="345">
        <v>0</v>
      </c>
      <c r="OE20" s="345">
        <v>0</v>
      </c>
      <c r="OF20" s="345">
        <v>0</v>
      </c>
      <c r="OG20" s="349">
        <v>0</v>
      </c>
      <c r="OH20" s="350">
        <v>0</v>
      </c>
      <c r="OI20" s="348">
        <v>2331912</v>
      </c>
      <c r="OJ20" s="345">
        <v>5113101</v>
      </c>
      <c r="OK20" s="346">
        <v>7445013</v>
      </c>
      <c r="OL20" s="351">
        <v>0</v>
      </c>
      <c r="OM20" s="345">
        <v>64037070</v>
      </c>
      <c r="ON20" s="345">
        <v>80288696</v>
      </c>
      <c r="OO20" s="345">
        <v>90168562</v>
      </c>
      <c r="OP20" s="345">
        <v>129021453</v>
      </c>
      <c r="OQ20" s="345">
        <v>68640269</v>
      </c>
      <c r="OR20" s="349">
        <v>432156050</v>
      </c>
      <c r="OS20" s="354">
        <v>439601063</v>
      </c>
    </row>
    <row r="21" spans="2:409" s="70" customFormat="1" ht="21" customHeight="1" x14ac:dyDescent="0.2">
      <c r="B21" s="410" t="s">
        <v>16</v>
      </c>
      <c r="C21" s="326">
        <v>6414724</v>
      </c>
      <c r="D21" s="327">
        <v>15857877</v>
      </c>
      <c r="E21" s="328">
        <v>22272601</v>
      </c>
      <c r="F21" s="329">
        <v>0</v>
      </c>
      <c r="G21" s="327">
        <v>83544442</v>
      </c>
      <c r="H21" s="327">
        <v>136245705</v>
      </c>
      <c r="I21" s="327">
        <v>107615511</v>
      </c>
      <c r="J21" s="327">
        <v>106126567</v>
      </c>
      <c r="K21" s="327">
        <v>72470319</v>
      </c>
      <c r="L21" s="329">
        <v>506002544</v>
      </c>
      <c r="M21" s="330">
        <v>528275145</v>
      </c>
      <c r="N21" s="326">
        <v>1177949</v>
      </c>
      <c r="O21" s="327">
        <v>2971907</v>
      </c>
      <c r="P21" s="328">
        <v>4149856</v>
      </c>
      <c r="Q21" s="326">
        <v>0</v>
      </c>
      <c r="R21" s="327">
        <v>15907229</v>
      </c>
      <c r="S21" s="327">
        <v>32773565</v>
      </c>
      <c r="T21" s="327">
        <v>28071141</v>
      </c>
      <c r="U21" s="327">
        <v>31984889</v>
      </c>
      <c r="V21" s="327">
        <v>27754500</v>
      </c>
      <c r="W21" s="328">
        <v>136491324</v>
      </c>
      <c r="X21" s="330">
        <v>140641180</v>
      </c>
      <c r="Y21" s="326">
        <v>0</v>
      </c>
      <c r="Z21" s="327">
        <v>0</v>
      </c>
      <c r="AA21" s="328">
        <v>0</v>
      </c>
      <c r="AB21" s="326">
        <v>0</v>
      </c>
      <c r="AC21" s="327">
        <v>6213612</v>
      </c>
      <c r="AD21" s="327">
        <v>11538170</v>
      </c>
      <c r="AE21" s="327">
        <v>14906434</v>
      </c>
      <c r="AF21" s="327">
        <v>16652345</v>
      </c>
      <c r="AG21" s="327">
        <v>14029642</v>
      </c>
      <c r="AH21" s="328">
        <v>63340203</v>
      </c>
      <c r="AI21" s="330">
        <v>63340203</v>
      </c>
      <c r="AJ21" s="326">
        <v>0</v>
      </c>
      <c r="AK21" s="327">
        <v>0</v>
      </c>
      <c r="AL21" s="328">
        <v>0</v>
      </c>
      <c r="AM21" s="326">
        <v>0</v>
      </c>
      <c r="AN21" s="327">
        <v>141324</v>
      </c>
      <c r="AO21" s="327">
        <v>155861</v>
      </c>
      <c r="AP21" s="327">
        <v>628970</v>
      </c>
      <c r="AQ21" s="327">
        <v>1346627</v>
      </c>
      <c r="AR21" s="327">
        <v>3009673</v>
      </c>
      <c r="AS21" s="328">
        <v>5282455</v>
      </c>
      <c r="AT21" s="330">
        <v>5282455</v>
      </c>
      <c r="AU21" s="326">
        <v>722065</v>
      </c>
      <c r="AV21" s="327">
        <v>2207368</v>
      </c>
      <c r="AW21" s="328">
        <v>2929433</v>
      </c>
      <c r="AX21" s="326">
        <v>0</v>
      </c>
      <c r="AY21" s="327">
        <v>5316888</v>
      </c>
      <c r="AZ21" s="327">
        <v>14204209</v>
      </c>
      <c r="BA21" s="327">
        <v>7978215</v>
      </c>
      <c r="BB21" s="327">
        <v>8987183</v>
      </c>
      <c r="BC21" s="327">
        <v>6806830</v>
      </c>
      <c r="BD21" s="328">
        <v>43293325</v>
      </c>
      <c r="BE21" s="330">
        <v>46222758</v>
      </c>
      <c r="BF21" s="326">
        <v>98555</v>
      </c>
      <c r="BG21" s="327">
        <v>327216</v>
      </c>
      <c r="BH21" s="331">
        <v>425771</v>
      </c>
      <c r="BI21" s="332">
        <v>0</v>
      </c>
      <c r="BJ21" s="327">
        <v>177646</v>
      </c>
      <c r="BK21" s="327">
        <v>1066674</v>
      </c>
      <c r="BL21" s="327">
        <v>395099</v>
      </c>
      <c r="BM21" s="327">
        <v>273686</v>
      </c>
      <c r="BN21" s="327">
        <v>609887</v>
      </c>
      <c r="BO21" s="328">
        <v>2522992</v>
      </c>
      <c r="BP21" s="330">
        <v>2948763</v>
      </c>
      <c r="BQ21" s="326">
        <v>357329</v>
      </c>
      <c r="BR21" s="327">
        <v>437323</v>
      </c>
      <c r="BS21" s="328">
        <v>794652</v>
      </c>
      <c r="BT21" s="326">
        <v>0</v>
      </c>
      <c r="BU21" s="327">
        <v>4057759</v>
      </c>
      <c r="BV21" s="327">
        <v>5808651</v>
      </c>
      <c r="BW21" s="327">
        <v>4162423</v>
      </c>
      <c r="BX21" s="327">
        <v>4725048</v>
      </c>
      <c r="BY21" s="327">
        <v>3298468</v>
      </c>
      <c r="BZ21" s="328">
        <v>22052349</v>
      </c>
      <c r="CA21" s="330">
        <v>22847001</v>
      </c>
      <c r="CB21" s="326">
        <v>1223592</v>
      </c>
      <c r="CC21" s="327">
        <v>5001519</v>
      </c>
      <c r="CD21" s="328">
        <v>6225111</v>
      </c>
      <c r="CE21" s="326">
        <v>0</v>
      </c>
      <c r="CF21" s="327">
        <v>27759655</v>
      </c>
      <c r="CG21" s="327">
        <v>45465049</v>
      </c>
      <c r="CH21" s="327">
        <v>31725559</v>
      </c>
      <c r="CI21" s="327">
        <v>25977418</v>
      </c>
      <c r="CJ21" s="327">
        <v>12919939</v>
      </c>
      <c r="CK21" s="328">
        <v>143847620</v>
      </c>
      <c r="CL21" s="330">
        <v>150072731</v>
      </c>
      <c r="CM21" s="326">
        <v>0</v>
      </c>
      <c r="CN21" s="327">
        <v>0</v>
      </c>
      <c r="CO21" s="328">
        <v>0</v>
      </c>
      <c r="CP21" s="332">
        <v>0</v>
      </c>
      <c r="CQ21" s="327">
        <v>18945708</v>
      </c>
      <c r="CR21" s="327">
        <v>29986973</v>
      </c>
      <c r="CS21" s="327">
        <v>24126267</v>
      </c>
      <c r="CT21" s="327">
        <v>19476828</v>
      </c>
      <c r="CU21" s="327">
        <v>10634360</v>
      </c>
      <c r="CV21" s="328">
        <v>103170136</v>
      </c>
      <c r="CW21" s="330">
        <v>103170136</v>
      </c>
      <c r="CX21" s="326">
        <v>1223592</v>
      </c>
      <c r="CY21" s="327">
        <v>5001519</v>
      </c>
      <c r="CZ21" s="328">
        <v>6225111</v>
      </c>
      <c r="DA21" s="326">
        <v>0</v>
      </c>
      <c r="DB21" s="327">
        <v>8813947</v>
      </c>
      <c r="DC21" s="327">
        <v>15478076</v>
      </c>
      <c r="DD21" s="327">
        <v>7599292</v>
      </c>
      <c r="DE21" s="327">
        <v>6500590</v>
      </c>
      <c r="DF21" s="327">
        <v>2285579</v>
      </c>
      <c r="DG21" s="328">
        <v>40677484</v>
      </c>
      <c r="DH21" s="330">
        <v>46902595</v>
      </c>
      <c r="DI21" s="326">
        <v>0</v>
      </c>
      <c r="DJ21" s="327">
        <v>252825</v>
      </c>
      <c r="DK21" s="331">
        <v>252825</v>
      </c>
      <c r="DL21" s="332">
        <v>0</v>
      </c>
      <c r="DM21" s="327">
        <v>2460017</v>
      </c>
      <c r="DN21" s="327">
        <v>4805674</v>
      </c>
      <c r="DO21" s="327">
        <v>8548774</v>
      </c>
      <c r="DP21" s="327">
        <v>5292460</v>
      </c>
      <c r="DQ21" s="327">
        <v>3493758</v>
      </c>
      <c r="DR21" s="328">
        <v>24600683</v>
      </c>
      <c r="DS21" s="330">
        <v>24853508</v>
      </c>
      <c r="DT21" s="326">
        <v>0</v>
      </c>
      <c r="DU21" s="327">
        <v>252825</v>
      </c>
      <c r="DV21" s="328">
        <v>252825</v>
      </c>
      <c r="DW21" s="326">
        <v>0</v>
      </c>
      <c r="DX21" s="327">
        <v>2186834</v>
      </c>
      <c r="DY21" s="327">
        <v>4558704</v>
      </c>
      <c r="DZ21" s="327">
        <v>7693537</v>
      </c>
      <c r="EA21" s="327">
        <v>4776848</v>
      </c>
      <c r="EB21" s="327">
        <v>3134052</v>
      </c>
      <c r="EC21" s="328">
        <v>22349975</v>
      </c>
      <c r="ED21" s="330">
        <v>22602800</v>
      </c>
      <c r="EE21" s="326">
        <v>0</v>
      </c>
      <c r="EF21" s="331">
        <v>0</v>
      </c>
      <c r="EG21" s="328">
        <v>0</v>
      </c>
      <c r="EH21" s="326">
        <v>0</v>
      </c>
      <c r="EI21" s="327">
        <v>273183</v>
      </c>
      <c r="EJ21" s="327">
        <v>246970</v>
      </c>
      <c r="EK21" s="327">
        <v>855237</v>
      </c>
      <c r="EL21" s="327">
        <v>515612</v>
      </c>
      <c r="EM21" s="327">
        <v>359706</v>
      </c>
      <c r="EN21" s="331">
        <v>2250708</v>
      </c>
      <c r="EO21" s="330">
        <v>2250708</v>
      </c>
      <c r="EP21" s="326">
        <v>0</v>
      </c>
      <c r="EQ21" s="327">
        <v>0</v>
      </c>
      <c r="ER21" s="331">
        <v>0</v>
      </c>
      <c r="ES21" s="332">
        <v>0</v>
      </c>
      <c r="ET21" s="327">
        <v>0</v>
      </c>
      <c r="EU21" s="327">
        <v>0</v>
      </c>
      <c r="EV21" s="327">
        <v>0</v>
      </c>
      <c r="EW21" s="327">
        <v>0</v>
      </c>
      <c r="EX21" s="327">
        <v>0</v>
      </c>
      <c r="EY21" s="328">
        <v>0</v>
      </c>
      <c r="EZ21" s="330">
        <v>0</v>
      </c>
      <c r="FA21" s="326">
        <v>0</v>
      </c>
      <c r="FB21" s="327">
        <v>0</v>
      </c>
      <c r="FC21" s="331">
        <v>0</v>
      </c>
      <c r="FD21" s="332">
        <v>0</v>
      </c>
      <c r="FE21" s="327">
        <v>0</v>
      </c>
      <c r="FF21" s="327">
        <v>0</v>
      </c>
      <c r="FG21" s="327">
        <v>0</v>
      </c>
      <c r="FH21" s="327">
        <v>0</v>
      </c>
      <c r="FI21" s="327">
        <v>0</v>
      </c>
      <c r="FJ21" s="328">
        <v>0</v>
      </c>
      <c r="FK21" s="330">
        <v>0</v>
      </c>
      <c r="FL21" s="326">
        <v>1481307</v>
      </c>
      <c r="FM21" s="327">
        <v>3628253</v>
      </c>
      <c r="FN21" s="328">
        <v>5109560</v>
      </c>
      <c r="FO21" s="326">
        <v>0</v>
      </c>
      <c r="FP21" s="327">
        <v>3897642</v>
      </c>
      <c r="FQ21" s="327">
        <v>12983102</v>
      </c>
      <c r="FR21" s="327">
        <v>7762549</v>
      </c>
      <c r="FS21" s="327">
        <v>7860453</v>
      </c>
      <c r="FT21" s="327">
        <v>5440914</v>
      </c>
      <c r="FU21" s="328">
        <v>37944660</v>
      </c>
      <c r="FV21" s="330">
        <v>43054220</v>
      </c>
      <c r="FW21" s="333">
        <v>1060925</v>
      </c>
      <c r="FX21" s="327">
        <v>2774634</v>
      </c>
      <c r="FY21" s="331">
        <v>3835559</v>
      </c>
      <c r="FZ21" s="332">
        <v>0</v>
      </c>
      <c r="GA21" s="327">
        <v>3088851</v>
      </c>
      <c r="GB21" s="327">
        <v>11903903</v>
      </c>
      <c r="GC21" s="327">
        <v>7342750</v>
      </c>
      <c r="GD21" s="327">
        <v>7117607</v>
      </c>
      <c r="GE21" s="327">
        <v>5319496</v>
      </c>
      <c r="GF21" s="328">
        <v>34772607</v>
      </c>
      <c r="GG21" s="334">
        <v>38608166</v>
      </c>
      <c r="GH21" s="333">
        <v>230909</v>
      </c>
      <c r="GI21" s="327">
        <v>202293</v>
      </c>
      <c r="GJ21" s="331">
        <v>433202</v>
      </c>
      <c r="GK21" s="332">
        <v>0</v>
      </c>
      <c r="GL21" s="327">
        <v>358179</v>
      </c>
      <c r="GM21" s="327">
        <v>521065</v>
      </c>
      <c r="GN21" s="327">
        <v>217899</v>
      </c>
      <c r="GO21" s="327">
        <v>355217</v>
      </c>
      <c r="GP21" s="327">
        <v>121418</v>
      </c>
      <c r="GQ21" s="328">
        <v>1573778</v>
      </c>
      <c r="GR21" s="330">
        <v>2006980</v>
      </c>
      <c r="GS21" s="326">
        <v>189473</v>
      </c>
      <c r="GT21" s="327">
        <v>651326</v>
      </c>
      <c r="GU21" s="328">
        <v>840799</v>
      </c>
      <c r="GV21" s="326">
        <v>0</v>
      </c>
      <c r="GW21" s="327">
        <v>450612</v>
      </c>
      <c r="GX21" s="327">
        <v>558134</v>
      </c>
      <c r="GY21" s="327">
        <v>201900</v>
      </c>
      <c r="GZ21" s="327">
        <v>387629</v>
      </c>
      <c r="HA21" s="327">
        <v>0</v>
      </c>
      <c r="HB21" s="331">
        <v>1598275</v>
      </c>
      <c r="HC21" s="330">
        <v>2439074</v>
      </c>
      <c r="HD21" s="326">
        <v>1348055</v>
      </c>
      <c r="HE21" s="327">
        <v>1452704</v>
      </c>
      <c r="HF21" s="331">
        <v>2800759</v>
      </c>
      <c r="HG21" s="332">
        <v>0</v>
      </c>
      <c r="HH21" s="327">
        <v>20481871</v>
      </c>
      <c r="HI21" s="327">
        <v>22909656</v>
      </c>
      <c r="HJ21" s="327">
        <v>20997508</v>
      </c>
      <c r="HK21" s="327">
        <v>27621003</v>
      </c>
      <c r="HL21" s="327">
        <v>18767039</v>
      </c>
      <c r="HM21" s="328">
        <v>110777077</v>
      </c>
      <c r="HN21" s="329">
        <v>113577836</v>
      </c>
      <c r="HO21" s="333">
        <v>1183821</v>
      </c>
      <c r="HP21" s="327">
        <v>2550669</v>
      </c>
      <c r="HQ21" s="328">
        <v>3734490</v>
      </c>
      <c r="HR21" s="326">
        <v>0</v>
      </c>
      <c r="HS21" s="327">
        <v>13038028</v>
      </c>
      <c r="HT21" s="327">
        <v>17308659</v>
      </c>
      <c r="HU21" s="327">
        <v>10509980</v>
      </c>
      <c r="HV21" s="327">
        <v>7390344</v>
      </c>
      <c r="HW21" s="327">
        <v>4094169</v>
      </c>
      <c r="HX21" s="331">
        <v>52341180</v>
      </c>
      <c r="HY21" s="330">
        <v>56075670</v>
      </c>
      <c r="HZ21" s="335">
        <v>254678</v>
      </c>
      <c r="IA21" s="336">
        <v>518347</v>
      </c>
      <c r="IB21" s="337">
        <v>773025</v>
      </c>
      <c r="IC21" s="338">
        <v>0</v>
      </c>
      <c r="ID21" s="336">
        <v>18797444</v>
      </c>
      <c r="IE21" s="339">
        <v>32198149</v>
      </c>
      <c r="IF21" s="337">
        <v>33569698</v>
      </c>
      <c r="IG21" s="336">
        <v>29151254</v>
      </c>
      <c r="IH21" s="337">
        <v>26609321</v>
      </c>
      <c r="II21" s="340">
        <v>140325866</v>
      </c>
      <c r="IJ21" s="341">
        <v>141098891</v>
      </c>
      <c r="IK21" s="342">
        <v>0</v>
      </c>
      <c r="IL21" s="343">
        <v>0</v>
      </c>
      <c r="IM21" s="344">
        <v>0</v>
      </c>
      <c r="IN21" s="404">
        <v>0</v>
      </c>
      <c r="IO21" s="345">
        <v>480076</v>
      </c>
      <c r="IP21" s="345">
        <v>1985371</v>
      </c>
      <c r="IQ21" s="345">
        <v>2231293</v>
      </c>
      <c r="IR21" s="345">
        <v>2853831</v>
      </c>
      <c r="IS21" s="345">
        <v>3033206</v>
      </c>
      <c r="IT21" s="346">
        <v>10583777</v>
      </c>
      <c r="IU21" s="347">
        <v>10583777</v>
      </c>
      <c r="IV21" s="348">
        <v>0</v>
      </c>
      <c r="IW21" s="345">
        <v>0</v>
      </c>
      <c r="IX21" s="349">
        <v>0</v>
      </c>
      <c r="IY21" s="413">
        <v>0</v>
      </c>
      <c r="IZ21" s="345">
        <v>0</v>
      </c>
      <c r="JA21" s="345">
        <v>51224</v>
      </c>
      <c r="JB21" s="345">
        <v>36702</v>
      </c>
      <c r="JC21" s="345">
        <v>12953</v>
      </c>
      <c r="JD21" s="345">
        <v>49555</v>
      </c>
      <c r="JE21" s="349">
        <v>150434</v>
      </c>
      <c r="JF21" s="350">
        <v>150434</v>
      </c>
      <c r="JG21" s="348">
        <v>0</v>
      </c>
      <c r="JH21" s="345">
        <v>0</v>
      </c>
      <c r="JI21" s="346">
        <v>0</v>
      </c>
      <c r="JJ21" s="351">
        <v>0</v>
      </c>
      <c r="JK21" s="345">
        <v>7108729</v>
      </c>
      <c r="JL21" s="345">
        <v>9508170</v>
      </c>
      <c r="JM21" s="345">
        <v>6501900</v>
      </c>
      <c r="JN21" s="345">
        <v>3901700</v>
      </c>
      <c r="JO21" s="345">
        <v>1285026</v>
      </c>
      <c r="JP21" s="349">
        <v>28305525</v>
      </c>
      <c r="JQ21" s="347">
        <v>28305525</v>
      </c>
      <c r="JR21" s="348">
        <v>0</v>
      </c>
      <c r="JS21" s="345">
        <v>0</v>
      </c>
      <c r="JT21" s="346">
        <v>0</v>
      </c>
      <c r="JU21" s="351">
        <v>0</v>
      </c>
      <c r="JV21" s="345">
        <v>432436</v>
      </c>
      <c r="JW21" s="345">
        <v>796159</v>
      </c>
      <c r="JX21" s="345">
        <v>730965</v>
      </c>
      <c r="JY21" s="345">
        <v>297474</v>
      </c>
      <c r="JZ21" s="345">
        <v>669864</v>
      </c>
      <c r="KA21" s="349">
        <v>2926898</v>
      </c>
      <c r="KB21" s="347">
        <v>2926898</v>
      </c>
      <c r="KC21" s="352">
        <v>254678</v>
      </c>
      <c r="KD21" s="353">
        <v>260136</v>
      </c>
      <c r="KE21" s="349">
        <v>514814</v>
      </c>
      <c r="KF21" s="351">
        <v>0</v>
      </c>
      <c r="KG21" s="345">
        <v>2190156</v>
      </c>
      <c r="KH21" s="345">
        <v>4072440</v>
      </c>
      <c r="KI21" s="345">
        <v>3855956</v>
      </c>
      <c r="KJ21" s="345">
        <v>4835709</v>
      </c>
      <c r="KK21" s="345">
        <v>3561165</v>
      </c>
      <c r="KL21" s="349">
        <v>18515426</v>
      </c>
      <c r="KM21" s="354">
        <v>19030240</v>
      </c>
      <c r="KN21" s="342">
        <v>0</v>
      </c>
      <c r="KO21" s="343">
        <v>258211</v>
      </c>
      <c r="KP21" s="344">
        <v>258211</v>
      </c>
      <c r="KQ21" s="413">
        <v>0</v>
      </c>
      <c r="KR21" s="345">
        <v>7724944</v>
      </c>
      <c r="KS21" s="345">
        <v>11769064</v>
      </c>
      <c r="KT21" s="345">
        <v>12897407</v>
      </c>
      <c r="KU21" s="345">
        <v>12268634</v>
      </c>
      <c r="KV21" s="345">
        <v>7390296</v>
      </c>
      <c r="KW21" s="349">
        <v>52050345</v>
      </c>
      <c r="KX21" s="347">
        <v>52308556</v>
      </c>
      <c r="KY21" s="348">
        <v>0</v>
      </c>
      <c r="KZ21" s="345">
        <v>0</v>
      </c>
      <c r="LA21" s="349">
        <v>0</v>
      </c>
      <c r="LB21" s="413">
        <v>0</v>
      </c>
      <c r="LC21" s="345">
        <v>0</v>
      </c>
      <c r="LD21" s="345">
        <v>0</v>
      </c>
      <c r="LE21" s="345">
        <v>0</v>
      </c>
      <c r="LF21" s="345">
        <v>0</v>
      </c>
      <c r="LG21" s="345">
        <v>0</v>
      </c>
      <c r="LH21" s="349">
        <v>0</v>
      </c>
      <c r="LI21" s="350">
        <v>0</v>
      </c>
      <c r="LJ21" s="348">
        <v>0</v>
      </c>
      <c r="LK21" s="345">
        <v>0</v>
      </c>
      <c r="LL21" s="349">
        <v>0</v>
      </c>
      <c r="LM21" s="413">
        <v>0</v>
      </c>
      <c r="LN21" s="345">
        <v>0</v>
      </c>
      <c r="LO21" s="345">
        <v>0</v>
      </c>
      <c r="LP21" s="345">
        <v>2426904</v>
      </c>
      <c r="LQ21" s="345">
        <v>4048448</v>
      </c>
      <c r="LR21" s="345">
        <v>3140086</v>
      </c>
      <c r="LS21" s="349">
        <v>9615438</v>
      </c>
      <c r="LT21" s="347">
        <v>9615438</v>
      </c>
      <c r="LU21" s="348">
        <v>0</v>
      </c>
      <c r="LV21" s="345">
        <v>0</v>
      </c>
      <c r="LW21" s="349">
        <v>0</v>
      </c>
      <c r="LX21" s="413">
        <v>0</v>
      </c>
      <c r="LY21" s="345">
        <v>861103</v>
      </c>
      <c r="LZ21" s="345">
        <v>4015721</v>
      </c>
      <c r="MA21" s="345">
        <v>4888571</v>
      </c>
      <c r="MB21" s="345">
        <v>932505</v>
      </c>
      <c r="MC21" s="345">
        <v>7480123</v>
      </c>
      <c r="MD21" s="349">
        <v>18178023</v>
      </c>
      <c r="ME21" s="350">
        <v>18178023</v>
      </c>
      <c r="MF21" s="348">
        <v>0</v>
      </c>
      <c r="MG21" s="345">
        <v>0</v>
      </c>
      <c r="MH21" s="349">
        <v>0</v>
      </c>
      <c r="MI21" s="413">
        <v>0</v>
      </c>
      <c r="MJ21" s="345">
        <v>17676587</v>
      </c>
      <c r="MK21" s="345">
        <v>29012407</v>
      </c>
      <c r="ML21" s="345">
        <v>99718066</v>
      </c>
      <c r="MM21" s="345">
        <v>139166822</v>
      </c>
      <c r="MN21" s="345">
        <v>76030843</v>
      </c>
      <c r="MO21" s="349">
        <v>361604725</v>
      </c>
      <c r="MP21" s="354">
        <v>361604725</v>
      </c>
      <c r="MQ21" s="348">
        <v>0</v>
      </c>
      <c r="MR21" s="345">
        <v>0</v>
      </c>
      <c r="MS21" s="349">
        <v>0</v>
      </c>
      <c r="MT21" s="413">
        <v>0</v>
      </c>
      <c r="MU21" s="345">
        <v>1325580</v>
      </c>
      <c r="MV21" s="345">
        <v>3860260</v>
      </c>
      <c r="MW21" s="345">
        <v>61275661</v>
      </c>
      <c r="MX21" s="345">
        <v>88476428</v>
      </c>
      <c r="MY21" s="345">
        <v>50416994</v>
      </c>
      <c r="MZ21" s="349">
        <v>205354923</v>
      </c>
      <c r="NA21" s="354">
        <v>205354923</v>
      </c>
      <c r="NB21" s="348">
        <v>0</v>
      </c>
      <c r="NC21" s="345">
        <v>0</v>
      </c>
      <c r="ND21" s="349">
        <v>0</v>
      </c>
      <c r="NE21" s="413">
        <v>0</v>
      </c>
      <c r="NF21" s="345">
        <v>16351007</v>
      </c>
      <c r="NG21" s="345">
        <v>25152147</v>
      </c>
      <c r="NH21" s="345">
        <v>36860967</v>
      </c>
      <c r="NI21" s="345">
        <v>45951562</v>
      </c>
      <c r="NJ21" s="345">
        <v>21366014</v>
      </c>
      <c r="NK21" s="349">
        <v>145681697</v>
      </c>
      <c r="NL21" s="347">
        <v>145681697</v>
      </c>
      <c r="NM21" s="348">
        <v>0</v>
      </c>
      <c r="NN21" s="345">
        <v>0</v>
      </c>
      <c r="NO21" s="349">
        <v>0</v>
      </c>
      <c r="NP21" s="413">
        <v>0</v>
      </c>
      <c r="NQ21" s="345">
        <v>0</v>
      </c>
      <c r="NR21" s="345">
        <v>0</v>
      </c>
      <c r="NS21" s="345">
        <v>0</v>
      </c>
      <c r="NT21" s="345">
        <v>0</v>
      </c>
      <c r="NU21" s="345">
        <v>0</v>
      </c>
      <c r="NV21" s="349">
        <v>0</v>
      </c>
      <c r="NW21" s="350">
        <v>0</v>
      </c>
      <c r="NX21" s="348">
        <v>0</v>
      </c>
      <c r="NY21" s="345">
        <v>0</v>
      </c>
      <c r="NZ21" s="349">
        <v>0</v>
      </c>
      <c r="OA21" s="413">
        <v>0</v>
      </c>
      <c r="OB21" s="345">
        <v>0</v>
      </c>
      <c r="OC21" s="345">
        <v>0</v>
      </c>
      <c r="OD21" s="345">
        <v>1581438</v>
      </c>
      <c r="OE21" s="345">
        <v>4738832</v>
      </c>
      <c r="OF21" s="345">
        <v>4247835</v>
      </c>
      <c r="OG21" s="349">
        <v>10568105</v>
      </c>
      <c r="OH21" s="350">
        <v>10568105</v>
      </c>
      <c r="OI21" s="348">
        <v>6669402</v>
      </c>
      <c r="OJ21" s="345">
        <v>16376224</v>
      </c>
      <c r="OK21" s="346">
        <v>23045626</v>
      </c>
      <c r="OL21" s="351">
        <v>0</v>
      </c>
      <c r="OM21" s="345">
        <v>120018473</v>
      </c>
      <c r="ON21" s="345">
        <v>197456261</v>
      </c>
      <c r="OO21" s="345">
        <v>240903275</v>
      </c>
      <c r="OP21" s="345">
        <v>274444643</v>
      </c>
      <c r="OQ21" s="345">
        <v>175110483</v>
      </c>
      <c r="OR21" s="349">
        <v>1007933135</v>
      </c>
      <c r="OS21" s="354">
        <v>1030978761</v>
      </c>
    </row>
    <row r="22" spans="2:409" s="70" customFormat="1" ht="21" customHeight="1" x14ac:dyDescent="0.2">
      <c r="B22" s="410" t="s">
        <v>17</v>
      </c>
      <c r="C22" s="326">
        <v>8155402</v>
      </c>
      <c r="D22" s="327">
        <v>18706367</v>
      </c>
      <c r="E22" s="328">
        <v>26861769</v>
      </c>
      <c r="F22" s="329">
        <v>0</v>
      </c>
      <c r="G22" s="327">
        <v>80915370</v>
      </c>
      <c r="H22" s="327">
        <v>183785095</v>
      </c>
      <c r="I22" s="327">
        <v>159565079</v>
      </c>
      <c r="J22" s="327">
        <v>153217826</v>
      </c>
      <c r="K22" s="327">
        <v>96585476</v>
      </c>
      <c r="L22" s="329">
        <v>674068846</v>
      </c>
      <c r="M22" s="330">
        <v>700930615</v>
      </c>
      <c r="N22" s="326">
        <v>1662884</v>
      </c>
      <c r="O22" s="327">
        <v>4719173</v>
      </c>
      <c r="P22" s="328">
        <v>6382057</v>
      </c>
      <c r="Q22" s="326">
        <v>0</v>
      </c>
      <c r="R22" s="327">
        <v>18907605</v>
      </c>
      <c r="S22" s="327">
        <v>51427440</v>
      </c>
      <c r="T22" s="327">
        <v>51850553</v>
      </c>
      <c r="U22" s="327">
        <v>64480215</v>
      </c>
      <c r="V22" s="327">
        <v>48908402</v>
      </c>
      <c r="W22" s="328">
        <v>235574215</v>
      </c>
      <c r="X22" s="330">
        <v>241956272</v>
      </c>
      <c r="Y22" s="326">
        <v>0</v>
      </c>
      <c r="Z22" s="327">
        <v>0</v>
      </c>
      <c r="AA22" s="328">
        <v>0</v>
      </c>
      <c r="AB22" s="326">
        <v>0</v>
      </c>
      <c r="AC22" s="327">
        <v>7836712</v>
      </c>
      <c r="AD22" s="327">
        <v>23750895</v>
      </c>
      <c r="AE22" s="327">
        <v>30611710</v>
      </c>
      <c r="AF22" s="327">
        <v>42521447</v>
      </c>
      <c r="AG22" s="327">
        <v>30191127</v>
      </c>
      <c r="AH22" s="328">
        <v>134911891</v>
      </c>
      <c r="AI22" s="330">
        <v>134911891</v>
      </c>
      <c r="AJ22" s="326">
        <v>0</v>
      </c>
      <c r="AK22" s="327">
        <v>27935</v>
      </c>
      <c r="AL22" s="328">
        <v>27935</v>
      </c>
      <c r="AM22" s="326">
        <v>0</v>
      </c>
      <c r="AN22" s="327">
        <v>0</v>
      </c>
      <c r="AO22" s="327">
        <v>398195</v>
      </c>
      <c r="AP22" s="327">
        <v>1296721</v>
      </c>
      <c r="AQ22" s="327">
        <v>2309653</v>
      </c>
      <c r="AR22" s="327">
        <v>4238230</v>
      </c>
      <c r="AS22" s="328">
        <v>8242799</v>
      </c>
      <c r="AT22" s="330">
        <v>8270734</v>
      </c>
      <c r="AU22" s="326">
        <v>843713</v>
      </c>
      <c r="AV22" s="327">
        <v>3584207</v>
      </c>
      <c r="AW22" s="328">
        <v>4427920</v>
      </c>
      <c r="AX22" s="326">
        <v>0</v>
      </c>
      <c r="AY22" s="327">
        <v>6994665</v>
      </c>
      <c r="AZ22" s="327">
        <v>17380316</v>
      </c>
      <c r="BA22" s="327">
        <v>10953459</v>
      </c>
      <c r="BB22" s="327">
        <v>10627539</v>
      </c>
      <c r="BC22" s="327">
        <v>8483968</v>
      </c>
      <c r="BD22" s="328">
        <v>54439947</v>
      </c>
      <c r="BE22" s="330">
        <v>58867867</v>
      </c>
      <c r="BF22" s="326">
        <v>135072</v>
      </c>
      <c r="BG22" s="327">
        <v>268211</v>
      </c>
      <c r="BH22" s="331">
        <v>403283</v>
      </c>
      <c r="BI22" s="332">
        <v>0</v>
      </c>
      <c r="BJ22" s="327">
        <v>327298</v>
      </c>
      <c r="BK22" s="327">
        <v>1633664</v>
      </c>
      <c r="BL22" s="327">
        <v>1365628</v>
      </c>
      <c r="BM22" s="327">
        <v>904721</v>
      </c>
      <c r="BN22" s="327">
        <v>701534</v>
      </c>
      <c r="BO22" s="328">
        <v>4932845</v>
      </c>
      <c r="BP22" s="330">
        <v>5336128</v>
      </c>
      <c r="BQ22" s="326">
        <v>684099</v>
      </c>
      <c r="BR22" s="327">
        <v>838820</v>
      </c>
      <c r="BS22" s="328">
        <v>1522919</v>
      </c>
      <c r="BT22" s="326">
        <v>0</v>
      </c>
      <c r="BU22" s="327">
        <v>3748930</v>
      </c>
      <c r="BV22" s="327">
        <v>8264370</v>
      </c>
      <c r="BW22" s="327">
        <v>7623035</v>
      </c>
      <c r="BX22" s="327">
        <v>8116855</v>
      </c>
      <c r="BY22" s="327">
        <v>5293543</v>
      </c>
      <c r="BZ22" s="328">
        <v>33046733</v>
      </c>
      <c r="CA22" s="330">
        <v>34569652</v>
      </c>
      <c r="CB22" s="326">
        <v>968036</v>
      </c>
      <c r="CC22" s="327">
        <v>3161707</v>
      </c>
      <c r="CD22" s="328">
        <v>4129743</v>
      </c>
      <c r="CE22" s="326">
        <v>0</v>
      </c>
      <c r="CF22" s="327">
        <v>23244799</v>
      </c>
      <c r="CG22" s="327">
        <v>51075966</v>
      </c>
      <c r="CH22" s="327">
        <v>41318145</v>
      </c>
      <c r="CI22" s="327">
        <v>27379511</v>
      </c>
      <c r="CJ22" s="327">
        <v>13318323</v>
      </c>
      <c r="CK22" s="328">
        <v>156336744</v>
      </c>
      <c r="CL22" s="330">
        <v>160466487</v>
      </c>
      <c r="CM22" s="326">
        <v>0</v>
      </c>
      <c r="CN22" s="327">
        <v>0</v>
      </c>
      <c r="CO22" s="328">
        <v>0</v>
      </c>
      <c r="CP22" s="332">
        <v>0</v>
      </c>
      <c r="CQ22" s="327">
        <v>19738525</v>
      </c>
      <c r="CR22" s="327">
        <v>37109718</v>
      </c>
      <c r="CS22" s="327">
        <v>32078833</v>
      </c>
      <c r="CT22" s="327">
        <v>22636521</v>
      </c>
      <c r="CU22" s="327">
        <v>11617160</v>
      </c>
      <c r="CV22" s="328">
        <v>123180757</v>
      </c>
      <c r="CW22" s="330">
        <v>123180757</v>
      </c>
      <c r="CX22" s="326">
        <v>968036</v>
      </c>
      <c r="CY22" s="327">
        <v>3161707</v>
      </c>
      <c r="CZ22" s="328">
        <v>4129743</v>
      </c>
      <c r="DA22" s="326">
        <v>0</v>
      </c>
      <c r="DB22" s="327">
        <v>3506274</v>
      </c>
      <c r="DC22" s="327">
        <v>13966248</v>
      </c>
      <c r="DD22" s="327">
        <v>9239312</v>
      </c>
      <c r="DE22" s="327">
        <v>4742990</v>
      </c>
      <c r="DF22" s="327">
        <v>1701163</v>
      </c>
      <c r="DG22" s="328">
        <v>33155987</v>
      </c>
      <c r="DH22" s="330">
        <v>37285730</v>
      </c>
      <c r="DI22" s="326">
        <v>59991</v>
      </c>
      <c r="DJ22" s="327">
        <v>179156</v>
      </c>
      <c r="DK22" s="331">
        <v>239147</v>
      </c>
      <c r="DL22" s="332">
        <v>0</v>
      </c>
      <c r="DM22" s="327">
        <v>1988721</v>
      </c>
      <c r="DN22" s="327">
        <v>9256116</v>
      </c>
      <c r="DO22" s="327">
        <v>12687582</v>
      </c>
      <c r="DP22" s="327">
        <v>12335569</v>
      </c>
      <c r="DQ22" s="327">
        <v>6086776</v>
      </c>
      <c r="DR22" s="328">
        <v>42354764</v>
      </c>
      <c r="DS22" s="330">
        <v>42593911</v>
      </c>
      <c r="DT22" s="326">
        <v>59991</v>
      </c>
      <c r="DU22" s="327">
        <v>179156</v>
      </c>
      <c r="DV22" s="328">
        <v>239147</v>
      </c>
      <c r="DW22" s="326">
        <v>0</v>
      </c>
      <c r="DX22" s="327">
        <v>1465930</v>
      </c>
      <c r="DY22" s="327">
        <v>7972394</v>
      </c>
      <c r="DZ22" s="327">
        <v>11509353</v>
      </c>
      <c r="EA22" s="327">
        <v>11360125</v>
      </c>
      <c r="EB22" s="327">
        <v>5191911</v>
      </c>
      <c r="EC22" s="328">
        <v>37499713</v>
      </c>
      <c r="ED22" s="330">
        <v>37738860</v>
      </c>
      <c r="EE22" s="326">
        <v>0</v>
      </c>
      <c r="EF22" s="331">
        <v>0</v>
      </c>
      <c r="EG22" s="328">
        <v>0</v>
      </c>
      <c r="EH22" s="326">
        <v>0</v>
      </c>
      <c r="EI22" s="327">
        <v>522791</v>
      </c>
      <c r="EJ22" s="327">
        <v>1283722</v>
      </c>
      <c r="EK22" s="327">
        <v>1178229</v>
      </c>
      <c r="EL22" s="327">
        <v>975444</v>
      </c>
      <c r="EM22" s="327">
        <v>894865</v>
      </c>
      <c r="EN22" s="331">
        <v>4855051</v>
      </c>
      <c r="EO22" s="330">
        <v>4855051</v>
      </c>
      <c r="EP22" s="326">
        <v>0</v>
      </c>
      <c r="EQ22" s="327">
        <v>0</v>
      </c>
      <c r="ER22" s="331">
        <v>0</v>
      </c>
      <c r="ES22" s="332">
        <v>0</v>
      </c>
      <c r="ET22" s="327">
        <v>0</v>
      </c>
      <c r="EU22" s="327">
        <v>0</v>
      </c>
      <c r="EV22" s="327">
        <v>0</v>
      </c>
      <c r="EW22" s="327">
        <v>0</v>
      </c>
      <c r="EX22" s="327">
        <v>0</v>
      </c>
      <c r="EY22" s="328">
        <v>0</v>
      </c>
      <c r="EZ22" s="330">
        <v>0</v>
      </c>
      <c r="FA22" s="326">
        <v>0</v>
      </c>
      <c r="FB22" s="327">
        <v>0</v>
      </c>
      <c r="FC22" s="331">
        <v>0</v>
      </c>
      <c r="FD22" s="332">
        <v>0</v>
      </c>
      <c r="FE22" s="327">
        <v>0</v>
      </c>
      <c r="FF22" s="327">
        <v>0</v>
      </c>
      <c r="FG22" s="327">
        <v>0</v>
      </c>
      <c r="FH22" s="327">
        <v>0</v>
      </c>
      <c r="FI22" s="327">
        <v>0</v>
      </c>
      <c r="FJ22" s="328">
        <v>0</v>
      </c>
      <c r="FK22" s="330">
        <v>0</v>
      </c>
      <c r="FL22" s="326">
        <v>2245611</v>
      </c>
      <c r="FM22" s="327">
        <v>4598437</v>
      </c>
      <c r="FN22" s="328">
        <v>6844048</v>
      </c>
      <c r="FO22" s="326">
        <v>0</v>
      </c>
      <c r="FP22" s="327">
        <v>4725893</v>
      </c>
      <c r="FQ22" s="327">
        <v>18529081</v>
      </c>
      <c r="FR22" s="327">
        <v>13514275</v>
      </c>
      <c r="FS22" s="327">
        <v>11162058</v>
      </c>
      <c r="FT22" s="327">
        <v>6942187</v>
      </c>
      <c r="FU22" s="328">
        <v>54873494</v>
      </c>
      <c r="FV22" s="330">
        <v>61717542</v>
      </c>
      <c r="FW22" s="333">
        <v>1234170</v>
      </c>
      <c r="FX22" s="327">
        <v>3560224</v>
      </c>
      <c r="FY22" s="331">
        <v>4794394</v>
      </c>
      <c r="FZ22" s="332">
        <v>0</v>
      </c>
      <c r="GA22" s="327">
        <v>3069100</v>
      </c>
      <c r="GB22" s="327">
        <v>17279208</v>
      </c>
      <c r="GC22" s="327">
        <v>12464126</v>
      </c>
      <c r="GD22" s="327">
        <v>10498977</v>
      </c>
      <c r="GE22" s="327">
        <v>6883903</v>
      </c>
      <c r="GF22" s="328">
        <v>50195314</v>
      </c>
      <c r="GG22" s="334">
        <v>54989708</v>
      </c>
      <c r="GH22" s="333">
        <v>151528</v>
      </c>
      <c r="GI22" s="327">
        <v>241230</v>
      </c>
      <c r="GJ22" s="331">
        <v>392758</v>
      </c>
      <c r="GK22" s="332">
        <v>0</v>
      </c>
      <c r="GL22" s="327">
        <v>414695</v>
      </c>
      <c r="GM22" s="327">
        <v>443953</v>
      </c>
      <c r="GN22" s="327">
        <v>224640</v>
      </c>
      <c r="GO22" s="327">
        <v>239361</v>
      </c>
      <c r="GP22" s="327">
        <v>58284</v>
      </c>
      <c r="GQ22" s="328">
        <v>1380933</v>
      </c>
      <c r="GR22" s="330">
        <v>1773691</v>
      </c>
      <c r="GS22" s="326">
        <v>859913</v>
      </c>
      <c r="GT22" s="327">
        <v>796983</v>
      </c>
      <c r="GU22" s="328">
        <v>1656896</v>
      </c>
      <c r="GV22" s="326">
        <v>0</v>
      </c>
      <c r="GW22" s="327">
        <v>1242098</v>
      </c>
      <c r="GX22" s="327">
        <v>805920</v>
      </c>
      <c r="GY22" s="327">
        <v>825509</v>
      </c>
      <c r="GZ22" s="327">
        <v>423720</v>
      </c>
      <c r="HA22" s="327">
        <v>0</v>
      </c>
      <c r="HB22" s="331">
        <v>3297247</v>
      </c>
      <c r="HC22" s="330">
        <v>4954143</v>
      </c>
      <c r="HD22" s="326">
        <v>1667258</v>
      </c>
      <c r="HE22" s="327">
        <v>2778774</v>
      </c>
      <c r="HF22" s="331">
        <v>4446032</v>
      </c>
      <c r="HG22" s="332">
        <v>0</v>
      </c>
      <c r="HH22" s="327">
        <v>17774943</v>
      </c>
      <c r="HI22" s="327">
        <v>28704732</v>
      </c>
      <c r="HJ22" s="327">
        <v>23565373</v>
      </c>
      <c r="HK22" s="327">
        <v>25914131</v>
      </c>
      <c r="HL22" s="327">
        <v>15609473</v>
      </c>
      <c r="HM22" s="328">
        <v>111568652</v>
      </c>
      <c r="HN22" s="329">
        <v>116014684</v>
      </c>
      <c r="HO22" s="333">
        <v>1551622</v>
      </c>
      <c r="HP22" s="327">
        <v>3269120</v>
      </c>
      <c r="HQ22" s="328">
        <v>4820742</v>
      </c>
      <c r="HR22" s="326">
        <v>0</v>
      </c>
      <c r="HS22" s="327">
        <v>14273409</v>
      </c>
      <c r="HT22" s="327">
        <v>24791760</v>
      </c>
      <c r="HU22" s="327">
        <v>16629151</v>
      </c>
      <c r="HV22" s="327">
        <v>11946342</v>
      </c>
      <c r="HW22" s="327">
        <v>5720315</v>
      </c>
      <c r="HX22" s="331">
        <v>73360977</v>
      </c>
      <c r="HY22" s="330">
        <v>78181719</v>
      </c>
      <c r="HZ22" s="358">
        <v>383782</v>
      </c>
      <c r="IA22" s="356">
        <v>265807</v>
      </c>
      <c r="IB22" s="358">
        <v>649589</v>
      </c>
      <c r="IC22" s="355">
        <v>0</v>
      </c>
      <c r="ID22" s="356">
        <v>26343327</v>
      </c>
      <c r="IE22" s="357">
        <v>47389241</v>
      </c>
      <c r="IF22" s="358">
        <v>61265639</v>
      </c>
      <c r="IG22" s="356">
        <v>53400426</v>
      </c>
      <c r="IH22" s="358">
        <v>37148708</v>
      </c>
      <c r="II22" s="359">
        <v>225547341</v>
      </c>
      <c r="IJ22" s="358">
        <v>226196930</v>
      </c>
      <c r="IK22" s="342">
        <v>0</v>
      </c>
      <c r="IL22" s="343">
        <v>0</v>
      </c>
      <c r="IM22" s="344">
        <v>0</v>
      </c>
      <c r="IN22" s="404">
        <v>0</v>
      </c>
      <c r="IO22" s="345">
        <v>59079</v>
      </c>
      <c r="IP22" s="345">
        <v>311811</v>
      </c>
      <c r="IQ22" s="345">
        <v>185906</v>
      </c>
      <c r="IR22" s="345">
        <v>483704</v>
      </c>
      <c r="IS22" s="345">
        <v>0</v>
      </c>
      <c r="IT22" s="346">
        <v>1040500</v>
      </c>
      <c r="IU22" s="347">
        <v>1040500</v>
      </c>
      <c r="IV22" s="348">
        <v>0</v>
      </c>
      <c r="IW22" s="345">
        <v>0</v>
      </c>
      <c r="IX22" s="349">
        <v>0</v>
      </c>
      <c r="IY22" s="413">
        <v>0</v>
      </c>
      <c r="IZ22" s="345">
        <v>0</v>
      </c>
      <c r="JA22" s="345">
        <v>0</v>
      </c>
      <c r="JB22" s="345">
        <v>0</v>
      </c>
      <c r="JC22" s="345">
        <v>0</v>
      </c>
      <c r="JD22" s="345">
        <v>0</v>
      </c>
      <c r="JE22" s="349">
        <v>0</v>
      </c>
      <c r="JF22" s="350">
        <v>0</v>
      </c>
      <c r="JG22" s="348">
        <v>0</v>
      </c>
      <c r="JH22" s="345">
        <v>0</v>
      </c>
      <c r="JI22" s="346">
        <v>0</v>
      </c>
      <c r="JJ22" s="351">
        <v>0</v>
      </c>
      <c r="JK22" s="345">
        <v>13359085</v>
      </c>
      <c r="JL22" s="345">
        <v>20597059</v>
      </c>
      <c r="JM22" s="345">
        <v>15881106</v>
      </c>
      <c r="JN22" s="345">
        <v>13491625</v>
      </c>
      <c r="JO22" s="345">
        <v>6261558</v>
      </c>
      <c r="JP22" s="349">
        <v>69590433</v>
      </c>
      <c r="JQ22" s="347">
        <v>69590433</v>
      </c>
      <c r="JR22" s="348">
        <v>34786</v>
      </c>
      <c r="JS22" s="345">
        <v>0</v>
      </c>
      <c r="JT22" s="346">
        <v>34786</v>
      </c>
      <c r="JU22" s="351">
        <v>0</v>
      </c>
      <c r="JV22" s="345">
        <v>1999875</v>
      </c>
      <c r="JW22" s="345">
        <v>1793375</v>
      </c>
      <c r="JX22" s="345">
        <v>1578079</v>
      </c>
      <c r="JY22" s="345">
        <v>1450928</v>
      </c>
      <c r="JZ22" s="345">
        <v>744364</v>
      </c>
      <c r="KA22" s="349">
        <v>7566621</v>
      </c>
      <c r="KB22" s="347">
        <v>7601407</v>
      </c>
      <c r="KC22" s="352">
        <v>348996</v>
      </c>
      <c r="KD22" s="353">
        <v>265807</v>
      </c>
      <c r="KE22" s="349">
        <v>614803</v>
      </c>
      <c r="KF22" s="351">
        <v>0</v>
      </c>
      <c r="KG22" s="345">
        <v>1383517</v>
      </c>
      <c r="KH22" s="345">
        <v>6199783</v>
      </c>
      <c r="KI22" s="345">
        <v>8907028</v>
      </c>
      <c r="KJ22" s="345">
        <v>8052305</v>
      </c>
      <c r="KK22" s="345">
        <v>4728788</v>
      </c>
      <c r="KL22" s="349">
        <v>29271421</v>
      </c>
      <c r="KM22" s="354">
        <v>29886224</v>
      </c>
      <c r="KN22" s="342">
        <v>0</v>
      </c>
      <c r="KO22" s="343">
        <v>0</v>
      </c>
      <c r="KP22" s="344">
        <v>0</v>
      </c>
      <c r="KQ22" s="413">
        <v>0</v>
      </c>
      <c r="KR22" s="345">
        <v>9224888</v>
      </c>
      <c r="KS22" s="345">
        <v>17018343</v>
      </c>
      <c r="KT22" s="345">
        <v>23763561</v>
      </c>
      <c r="KU22" s="345">
        <v>13799936</v>
      </c>
      <c r="KV22" s="345">
        <v>8582109</v>
      </c>
      <c r="KW22" s="349">
        <v>72388837</v>
      </c>
      <c r="KX22" s="347">
        <v>72388837</v>
      </c>
      <c r="KY22" s="348">
        <v>0</v>
      </c>
      <c r="KZ22" s="345">
        <v>0</v>
      </c>
      <c r="LA22" s="349">
        <v>0</v>
      </c>
      <c r="LB22" s="413">
        <v>0</v>
      </c>
      <c r="LC22" s="345">
        <v>0</v>
      </c>
      <c r="LD22" s="345">
        <v>0</v>
      </c>
      <c r="LE22" s="345">
        <v>0</v>
      </c>
      <c r="LF22" s="345">
        <v>0</v>
      </c>
      <c r="LG22" s="345">
        <v>0</v>
      </c>
      <c r="LH22" s="349">
        <v>0</v>
      </c>
      <c r="LI22" s="350">
        <v>0</v>
      </c>
      <c r="LJ22" s="348">
        <v>0</v>
      </c>
      <c r="LK22" s="345">
        <v>0</v>
      </c>
      <c r="LL22" s="349">
        <v>0</v>
      </c>
      <c r="LM22" s="413">
        <v>0</v>
      </c>
      <c r="LN22" s="345">
        <v>0</v>
      </c>
      <c r="LO22" s="345">
        <v>288600</v>
      </c>
      <c r="LP22" s="345">
        <v>7537357</v>
      </c>
      <c r="LQ22" s="345">
        <v>13764729</v>
      </c>
      <c r="LR22" s="345">
        <v>12398256</v>
      </c>
      <c r="LS22" s="349">
        <v>33988942</v>
      </c>
      <c r="LT22" s="347">
        <v>33988942</v>
      </c>
      <c r="LU22" s="348">
        <v>0</v>
      </c>
      <c r="LV22" s="345">
        <v>0</v>
      </c>
      <c r="LW22" s="349">
        <v>0</v>
      </c>
      <c r="LX22" s="413">
        <v>0</v>
      </c>
      <c r="LY22" s="345">
        <v>316883</v>
      </c>
      <c r="LZ22" s="345">
        <v>1180270</v>
      </c>
      <c r="MA22" s="345">
        <v>3412602</v>
      </c>
      <c r="MB22" s="345">
        <v>2357199</v>
      </c>
      <c r="MC22" s="345">
        <v>4433633</v>
      </c>
      <c r="MD22" s="349">
        <v>11700587</v>
      </c>
      <c r="ME22" s="350">
        <v>11700587</v>
      </c>
      <c r="MF22" s="348">
        <v>0</v>
      </c>
      <c r="MG22" s="345">
        <v>0</v>
      </c>
      <c r="MH22" s="349">
        <v>0</v>
      </c>
      <c r="MI22" s="413">
        <v>0</v>
      </c>
      <c r="MJ22" s="345">
        <v>12379473</v>
      </c>
      <c r="MK22" s="345">
        <v>37163018</v>
      </c>
      <c r="ML22" s="345">
        <v>102915714</v>
      </c>
      <c r="MM22" s="345">
        <v>138584794</v>
      </c>
      <c r="MN22" s="345">
        <v>100808471</v>
      </c>
      <c r="MO22" s="349">
        <v>391851470</v>
      </c>
      <c r="MP22" s="354">
        <v>391851470</v>
      </c>
      <c r="MQ22" s="348">
        <v>0</v>
      </c>
      <c r="MR22" s="345">
        <v>0</v>
      </c>
      <c r="MS22" s="349">
        <v>0</v>
      </c>
      <c r="MT22" s="413">
        <v>0</v>
      </c>
      <c r="MU22" s="345">
        <v>1183359</v>
      </c>
      <c r="MV22" s="345">
        <v>3416044</v>
      </c>
      <c r="MW22" s="345">
        <v>57735938</v>
      </c>
      <c r="MX22" s="345">
        <v>89600182</v>
      </c>
      <c r="MY22" s="345">
        <v>67164152</v>
      </c>
      <c r="MZ22" s="349">
        <v>219099675</v>
      </c>
      <c r="NA22" s="354">
        <v>219099675</v>
      </c>
      <c r="NB22" s="348">
        <v>0</v>
      </c>
      <c r="NC22" s="345">
        <v>0</v>
      </c>
      <c r="ND22" s="349">
        <v>0</v>
      </c>
      <c r="NE22" s="413">
        <v>0</v>
      </c>
      <c r="NF22" s="345">
        <v>11196114</v>
      </c>
      <c r="NG22" s="345">
        <v>33746974</v>
      </c>
      <c r="NH22" s="345">
        <v>45179776</v>
      </c>
      <c r="NI22" s="345">
        <v>46633285</v>
      </c>
      <c r="NJ22" s="345">
        <v>27117852</v>
      </c>
      <c r="NK22" s="349">
        <v>163874001</v>
      </c>
      <c r="NL22" s="347">
        <v>163874001</v>
      </c>
      <c r="NM22" s="348">
        <v>0</v>
      </c>
      <c r="NN22" s="345">
        <v>0</v>
      </c>
      <c r="NO22" s="349">
        <v>0</v>
      </c>
      <c r="NP22" s="413">
        <v>0</v>
      </c>
      <c r="NQ22" s="345">
        <v>0</v>
      </c>
      <c r="NR22" s="345">
        <v>0</v>
      </c>
      <c r="NS22" s="345">
        <v>0</v>
      </c>
      <c r="NT22" s="345">
        <v>0</v>
      </c>
      <c r="NU22" s="345">
        <v>0</v>
      </c>
      <c r="NV22" s="349">
        <v>0</v>
      </c>
      <c r="NW22" s="350">
        <v>0</v>
      </c>
      <c r="NX22" s="348">
        <v>0</v>
      </c>
      <c r="NY22" s="345">
        <v>0</v>
      </c>
      <c r="NZ22" s="349">
        <v>0</v>
      </c>
      <c r="OA22" s="413">
        <v>0</v>
      </c>
      <c r="OB22" s="345">
        <v>0</v>
      </c>
      <c r="OC22" s="345">
        <v>0</v>
      </c>
      <c r="OD22" s="345">
        <v>0</v>
      </c>
      <c r="OE22" s="345">
        <v>2351327</v>
      </c>
      <c r="OF22" s="345">
        <v>6526467</v>
      </c>
      <c r="OG22" s="349">
        <v>8877794</v>
      </c>
      <c r="OH22" s="350">
        <v>8877794</v>
      </c>
      <c r="OI22" s="348">
        <v>8539184</v>
      </c>
      <c r="OJ22" s="345">
        <v>18972174</v>
      </c>
      <c r="OK22" s="346">
        <v>27511358</v>
      </c>
      <c r="OL22" s="351">
        <v>0</v>
      </c>
      <c r="OM22" s="345">
        <v>119638170</v>
      </c>
      <c r="ON22" s="345">
        <v>268337354</v>
      </c>
      <c r="OO22" s="345">
        <v>323746432</v>
      </c>
      <c r="OP22" s="345">
        <v>345203046</v>
      </c>
      <c r="OQ22" s="345">
        <v>234542655</v>
      </c>
      <c r="OR22" s="349">
        <v>1291467657</v>
      </c>
      <c r="OS22" s="354">
        <v>1318979015</v>
      </c>
    </row>
    <row r="23" spans="2:409" s="70" customFormat="1" ht="21" customHeight="1" x14ac:dyDescent="0.2">
      <c r="B23" s="410" t="s">
        <v>18</v>
      </c>
      <c r="C23" s="326">
        <v>9552240</v>
      </c>
      <c r="D23" s="327">
        <v>21214580</v>
      </c>
      <c r="E23" s="328">
        <v>30766820</v>
      </c>
      <c r="F23" s="329">
        <v>0</v>
      </c>
      <c r="G23" s="327">
        <v>150329460</v>
      </c>
      <c r="H23" s="327">
        <v>184938843</v>
      </c>
      <c r="I23" s="327">
        <v>174203960</v>
      </c>
      <c r="J23" s="327">
        <v>160075755</v>
      </c>
      <c r="K23" s="327">
        <v>116351854</v>
      </c>
      <c r="L23" s="329">
        <v>785899872</v>
      </c>
      <c r="M23" s="330">
        <v>816666692</v>
      </c>
      <c r="N23" s="326">
        <v>2297267</v>
      </c>
      <c r="O23" s="327">
        <v>5311950</v>
      </c>
      <c r="P23" s="328">
        <v>7609217</v>
      </c>
      <c r="Q23" s="326">
        <v>0</v>
      </c>
      <c r="R23" s="327">
        <v>41938128</v>
      </c>
      <c r="S23" s="327">
        <v>59234608</v>
      </c>
      <c r="T23" s="327">
        <v>54694065</v>
      </c>
      <c r="U23" s="327">
        <v>63862039</v>
      </c>
      <c r="V23" s="327">
        <v>60315902</v>
      </c>
      <c r="W23" s="328">
        <v>280044742</v>
      </c>
      <c r="X23" s="330">
        <v>287653959</v>
      </c>
      <c r="Y23" s="326">
        <v>0</v>
      </c>
      <c r="Z23" s="327">
        <v>0</v>
      </c>
      <c r="AA23" s="328">
        <v>0</v>
      </c>
      <c r="AB23" s="326">
        <v>0</v>
      </c>
      <c r="AC23" s="327">
        <v>17976372</v>
      </c>
      <c r="AD23" s="327">
        <v>29407761</v>
      </c>
      <c r="AE23" s="327">
        <v>32034792</v>
      </c>
      <c r="AF23" s="327">
        <v>40601519</v>
      </c>
      <c r="AG23" s="327">
        <v>38921337</v>
      </c>
      <c r="AH23" s="328">
        <v>158941781</v>
      </c>
      <c r="AI23" s="330">
        <v>158941781</v>
      </c>
      <c r="AJ23" s="326">
        <v>0</v>
      </c>
      <c r="AK23" s="327">
        <v>0</v>
      </c>
      <c r="AL23" s="328">
        <v>0</v>
      </c>
      <c r="AM23" s="326">
        <v>0</v>
      </c>
      <c r="AN23" s="327">
        <v>155287</v>
      </c>
      <c r="AO23" s="327">
        <v>509621</v>
      </c>
      <c r="AP23" s="327">
        <v>476271</v>
      </c>
      <c r="AQ23" s="327">
        <v>2912933</v>
      </c>
      <c r="AR23" s="327">
        <v>5272825</v>
      </c>
      <c r="AS23" s="328">
        <v>9326937</v>
      </c>
      <c r="AT23" s="330">
        <v>9326937</v>
      </c>
      <c r="AU23" s="326">
        <v>1333411</v>
      </c>
      <c r="AV23" s="327">
        <v>3708408</v>
      </c>
      <c r="AW23" s="328">
        <v>5041819</v>
      </c>
      <c r="AX23" s="326">
        <v>0</v>
      </c>
      <c r="AY23" s="327">
        <v>14116980</v>
      </c>
      <c r="AZ23" s="327">
        <v>18082103</v>
      </c>
      <c r="BA23" s="327">
        <v>11772811</v>
      </c>
      <c r="BB23" s="327">
        <v>9768792</v>
      </c>
      <c r="BC23" s="327">
        <v>9160403</v>
      </c>
      <c r="BD23" s="328">
        <v>62901089</v>
      </c>
      <c r="BE23" s="330">
        <v>67942908</v>
      </c>
      <c r="BF23" s="326">
        <v>159714</v>
      </c>
      <c r="BG23" s="327">
        <v>550941</v>
      </c>
      <c r="BH23" s="331">
        <v>710655</v>
      </c>
      <c r="BI23" s="332">
        <v>0</v>
      </c>
      <c r="BJ23" s="327">
        <v>2127630</v>
      </c>
      <c r="BK23" s="327">
        <v>2298609</v>
      </c>
      <c r="BL23" s="327">
        <v>1761930</v>
      </c>
      <c r="BM23" s="327">
        <v>1475284</v>
      </c>
      <c r="BN23" s="327">
        <v>676276</v>
      </c>
      <c r="BO23" s="328">
        <v>8339729</v>
      </c>
      <c r="BP23" s="330">
        <v>9050384</v>
      </c>
      <c r="BQ23" s="326">
        <v>804142</v>
      </c>
      <c r="BR23" s="327">
        <v>1052601</v>
      </c>
      <c r="BS23" s="328">
        <v>1856743</v>
      </c>
      <c r="BT23" s="326">
        <v>0</v>
      </c>
      <c r="BU23" s="327">
        <v>7561859</v>
      </c>
      <c r="BV23" s="327">
        <v>8936514</v>
      </c>
      <c r="BW23" s="327">
        <v>8648261</v>
      </c>
      <c r="BX23" s="327">
        <v>9103511</v>
      </c>
      <c r="BY23" s="327">
        <v>6285061</v>
      </c>
      <c r="BZ23" s="328">
        <v>40535206</v>
      </c>
      <c r="CA23" s="330">
        <v>42391949</v>
      </c>
      <c r="CB23" s="326">
        <v>1468485</v>
      </c>
      <c r="CC23" s="327">
        <v>6079907</v>
      </c>
      <c r="CD23" s="328">
        <v>7548392</v>
      </c>
      <c r="CE23" s="326">
        <v>0</v>
      </c>
      <c r="CF23" s="327">
        <v>48094699</v>
      </c>
      <c r="CG23" s="327">
        <v>56627844</v>
      </c>
      <c r="CH23" s="327">
        <v>46891433</v>
      </c>
      <c r="CI23" s="327">
        <v>28227367</v>
      </c>
      <c r="CJ23" s="327">
        <v>15817317</v>
      </c>
      <c r="CK23" s="328">
        <v>195658660</v>
      </c>
      <c r="CL23" s="330">
        <v>203207052</v>
      </c>
      <c r="CM23" s="326">
        <v>0</v>
      </c>
      <c r="CN23" s="327">
        <v>0</v>
      </c>
      <c r="CO23" s="328">
        <v>0</v>
      </c>
      <c r="CP23" s="332">
        <v>0</v>
      </c>
      <c r="CQ23" s="327">
        <v>39446193</v>
      </c>
      <c r="CR23" s="327">
        <v>45449121</v>
      </c>
      <c r="CS23" s="327">
        <v>37539350</v>
      </c>
      <c r="CT23" s="327">
        <v>22192386</v>
      </c>
      <c r="CU23" s="327">
        <v>13357264</v>
      </c>
      <c r="CV23" s="328">
        <v>157984314</v>
      </c>
      <c r="CW23" s="330">
        <v>157984314</v>
      </c>
      <c r="CX23" s="326">
        <v>1468485</v>
      </c>
      <c r="CY23" s="327">
        <v>6079907</v>
      </c>
      <c r="CZ23" s="328">
        <v>7548392</v>
      </c>
      <c r="DA23" s="326">
        <v>0</v>
      </c>
      <c r="DB23" s="327">
        <v>8648506</v>
      </c>
      <c r="DC23" s="327">
        <v>11178723</v>
      </c>
      <c r="DD23" s="327">
        <v>9352083</v>
      </c>
      <c r="DE23" s="327">
        <v>6034981</v>
      </c>
      <c r="DF23" s="327">
        <v>2460053</v>
      </c>
      <c r="DG23" s="328">
        <v>37674346</v>
      </c>
      <c r="DH23" s="330">
        <v>45222738</v>
      </c>
      <c r="DI23" s="326">
        <v>52477</v>
      </c>
      <c r="DJ23" s="327">
        <v>457300</v>
      </c>
      <c r="DK23" s="331">
        <v>509777</v>
      </c>
      <c r="DL23" s="332">
        <v>0</v>
      </c>
      <c r="DM23" s="327">
        <v>4294353</v>
      </c>
      <c r="DN23" s="327">
        <v>7153915</v>
      </c>
      <c r="DO23" s="327">
        <v>16872339</v>
      </c>
      <c r="DP23" s="327">
        <v>15488740</v>
      </c>
      <c r="DQ23" s="327">
        <v>7139885</v>
      </c>
      <c r="DR23" s="328">
        <v>50949232</v>
      </c>
      <c r="DS23" s="330">
        <v>51459009</v>
      </c>
      <c r="DT23" s="326">
        <v>52477</v>
      </c>
      <c r="DU23" s="327">
        <v>457300</v>
      </c>
      <c r="DV23" s="328">
        <v>509777</v>
      </c>
      <c r="DW23" s="326">
        <v>0</v>
      </c>
      <c r="DX23" s="327">
        <v>3919146</v>
      </c>
      <c r="DY23" s="327">
        <v>6635073</v>
      </c>
      <c r="DZ23" s="327">
        <v>16532701</v>
      </c>
      <c r="EA23" s="327">
        <v>15244655</v>
      </c>
      <c r="EB23" s="327">
        <v>7139885</v>
      </c>
      <c r="EC23" s="328">
        <v>49471460</v>
      </c>
      <c r="ED23" s="330">
        <v>49981237</v>
      </c>
      <c r="EE23" s="326">
        <v>0</v>
      </c>
      <c r="EF23" s="331">
        <v>0</v>
      </c>
      <c r="EG23" s="328">
        <v>0</v>
      </c>
      <c r="EH23" s="326">
        <v>0</v>
      </c>
      <c r="EI23" s="327">
        <v>375207</v>
      </c>
      <c r="EJ23" s="327">
        <v>518842</v>
      </c>
      <c r="EK23" s="327">
        <v>339638</v>
      </c>
      <c r="EL23" s="327">
        <v>244085</v>
      </c>
      <c r="EM23" s="327">
        <v>0</v>
      </c>
      <c r="EN23" s="331">
        <v>1477772</v>
      </c>
      <c r="EO23" s="330">
        <v>1477772</v>
      </c>
      <c r="EP23" s="326">
        <v>0</v>
      </c>
      <c r="EQ23" s="327">
        <v>0</v>
      </c>
      <c r="ER23" s="331">
        <v>0</v>
      </c>
      <c r="ES23" s="332">
        <v>0</v>
      </c>
      <c r="ET23" s="327">
        <v>0</v>
      </c>
      <c r="EU23" s="327">
        <v>0</v>
      </c>
      <c r="EV23" s="327">
        <v>0</v>
      </c>
      <c r="EW23" s="327">
        <v>0</v>
      </c>
      <c r="EX23" s="327">
        <v>0</v>
      </c>
      <c r="EY23" s="328">
        <v>0</v>
      </c>
      <c r="EZ23" s="330">
        <v>0</v>
      </c>
      <c r="FA23" s="326">
        <v>0</v>
      </c>
      <c r="FB23" s="327">
        <v>0</v>
      </c>
      <c r="FC23" s="331">
        <v>0</v>
      </c>
      <c r="FD23" s="332">
        <v>0</v>
      </c>
      <c r="FE23" s="327">
        <v>0</v>
      </c>
      <c r="FF23" s="327">
        <v>0</v>
      </c>
      <c r="FG23" s="327">
        <v>0</v>
      </c>
      <c r="FH23" s="327">
        <v>0</v>
      </c>
      <c r="FI23" s="327">
        <v>0</v>
      </c>
      <c r="FJ23" s="328">
        <v>0</v>
      </c>
      <c r="FK23" s="330">
        <v>0</v>
      </c>
      <c r="FL23" s="326">
        <v>2310506</v>
      </c>
      <c r="FM23" s="327">
        <v>4293428</v>
      </c>
      <c r="FN23" s="328">
        <v>6603934</v>
      </c>
      <c r="FO23" s="326">
        <v>0</v>
      </c>
      <c r="FP23" s="327">
        <v>7102138</v>
      </c>
      <c r="FQ23" s="327">
        <v>16912028</v>
      </c>
      <c r="FR23" s="327">
        <v>12600689</v>
      </c>
      <c r="FS23" s="327">
        <v>10822109</v>
      </c>
      <c r="FT23" s="327">
        <v>8335447</v>
      </c>
      <c r="FU23" s="328">
        <v>55772411</v>
      </c>
      <c r="FV23" s="330">
        <v>62376345</v>
      </c>
      <c r="FW23" s="333">
        <v>1135880</v>
      </c>
      <c r="FX23" s="327">
        <v>3602749</v>
      </c>
      <c r="FY23" s="331">
        <v>4738629</v>
      </c>
      <c r="FZ23" s="332">
        <v>0</v>
      </c>
      <c r="GA23" s="327">
        <v>6303733</v>
      </c>
      <c r="GB23" s="327">
        <v>15574479</v>
      </c>
      <c r="GC23" s="327">
        <v>11916426</v>
      </c>
      <c r="GD23" s="327">
        <v>10732022</v>
      </c>
      <c r="GE23" s="327">
        <v>8182567</v>
      </c>
      <c r="GF23" s="328">
        <v>52709227</v>
      </c>
      <c r="GG23" s="334">
        <v>57447856</v>
      </c>
      <c r="GH23" s="333">
        <v>155676</v>
      </c>
      <c r="GI23" s="327">
        <v>120439</v>
      </c>
      <c r="GJ23" s="331">
        <v>276115</v>
      </c>
      <c r="GK23" s="332">
        <v>0</v>
      </c>
      <c r="GL23" s="327">
        <v>149565</v>
      </c>
      <c r="GM23" s="327">
        <v>417048</v>
      </c>
      <c r="GN23" s="327">
        <v>200598</v>
      </c>
      <c r="GO23" s="327">
        <v>90087</v>
      </c>
      <c r="GP23" s="327">
        <v>84480</v>
      </c>
      <c r="GQ23" s="328">
        <v>941778</v>
      </c>
      <c r="GR23" s="330">
        <v>1217893</v>
      </c>
      <c r="GS23" s="326">
        <v>1018950</v>
      </c>
      <c r="GT23" s="327">
        <v>570240</v>
      </c>
      <c r="GU23" s="328">
        <v>1589190</v>
      </c>
      <c r="GV23" s="326">
        <v>0</v>
      </c>
      <c r="GW23" s="327">
        <v>648840</v>
      </c>
      <c r="GX23" s="327">
        <v>920501</v>
      </c>
      <c r="GY23" s="327">
        <v>483665</v>
      </c>
      <c r="GZ23" s="327">
        <v>0</v>
      </c>
      <c r="HA23" s="327">
        <v>68400</v>
      </c>
      <c r="HB23" s="331">
        <v>2121406</v>
      </c>
      <c r="HC23" s="330">
        <v>3710596</v>
      </c>
      <c r="HD23" s="326">
        <v>1821243</v>
      </c>
      <c r="HE23" s="327">
        <v>1290269</v>
      </c>
      <c r="HF23" s="331">
        <v>3111512</v>
      </c>
      <c r="HG23" s="332">
        <v>0</v>
      </c>
      <c r="HH23" s="327">
        <v>23041448</v>
      </c>
      <c r="HI23" s="327">
        <v>20995351</v>
      </c>
      <c r="HJ23" s="327">
        <v>26462666</v>
      </c>
      <c r="HK23" s="327">
        <v>30134067</v>
      </c>
      <c r="HL23" s="327">
        <v>18374716</v>
      </c>
      <c r="HM23" s="328">
        <v>119008248</v>
      </c>
      <c r="HN23" s="329">
        <v>122119760</v>
      </c>
      <c r="HO23" s="333">
        <v>1602262</v>
      </c>
      <c r="HP23" s="327">
        <v>3781726</v>
      </c>
      <c r="HQ23" s="328">
        <v>5383988</v>
      </c>
      <c r="HR23" s="326">
        <v>0</v>
      </c>
      <c r="HS23" s="327">
        <v>25858694</v>
      </c>
      <c r="HT23" s="327">
        <v>24015097</v>
      </c>
      <c r="HU23" s="327">
        <v>16682768</v>
      </c>
      <c r="HV23" s="327">
        <v>11541433</v>
      </c>
      <c r="HW23" s="327">
        <v>6368587</v>
      </c>
      <c r="HX23" s="331">
        <v>84466579</v>
      </c>
      <c r="HY23" s="330">
        <v>89850567</v>
      </c>
      <c r="HZ23" s="335">
        <v>370778</v>
      </c>
      <c r="IA23" s="336">
        <v>1524783</v>
      </c>
      <c r="IB23" s="337">
        <v>1895561</v>
      </c>
      <c r="IC23" s="338">
        <v>0</v>
      </c>
      <c r="ID23" s="336">
        <v>38809982</v>
      </c>
      <c r="IE23" s="339">
        <v>46650113</v>
      </c>
      <c r="IF23" s="337">
        <v>55538060</v>
      </c>
      <c r="IG23" s="336">
        <v>42858948</v>
      </c>
      <c r="IH23" s="337">
        <v>26378664</v>
      </c>
      <c r="II23" s="340">
        <v>210235767</v>
      </c>
      <c r="IJ23" s="341">
        <v>212131328</v>
      </c>
      <c r="IK23" s="342">
        <v>0</v>
      </c>
      <c r="IL23" s="343">
        <v>0</v>
      </c>
      <c r="IM23" s="344">
        <v>0</v>
      </c>
      <c r="IN23" s="404">
        <v>0</v>
      </c>
      <c r="IO23" s="345">
        <v>873871</v>
      </c>
      <c r="IP23" s="345">
        <v>1600914</v>
      </c>
      <c r="IQ23" s="345">
        <v>714796</v>
      </c>
      <c r="IR23" s="345">
        <v>2093383</v>
      </c>
      <c r="IS23" s="345">
        <v>3157561</v>
      </c>
      <c r="IT23" s="346">
        <v>8440525</v>
      </c>
      <c r="IU23" s="347">
        <v>8440525</v>
      </c>
      <c r="IV23" s="348">
        <v>0</v>
      </c>
      <c r="IW23" s="345">
        <v>0</v>
      </c>
      <c r="IX23" s="349">
        <v>0</v>
      </c>
      <c r="IY23" s="413">
        <v>0</v>
      </c>
      <c r="IZ23" s="345">
        <v>0</v>
      </c>
      <c r="JA23" s="345">
        <v>19172</v>
      </c>
      <c r="JB23" s="345">
        <v>0</v>
      </c>
      <c r="JC23" s="345">
        <v>0</v>
      </c>
      <c r="JD23" s="345">
        <v>25981</v>
      </c>
      <c r="JE23" s="349">
        <v>45153</v>
      </c>
      <c r="JF23" s="350">
        <v>45153</v>
      </c>
      <c r="JG23" s="348">
        <v>0</v>
      </c>
      <c r="JH23" s="345">
        <v>0</v>
      </c>
      <c r="JI23" s="346">
        <v>0</v>
      </c>
      <c r="JJ23" s="351">
        <v>0</v>
      </c>
      <c r="JK23" s="345">
        <v>12727722</v>
      </c>
      <c r="JL23" s="345">
        <v>11047753</v>
      </c>
      <c r="JM23" s="345">
        <v>8041314</v>
      </c>
      <c r="JN23" s="345">
        <v>4091375</v>
      </c>
      <c r="JO23" s="345">
        <v>1895729</v>
      </c>
      <c r="JP23" s="349">
        <v>37803893</v>
      </c>
      <c r="JQ23" s="347">
        <v>37803893</v>
      </c>
      <c r="JR23" s="348">
        <v>0</v>
      </c>
      <c r="JS23" s="345">
        <v>0</v>
      </c>
      <c r="JT23" s="346">
        <v>0</v>
      </c>
      <c r="JU23" s="351">
        <v>0</v>
      </c>
      <c r="JV23" s="345">
        <v>1017748</v>
      </c>
      <c r="JW23" s="345">
        <v>1354910</v>
      </c>
      <c r="JX23" s="345">
        <v>2168854</v>
      </c>
      <c r="JY23" s="345">
        <v>1220404</v>
      </c>
      <c r="JZ23" s="345">
        <v>869223</v>
      </c>
      <c r="KA23" s="349">
        <v>6631139</v>
      </c>
      <c r="KB23" s="347">
        <v>6631139</v>
      </c>
      <c r="KC23" s="352">
        <v>370778</v>
      </c>
      <c r="KD23" s="353">
        <v>750735</v>
      </c>
      <c r="KE23" s="349">
        <v>1121513</v>
      </c>
      <c r="KF23" s="351">
        <v>0</v>
      </c>
      <c r="KG23" s="345">
        <v>8229831</v>
      </c>
      <c r="KH23" s="345">
        <v>7443038</v>
      </c>
      <c r="KI23" s="345">
        <v>11987365</v>
      </c>
      <c r="KJ23" s="345">
        <v>6453399</v>
      </c>
      <c r="KK23" s="345">
        <v>2289931</v>
      </c>
      <c r="KL23" s="349">
        <v>36403564</v>
      </c>
      <c r="KM23" s="354">
        <v>37525077</v>
      </c>
      <c r="KN23" s="342">
        <v>0</v>
      </c>
      <c r="KO23" s="343">
        <v>774048</v>
      </c>
      <c r="KP23" s="344">
        <v>774048</v>
      </c>
      <c r="KQ23" s="413">
        <v>0</v>
      </c>
      <c r="KR23" s="345">
        <v>15029240</v>
      </c>
      <c r="KS23" s="345">
        <v>22347428</v>
      </c>
      <c r="KT23" s="345">
        <v>25614106</v>
      </c>
      <c r="KU23" s="345">
        <v>18418294</v>
      </c>
      <c r="KV23" s="345">
        <v>6180867</v>
      </c>
      <c r="KW23" s="349">
        <v>87589935</v>
      </c>
      <c r="KX23" s="347">
        <v>88363983</v>
      </c>
      <c r="KY23" s="348">
        <v>0</v>
      </c>
      <c r="KZ23" s="345">
        <v>0</v>
      </c>
      <c r="LA23" s="349">
        <v>0</v>
      </c>
      <c r="LB23" s="413">
        <v>0</v>
      </c>
      <c r="LC23" s="345">
        <v>0</v>
      </c>
      <c r="LD23" s="345">
        <v>0</v>
      </c>
      <c r="LE23" s="345">
        <v>0</v>
      </c>
      <c r="LF23" s="345">
        <v>0</v>
      </c>
      <c r="LG23" s="345">
        <v>0</v>
      </c>
      <c r="LH23" s="349">
        <v>0</v>
      </c>
      <c r="LI23" s="350">
        <v>0</v>
      </c>
      <c r="LJ23" s="348">
        <v>0</v>
      </c>
      <c r="LK23" s="345">
        <v>0</v>
      </c>
      <c r="LL23" s="349">
        <v>0</v>
      </c>
      <c r="LM23" s="413">
        <v>0</v>
      </c>
      <c r="LN23" s="345">
        <v>0</v>
      </c>
      <c r="LO23" s="345">
        <v>291536</v>
      </c>
      <c r="LP23" s="345">
        <v>1966758</v>
      </c>
      <c r="LQ23" s="345">
        <v>5580873</v>
      </c>
      <c r="LR23" s="345">
        <v>1779512</v>
      </c>
      <c r="LS23" s="349">
        <v>9618679</v>
      </c>
      <c r="LT23" s="347">
        <v>9618679</v>
      </c>
      <c r="LU23" s="348">
        <v>0</v>
      </c>
      <c r="LV23" s="345">
        <v>0</v>
      </c>
      <c r="LW23" s="349">
        <v>0</v>
      </c>
      <c r="LX23" s="413">
        <v>0</v>
      </c>
      <c r="LY23" s="345">
        <v>931570</v>
      </c>
      <c r="LZ23" s="345">
        <v>2545362</v>
      </c>
      <c r="MA23" s="345">
        <v>5044867</v>
      </c>
      <c r="MB23" s="345">
        <v>5001220</v>
      </c>
      <c r="MC23" s="345">
        <v>10179860</v>
      </c>
      <c r="MD23" s="349">
        <v>23702879</v>
      </c>
      <c r="ME23" s="350">
        <v>23702879</v>
      </c>
      <c r="MF23" s="348">
        <v>0</v>
      </c>
      <c r="MG23" s="345">
        <v>0</v>
      </c>
      <c r="MH23" s="349">
        <v>0</v>
      </c>
      <c r="MI23" s="413">
        <v>0</v>
      </c>
      <c r="MJ23" s="345">
        <v>6649471</v>
      </c>
      <c r="MK23" s="345">
        <v>23321217</v>
      </c>
      <c r="ML23" s="345">
        <v>87609210</v>
      </c>
      <c r="MM23" s="345">
        <v>151259401</v>
      </c>
      <c r="MN23" s="345">
        <v>110002855</v>
      </c>
      <c r="MO23" s="349">
        <v>378842154</v>
      </c>
      <c r="MP23" s="354">
        <v>378842154</v>
      </c>
      <c r="MQ23" s="348">
        <v>0</v>
      </c>
      <c r="MR23" s="345">
        <v>0</v>
      </c>
      <c r="MS23" s="349">
        <v>0</v>
      </c>
      <c r="MT23" s="413">
        <v>0</v>
      </c>
      <c r="MU23" s="345">
        <v>966521</v>
      </c>
      <c r="MV23" s="345">
        <v>3594494</v>
      </c>
      <c r="MW23" s="345">
        <v>54108044</v>
      </c>
      <c r="MX23" s="345">
        <v>112990093</v>
      </c>
      <c r="MY23" s="345">
        <v>76666677</v>
      </c>
      <c r="MZ23" s="349">
        <v>248325829</v>
      </c>
      <c r="NA23" s="354">
        <v>248325829</v>
      </c>
      <c r="NB23" s="348">
        <v>0</v>
      </c>
      <c r="NC23" s="345">
        <v>0</v>
      </c>
      <c r="ND23" s="349">
        <v>0</v>
      </c>
      <c r="NE23" s="413">
        <v>0</v>
      </c>
      <c r="NF23" s="345">
        <v>5682950</v>
      </c>
      <c r="NG23" s="345">
        <v>19400833</v>
      </c>
      <c r="NH23" s="345">
        <v>33112619</v>
      </c>
      <c r="NI23" s="345">
        <v>33847152</v>
      </c>
      <c r="NJ23" s="345">
        <v>23456144</v>
      </c>
      <c r="NK23" s="349">
        <v>115499698</v>
      </c>
      <c r="NL23" s="347">
        <v>115499698</v>
      </c>
      <c r="NM23" s="348">
        <v>0</v>
      </c>
      <c r="NN23" s="345">
        <v>0</v>
      </c>
      <c r="NO23" s="349">
        <v>0</v>
      </c>
      <c r="NP23" s="413">
        <v>0</v>
      </c>
      <c r="NQ23" s="345">
        <v>0</v>
      </c>
      <c r="NR23" s="345">
        <v>0</v>
      </c>
      <c r="NS23" s="345">
        <v>0</v>
      </c>
      <c r="NT23" s="345">
        <v>0</v>
      </c>
      <c r="NU23" s="345">
        <v>0</v>
      </c>
      <c r="NV23" s="349">
        <v>0</v>
      </c>
      <c r="NW23" s="350">
        <v>0</v>
      </c>
      <c r="NX23" s="348">
        <v>0</v>
      </c>
      <c r="NY23" s="345">
        <v>0</v>
      </c>
      <c r="NZ23" s="349">
        <v>0</v>
      </c>
      <c r="OA23" s="413">
        <v>0</v>
      </c>
      <c r="OB23" s="345">
        <v>0</v>
      </c>
      <c r="OC23" s="345">
        <v>325890</v>
      </c>
      <c r="OD23" s="345">
        <v>388547</v>
      </c>
      <c r="OE23" s="345">
        <v>4422156</v>
      </c>
      <c r="OF23" s="345">
        <v>9880034</v>
      </c>
      <c r="OG23" s="349">
        <v>15016627</v>
      </c>
      <c r="OH23" s="350">
        <v>15016627</v>
      </c>
      <c r="OI23" s="348">
        <v>9923018</v>
      </c>
      <c r="OJ23" s="345">
        <v>22739363</v>
      </c>
      <c r="OK23" s="346">
        <v>32662381</v>
      </c>
      <c r="OL23" s="351">
        <v>0</v>
      </c>
      <c r="OM23" s="345">
        <v>195788913</v>
      </c>
      <c r="ON23" s="345">
        <v>254910173</v>
      </c>
      <c r="OO23" s="345">
        <v>317351230</v>
      </c>
      <c r="OP23" s="345">
        <v>354194104</v>
      </c>
      <c r="OQ23" s="345">
        <v>252733373</v>
      </c>
      <c r="OR23" s="349">
        <v>1374977793</v>
      </c>
      <c r="OS23" s="354">
        <v>1407640174</v>
      </c>
    </row>
    <row r="24" spans="2:409" s="70" customFormat="1" ht="21" customHeight="1" x14ac:dyDescent="0.2">
      <c r="B24" s="410" t="s">
        <v>19</v>
      </c>
      <c r="C24" s="326">
        <v>6178903</v>
      </c>
      <c r="D24" s="327">
        <v>11198105</v>
      </c>
      <c r="E24" s="328">
        <v>17377008</v>
      </c>
      <c r="F24" s="329">
        <v>0</v>
      </c>
      <c r="G24" s="327">
        <v>65952613</v>
      </c>
      <c r="H24" s="327">
        <v>70940274</v>
      </c>
      <c r="I24" s="327">
        <v>63905026</v>
      </c>
      <c r="J24" s="327">
        <v>48207100</v>
      </c>
      <c r="K24" s="327">
        <v>40702320</v>
      </c>
      <c r="L24" s="329">
        <v>289707333</v>
      </c>
      <c r="M24" s="330">
        <v>307084341</v>
      </c>
      <c r="N24" s="326">
        <v>1625479</v>
      </c>
      <c r="O24" s="327">
        <v>2623497</v>
      </c>
      <c r="P24" s="328">
        <v>4248976</v>
      </c>
      <c r="Q24" s="326">
        <v>0</v>
      </c>
      <c r="R24" s="327">
        <v>17910138</v>
      </c>
      <c r="S24" s="327">
        <v>18318212</v>
      </c>
      <c r="T24" s="327">
        <v>20175256</v>
      </c>
      <c r="U24" s="327">
        <v>17286830</v>
      </c>
      <c r="V24" s="327">
        <v>16552922</v>
      </c>
      <c r="W24" s="328">
        <v>90243358</v>
      </c>
      <c r="X24" s="330">
        <v>94492334</v>
      </c>
      <c r="Y24" s="326">
        <v>0</v>
      </c>
      <c r="Z24" s="327">
        <v>0</v>
      </c>
      <c r="AA24" s="328">
        <v>0</v>
      </c>
      <c r="AB24" s="326">
        <v>0</v>
      </c>
      <c r="AC24" s="327">
        <v>6631180</v>
      </c>
      <c r="AD24" s="327">
        <v>8476346</v>
      </c>
      <c r="AE24" s="327">
        <v>10194388</v>
      </c>
      <c r="AF24" s="327">
        <v>9835443</v>
      </c>
      <c r="AG24" s="327">
        <v>8822327</v>
      </c>
      <c r="AH24" s="328">
        <v>43959684</v>
      </c>
      <c r="AI24" s="330">
        <v>43959684</v>
      </c>
      <c r="AJ24" s="326">
        <v>0</v>
      </c>
      <c r="AK24" s="327">
        <v>0</v>
      </c>
      <c r="AL24" s="328">
        <v>0</v>
      </c>
      <c r="AM24" s="326">
        <v>0</v>
      </c>
      <c r="AN24" s="327">
        <v>238020</v>
      </c>
      <c r="AO24" s="327">
        <v>93850</v>
      </c>
      <c r="AP24" s="327">
        <v>819654</v>
      </c>
      <c r="AQ24" s="327">
        <v>949838</v>
      </c>
      <c r="AR24" s="327">
        <v>1711812</v>
      </c>
      <c r="AS24" s="328">
        <v>3813174</v>
      </c>
      <c r="AT24" s="330">
        <v>3813174</v>
      </c>
      <c r="AU24" s="326">
        <v>917132</v>
      </c>
      <c r="AV24" s="327">
        <v>1803461</v>
      </c>
      <c r="AW24" s="328">
        <v>2720593</v>
      </c>
      <c r="AX24" s="326">
        <v>0</v>
      </c>
      <c r="AY24" s="327">
        <v>7360145</v>
      </c>
      <c r="AZ24" s="327">
        <v>6179082</v>
      </c>
      <c r="BA24" s="327">
        <v>5552850</v>
      </c>
      <c r="BB24" s="327">
        <v>3466755</v>
      </c>
      <c r="BC24" s="327">
        <v>3697247</v>
      </c>
      <c r="BD24" s="328">
        <v>26256079</v>
      </c>
      <c r="BE24" s="330">
        <v>28976672</v>
      </c>
      <c r="BF24" s="326">
        <v>93958</v>
      </c>
      <c r="BG24" s="327">
        <v>263771</v>
      </c>
      <c r="BH24" s="331">
        <v>357729</v>
      </c>
      <c r="BI24" s="332">
        <v>0</v>
      </c>
      <c r="BJ24" s="327">
        <v>679610</v>
      </c>
      <c r="BK24" s="327">
        <v>299778</v>
      </c>
      <c r="BL24" s="327">
        <v>525244</v>
      </c>
      <c r="BM24" s="327">
        <v>249430</v>
      </c>
      <c r="BN24" s="327">
        <v>62320</v>
      </c>
      <c r="BO24" s="328">
        <v>1816382</v>
      </c>
      <c r="BP24" s="330">
        <v>2174111</v>
      </c>
      <c r="BQ24" s="326">
        <v>614389</v>
      </c>
      <c r="BR24" s="327">
        <v>556265</v>
      </c>
      <c r="BS24" s="328">
        <v>1170654</v>
      </c>
      <c r="BT24" s="326">
        <v>0</v>
      </c>
      <c r="BU24" s="327">
        <v>3001183</v>
      </c>
      <c r="BV24" s="327">
        <v>3269156</v>
      </c>
      <c r="BW24" s="327">
        <v>3083120</v>
      </c>
      <c r="BX24" s="327">
        <v>2785364</v>
      </c>
      <c r="BY24" s="327">
        <v>2259216</v>
      </c>
      <c r="BZ24" s="328">
        <v>14398039</v>
      </c>
      <c r="CA24" s="330">
        <v>15568693</v>
      </c>
      <c r="CB24" s="326">
        <v>1065387</v>
      </c>
      <c r="CC24" s="327">
        <v>2912873</v>
      </c>
      <c r="CD24" s="328">
        <v>3978260</v>
      </c>
      <c r="CE24" s="326">
        <v>0</v>
      </c>
      <c r="CF24" s="327">
        <v>20814118</v>
      </c>
      <c r="CG24" s="327">
        <v>24033876</v>
      </c>
      <c r="CH24" s="327">
        <v>16214797</v>
      </c>
      <c r="CI24" s="327">
        <v>8395122</v>
      </c>
      <c r="CJ24" s="327">
        <v>7199061</v>
      </c>
      <c r="CK24" s="328">
        <v>76656974</v>
      </c>
      <c r="CL24" s="330">
        <v>80635234</v>
      </c>
      <c r="CM24" s="326">
        <v>0</v>
      </c>
      <c r="CN24" s="327">
        <v>0</v>
      </c>
      <c r="CO24" s="328">
        <v>0</v>
      </c>
      <c r="CP24" s="332">
        <v>0</v>
      </c>
      <c r="CQ24" s="327">
        <v>14674007</v>
      </c>
      <c r="CR24" s="327">
        <v>17604489</v>
      </c>
      <c r="CS24" s="327">
        <v>12220531</v>
      </c>
      <c r="CT24" s="327">
        <v>5544989</v>
      </c>
      <c r="CU24" s="327">
        <v>6299590</v>
      </c>
      <c r="CV24" s="328">
        <v>56343606</v>
      </c>
      <c r="CW24" s="330">
        <v>56343606</v>
      </c>
      <c r="CX24" s="326">
        <v>1065387</v>
      </c>
      <c r="CY24" s="327">
        <v>2912873</v>
      </c>
      <c r="CZ24" s="328">
        <v>3978260</v>
      </c>
      <c r="DA24" s="326">
        <v>0</v>
      </c>
      <c r="DB24" s="327">
        <v>6140111</v>
      </c>
      <c r="DC24" s="327">
        <v>6429387</v>
      </c>
      <c r="DD24" s="327">
        <v>3994266</v>
      </c>
      <c r="DE24" s="327">
        <v>2850133</v>
      </c>
      <c r="DF24" s="327">
        <v>899471</v>
      </c>
      <c r="DG24" s="328">
        <v>20313368</v>
      </c>
      <c r="DH24" s="330">
        <v>24291628</v>
      </c>
      <c r="DI24" s="326">
        <v>34276</v>
      </c>
      <c r="DJ24" s="327">
        <v>193411</v>
      </c>
      <c r="DK24" s="331">
        <v>227687</v>
      </c>
      <c r="DL24" s="332">
        <v>0</v>
      </c>
      <c r="DM24" s="327">
        <v>2316835</v>
      </c>
      <c r="DN24" s="327">
        <v>2574189</v>
      </c>
      <c r="DO24" s="327">
        <v>5243646</v>
      </c>
      <c r="DP24" s="327">
        <v>3091653</v>
      </c>
      <c r="DQ24" s="327">
        <v>1506551</v>
      </c>
      <c r="DR24" s="328">
        <v>14732874</v>
      </c>
      <c r="DS24" s="330">
        <v>14960561</v>
      </c>
      <c r="DT24" s="326">
        <v>34276</v>
      </c>
      <c r="DU24" s="327">
        <v>176586</v>
      </c>
      <c r="DV24" s="328">
        <v>210862</v>
      </c>
      <c r="DW24" s="326">
        <v>0</v>
      </c>
      <c r="DX24" s="327">
        <v>2001314</v>
      </c>
      <c r="DY24" s="327">
        <v>2214854</v>
      </c>
      <c r="DZ24" s="327">
        <v>4624506</v>
      </c>
      <c r="EA24" s="327">
        <v>1934751</v>
      </c>
      <c r="EB24" s="327">
        <v>1356025</v>
      </c>
      <c r="EC24" s="328">
        <v>12131450</v>
      </c>
      <c r="ED24" s="330">
        <v>12342312</v>
      </c>
      <c r="EE24" s="326">
        <v>0</v>
      </c>
      <c r="EF24" s="331">
        <v>16825</v>
      </c>
      <c r="EG24" s="328">
        <v>16825</v>
      </c>
      <c r="EH24" s="326">
        <v>0</v>
      </c>
      <c r="EI24" s="327">
        <v>315521</v>
      </c>
      <c r="EJ24" s="327">
        <v>359335</v>
      </c>
      <c r="EK24" s="327">
        <v>619140</v>
      </c>
      <c r="EL24" s="327">
        <v>1156902</v>
      </c>
      <c r="EM24" s="327">
        <v>150526</v>
      </c>
      <c r="EN24" s="331">
        <v>2601424</v>
      </c>
      <c r="EO24" s="330">
        <v>2618249</v>
      </c>
      <c r="EP24" s="326">
        <v>0</v>
      </c>
      <c r="EQ24" s="327">
        <v>0</v>
      </c>
      <c r="ER24" s="331">
        <v>0</v>
      </c>
      <c r="ES24" s="332">
        <v>0</v>
      </c>
      <c r="ET24" s="327">
        <v>0</v>
      </c>
      <c r="EU24" s="327">
        <v>0</v>
      </c>
      <c r="EV24" s="327">
        <v>0</v>
      </c>
      <c r="EW24" s="327">
        <v>0</v>
      </c>
      <c r="EX24" s="327">
        <v>0</v>
      </c>
      <c r="EY24" s="328">
        <v>0</v>
      </c>
      <c r="EZ24" s="330">
        <v>0</v>
      </c>
      <c r="FA24" s="326">
        <v>0</v>
      </c>
      <c r="FB24" s="327">
        <v>0</v>
      </c>
      <c r="FC24" s="331">
        <v>0</v>
      </c>
      <c r="FD24" s="332">
        <v>0</v>
      </c>
      <c r="FE24" s="327">
        <v>0</v>
      </c>
      <c r="FF24" s="327">
        <v>0</v>
      </c>
      <c r="FG24" s="327">
        <v>0</v>
      </c>
      <c r="FH24" s="327">
        <v>0</v>
      </c>
      <c r="FI24" s="327">
        <v>0</v>
      </c>
      <c r="FJ24" s="328">
        <v>0</v>
      </c>
      <c r="FK24" s="330">
        <v>0</v>
      </c>
      <c r="FL24" s="326">
        <v>1200242</v>
      </c>
      <c r="FM24" s="327">
        <v>2014493</v>
      </c>
      <c r="FN24" s="328">
        <v>3214735</v>
      </c>
      <c r="FO24" s="326">
        <v>0</v>
      </c>
      <c r="FP24" s="327">
        <v>5020717</v>
      </c>
      <c r="FQ24" s="327">
        <v>6673122</v>
      </c>
      <c r="FR24" s="327">
        <v>4949113</v>
      </c>
      <c r="FS24" s="327">
        <v>3987352</v>
      </c>
      <c r="FT24" s="327">
        <v>3102995</v>
      </c>
      <c r="FU24" s="328">
        <v>23733299</v>
      </c>
      <c r="FV24" s="330">
        <v>26948034</v>
      </c>
      <c r="FW24" s="333">
        <v>1010684</v>
      </c>
      <c r="FX24" s="327">
        <v>1748144</v>
      </c>
      <c r="FY24" s="331">
        <v>2758828</v>
      </c>
      <c r="FZ24" s="332">
        <v>0</v>
      </c>
      <c r="GA24" s="327">
        <v>4086123</v>
      </c>
      <c r="GB24" s="327">
        <v>5862244</v>
      </c>
      <c r="GC24" s="327">
        <v>4879311</v>
      </c>
      <c r="GD24" s="327">
        <v>3538691</v>
      </c>
      <c r="GE24" s="327">
        <v>3069038</v>
      </c>
      <c r="GF24" s="328">
        <v>21435407</v>
      </c>
      <c r="GG24" s="334">
        <v>24194235</v>
      </c>
      <c r="GH24" s="333">
        <v>34650</v>
      </c>
      <c r="GI24" s="327">
        <v>196065</v>
      </c>
      <c r="GJ24" s="331">
        <v>230715</v>
      </c>
      <c r="GK24" s="332">
        <v>0</v>
      </c>
      <c r="GL24" s="327">
        <v>368867</v>
      </c>
      <c r="GM24" s="327">
        <v>326942</v>
      </c>
      <c r="GN24" s="327">
        <v>20547</v>
      </c>
      <c r="GO24" s="327">
        <v>226136</v>
      </c>
      <c r="GP24" s="327">
        <v>33957</v>
      </c>
      <c r="GQ24" s="328">
        <v>976449</v>
      </c>
      <c r="GR24" s="330">
        <v>1207164</v>
      </c>
      <c r="GS24" s="326">
        <v>154908</v>
      </c>
      <c r="GT24" s="327">
        <v>70284</v>
      </c>
      <c r="GU24" s="328">
        <v>225192</v>
      </c>
      <c r="GV24" s="326">
        <v>0</v>
      </c>
      <c r="GW24" s="327">
        <v>565727</v>
      </c>
      <c r="GX24" s="327">
        <v>483936</v>
      </c>
      <c r="GY24" s="327">
        <v>49255</v>
      </c>
      <c r="GZ24" s="327">
        <v>222525</v>
      </c>
      <c r="HA24" s="327">
        <v>0</v>
      </c>
      <c r="HB24" s="331">
        <v>1321443</v>
      </c>
      <c r="HC24" s="330">
        <v>1546635</v>
      </c>
      <c r="HD24" s="326">
        <v>1103794</v>
      </c>
      <c r="HE24" s="327">
        <v>1810613</v>
      </c>
      <c r="HF24" s="331">
        <v>2914407</v>
      </c>
      <c r="HG24" s="332">
        <v>0</v>
      </c>
      <c r="HH24" s="327">
        <v>7973391</v>
      </c>
      <c r="HI24" s="327">
        <v>11074016</v>
      </c>
      <c r="HJ24" s="327">
        <v>11591711</v>
      </c>
      <c r="HK24" s="327">
        <v>12304838</v>
      </c>
      <c r="HL24" s="327">
        <v>10279226</v>
      </c>
      <c r="HM24" s="328">
        <v>53223182</v>
      </c>
      <c r="HN24" s="329">
        <v>56137589</v>
      </c>
      <c r="HO24" s="333">
        <v>1149725</v>
      </c>
      <c r="HP24" s="327">
        <v>1643218</v>
      </c>
      <c r="HQ24" s="328">
        <v>2792943</v>
      </c>
      <c r="HR24" s="326">
        <v>0</v>
      </c>
      <c r="HS24" s="327">
        <v>11917414</v>
      </c>
      <c r="HT24" s="327">
        <v>8266859</v>
      </c>
      <c r="HU24" s="327">
        <v>5730503</v>
      </c>
      <c r="HV24" s="327">
        <v>3141305</v>
      </c>
      <c r="HW24" s="327">
        <v>2061565</v>
      </c>
      <c r="HX24" s="331">
        <v>31117646</v>
      </c>
      <c r="HY24" s="330">
        <v>33910589</v>
      </c>
      <c r="HZ24" s="358">
        <v>50430</v>
      </c>
      <c r="IA24" s="356">
        <v>292435</v>
      </c>
      <c r="IB24" s="358">
        <v>342865</v>
      </c>
      <c r="IC24" s="355">
        <v>0</v>
      </c>
      <c r="ID24" s="356">
        <v>16311973</v>
      </c>
      <c r="IE24" s="357">
        <v>20908813</v>
      </c>
      <c r="IF24" s="358">
        <v>21875113</v>
      </c>
      <c r="IG24" s="356">
        <v>17846064</v>
      </c>
      <c r="IH24" s="358">
        <v>15942183</v>
      </c>
      <c r="II24" s="359">
        <v>92884146</v>
      </c>
      <c r="IJ24" s="358">
        <v>93227011</v>
      </c>
      <c r="IK24" s="342">
        <v>0</v>
      </c>
      <c r="IL24" s="343">
        <v>0</v>
      </c>
      <c r="IM24" s="344">
        <v>0</v>
      </c>
      <c r="IN24" s="404">
        <v>0</v>
      </c>
      <c r="IO24" s="345">
        <v>1123682</v>
      </c>
      <c r="IP24" s="345">
        <v>1529033</v>
      </c>
      <c r="IQ24" s="345">
        <v>1480524</v>
      </c>
      <c r="IR24" s="345">
        <v>1479222</v>
      </c>
      <c r="IS24" s="345">
        <v>967591</v>
      </c>
      <c r="IT24" s="346">
        <v>6580052</v>
      </c>
      <c r="IU24" s="347">
        <v>6580052</v>
      </c>
      <c r="IV24" s="348">
        <v>0</v>
      </c>
      <c r="IW24" s="345">
        <v>0</v>
      </c>
      <c r="IX24" s="349">
        <v>0</v>
      </c>
      <c r="IY24" s="413">
        <v>0</v>
      </c>
      <c r="IZ24" s="345">
        <v>11661</v>
      </c>
      <c r="JA24" s="345">
        <v>9069</v>
      </c>
      <c r="JB24" s="345">
        <v>47194</v>
      </c>
      <c r="JC24" s="345">
        <v>128593</v>
      </c>
      <c r="JD24" s="345">
        <v>147589</v>
      </c>
      <c r="JE24" s="349">
        <v>344106</v>
      </c>
      <c r="JF24" s="350">
        <v>344106</v>
      </c>
      <c r="JG24" s="348">
        <v>0</v>
      </c>
      <c r="JH24" s="345">
        <v>0</v>
      </c>
      <c r="JI24" s="346">
        <v>0</v>
      </c>
      <c r="JJ24" s="351">
        <v>0</v>
      </c>
      <c r="JK24" s="345">
        <v>5604843</v>
      </c>
      <c r="JL24" s="345">
        <v>5436316</v>
      </c>
      <c r="JM24" s="345">
        <v>3143295</v>
      </c>
      <c r="JN24" s="345">
        <v>1750395</v>
      </c>
      <c r="JO24" s="345">
        <v>1376546</v>
      </c>
      <c r="JP24" s="349">
        <v>17311395</v>
      </c>
      <c r="JQ24" s="347">
        <v>17311395</v>
      </c>
      <c r="JR24" s="348">
        <v>19363</v>
      </c>
      <c r="JS24" s="345">
        <v>0</v>
      </c>
      <c r="JT24" s="346">
        <v>19363</v>
      </c>
      <c r="JU24" s="351">
        <v>0</v>
      </c>
      <c r="JV24" s="345">
        <v>1500993</v>
      </c>
      <c r="JW24" s="345">
        <v>1297858</v>
      </c>
      <c r="JX24" s="345">
        <v>2042644</v>
      </c>
      <c r="JY24" s="345">
        <v>850986</v>
      </c>
      <c r="JZ24" s="345">
        <v>382141</v>
      </c>
      <c r="KA24" s="349">
        <v>6074622</v>
      </c>
      <c r="KB24" s="347">
        <v>6093985</v>
      </c>
      <c r="KC24" s="352">
        <v>31067</v>
      </c>
      <c r="KD24" s="353">
        <v>292435</v>
      </c>
      <c r="KE24" s="349">
        <v>323502</v>
      </c>
      <c r="KF24" s="351">
        <v>0</v>
      </c>
      <c r="KG24" s="345">
        <v>3964610</v>
      </c>
      <c r="KH24" s="345">
        <v>6394903</v>
      </c>
      <c r="KI24" s="345">
        <v>8034238</v>
      </c>
      <c r="KJ24" s="345">
        <v>6475637</v>
      </c>
      <c r="KK24" s="345">
        <v>3754809</v>
      </c>
      <c r="KL24" s="349">
        <v>28624197</v>
      </c>
      <c r="KM24" s="354">
        <v>28947699</v>
      </c>
      <c r="KN24" s="342">
        <v>0</v>
      </c>
      <c r="KO24" s="343">
        <v>0</v>
      </c>
      <c r="KP24" s="344">
        <v>0</v>
      </c>
      <c r="KQ24" s="413">
        <v>0</v>
      </c>
      <c r="KR24" s="345">
        <v>3939149</v>
      </c>
      <c r="KS24" s="345">
        <v>5983162</v>
      </c>
      <c r="KT24" s="345">
        <v>6477722</v>
      </c>
      <c r="KU24" s="345">
        <v>5669200</v>
      </c>
      <c r="KV24" s="345">
        <v>5551573</v>
      </c>
      <c r="KW24" s="349">
        <v>27620806</v>
      </c>
      <c r="KX24" s="347">
        <v>27620806</v>
      </c>
      <c r="KY24" s="348">
        <v>0</v>
      </c>
      <c r="KZ24" s="345">
        <v>0</v>
      </c>
      <c r="LA24" s="349">
        <v>0</v>
      </c>
      <c r="LB24" s="413">
        <v>0</v>
      </c>
      <c r="LC24" s="345">
        <v>0</v>
      </c>
      <c r="LD24" s="345">
        <v>0</v>
      </c>
      <c r="LE24" s="345">
        <v>0</v>
      </c>
      <c r="LF24" s="345">
        <v>0</v>
      </c>
      <c r="LG24" s="345">
        <v>0</v>
      </c>
      <c r="LH24" s="349">
        <v>0</v>
      </c>
      <c r="LI24" s="350">
        <v>0</v>
      </c>
      <c r="LJ24" s="348">
        <v>0</v>
      </c>
      <c r="LK24" s="345">
        <v>0</v>
      </c>
      <c r="LL24" s="349">
        <v>0</v>
      </c>
      <c r="LM24" s="413">
        <v>0</v>
      </c>
      <c r="LN24" s="345">
        <v>0</v>
      </c>
      <c r="LO24" s="345">
        <v>0</v>
      </c>
      <c r="LP24" s="345">
        <v>0</v>
      </c>
      <c r="LQ24" s="345">
        <v>0</v>
      </c>
      <c r="LR24" s="345">
        <v>0</v>
      </c>
      <c r="LS24" s="349">
        <v>0</v>
      </c>
      <c r="LT24" s="347">
        <v>0</v>
      </c>
      <c r="LU24" s="348">
        <v>0</v>
      </c>
      <c r="LV24" s="345">
        <v>0</v>
      </c>
      <c r="LW24" s="349">
        <v>0</v>
      </c>
      <c r="LX24" s="413">
        <v>0</v>
      </c>
      <c r="LY24" s="345">
        <v>167035</v>
      </c>
      <c r="LZ24" s="345">
        <v>258472</v>
      </c>
      <c r="MA24" s="345">
        <v>649496</v>
      </c>
      <c r="MB24" s="345">
        <v>1492031</v>
      </c>
      <c r="MC24" s="345">
        <v>3761934</v>
      </c>
      <c r="MD24" s="349">
        <v>6328968</v>
      </c>
      <c r="ME24" s="350">
        <v>6328968</v>
      </c>
      <c r="MF24" s="348">
        <v>0</v>
      </c>
      <c r="MG24" s="345">
        <v>0</v>
      </c>
      <c r="MH24" s="349">
        <v>0</v>
      </c>
      <c r="MI24" s="413">
        <v>0</v>
      </c>
      <c r="MJ24" s="345">
        <v>8492403</v>
      </c>
      <c r="MK24" s="345">
        <v>14292991</v>
      </c>
      <c r="ML24" s="345">
        <v>60108850</v>
      </c>
      <c r="MM24" s="345">
        <v>55156510</v>
      </c>
      <c r="MN24" s="345">
        <v>45623292</v>
      </c>
      <c r="MO24" s="349">
        <v>183674046</v>
      </c>
      <c r="MP24" s="354">
        <v>183674046</v>
      </c>
      <c r="MQ24" s="348">
        <v>0</v>
      </c>
      <c r="MR24" s="345">
        <v>0</v>
      </c>
      <c r="MS24" s="349">
        <v>0</v>
      </c>
      <c r="MT24" s="413">
        <v>0</v>
      </c>
      <c r="MU24" s="345">
        <v>0</v>
      </c>
      <c r="MV24" s="345">
        <v>1595129</v>
      </c>
      <c r="MW24" s="345">
        <v>36206407</v>
      </c>
      <c r="MX24" s="345">
        <v>38045073</v>
      </c>
      <c r="MY24" s="345">
        <v>35704374</v>
      </c>
      <c r="MZ24" s="349">
        <v>111550983</v>
      </c>
      <c r="NA24" s="354">
        <v>111550983</v>
      </c>
      <c r="NB24" s="348">
        <v>0</v>
      </c>
      <c r="NC24" s="345">
        <v>0</v>
      </c>
      <c r="ND24" s="349">
        <v>0</v>
      </c>
      <c r="NE24" s="413">
        <v>0</v>
      </c>
      <c r="NF24" s="345">
        <v>8492403</v>
      </c>
      <c r="NG24" s="345">
        <v>12697862</v>
      </c>
      <c r="NH24" s="345">
        <v>23902443</v>
      </c>
      <c r="NI24" s="345">
        <v>15877932</v>
      </c>
      <c r="NJ24" s="345">
        <v>7631592</v>
      </c>
      <c r="NK24" s="349">
        <v>68602232</v>
      </c>
      <c r="NL24" s="347">
        <v>68602232</v>
      </c>
      <c r="NM24" s="348">
        <v>0</v>
      </c>
      <c r="NN24" s="345">
        <v>0</v>
      </c>
      <c r="NO24" s="349">
        <v>0</v>
      </c>
      <c r="NP24" s="413">
        <v>0</v>
      </c>
      <c r="NQ24" s="345">
        <v>0</v>
      </c>
      <c r="NR24" s="345">
        <v>0</v>
      </c>
      <c r="NS24" s="345">
        <v>0</v>
      </c>
      <c r="NT24" s="345">
        <v>0</v>
      </c>
      <c r="NU24" s="345">
        <v>0</v>
      </c>
      <c r="NV24" s="349">
        <v>0</v>
      </c>
      <c r="NW24" s="350">
        <v>0</v>
      </c>
      <c r="NX24" s="348">
        <v>0</v>
      </c>
      <c r="NY24" s="345">
        <v>0</v>
      </c>
      <c r="NZ24" s="349">
        <v>0</v>
      </c>
      <c r="OA24" s="413">
        <v>0</v>
      </c>
      <c r="OB24" s="345">
        <v>0</v>
      </c>
      <c r="OC24" s="345">
        <v>0</v>
      </c>
      <c r="OD24" s="345">
        <v>0</v>
      </c>
      <c r="OE24" s="345">
        <v>1233505</v>
      </c>
      <c r="OF24" s="345">
        <v>2287326</v>
      </c>
      <c r="OG24" s="349">
        <v>3520831</v>
      </c>
      <c r="OH24" s="350">
        <v>3520831</v>
      </c>
      <c r="OI24" s="348">
        <v>6229333</v>
      </c>
      <c r="OJ24" s="345">
        <v>11490540</v>
      </c>
      <c r="OK24" s="346">
        <v>17719873</v>
      </c>
      <c r="OL24" s="351">
        <v>0</v>
      </c>
      <c r="OM24" s="345">
        <v>90756989</v>
      </c>
      <c r="ON24" s="345">
        <v>106142078</v>
      </c>
      <c r="OO24" s="345">
        <v>145888989</v>
      </c>
      <c r="OP24" s="345">
        <v>121209674</v>
      </c>
      <c r="OQ24" s="345">
        <v>102267795</v>
      </c>
      <c r="OR24" s="349">
        <v>566265525</v>
      </c>
      <c r="OS24" s="354">
        <v>583985398</v>
      </c>
    </row>
    <row r="25" spans="2:409" s="70" customFormat="1" ht="21" customHeight="1" x14ac:dyDescent="0.2">
      <c r="B25" s="410" t="s">
        <v>20</v>
      </c>
      <c r="C25" s="326">
        <v>5537613</v>
      </c>
      <c r="D25" s="327">
        <v>12635540</v>
      </c>
      <c r="E25" s="328">
        <v>18173153</v>
      </c>
      <c r="F25" s="326">
        <v>0</v>
      </c>
      <c r="G25" s="327">
        <v>97981897</v>
      </c>
      <c r="H25" s="327">
        <v>85484510</v>
      </c>
      <c r="I25" s="327">
        <v>86248997</v>
      </c>
      <c r="J25" s="327">
        <v>77498488</v>
      </c>
      <c r="K25" s="327">
        <v>52376679</v>
      </c>
      <c r="L25" s="367">
        <v>399590571</v>
      </c>
      <c r="M25" s="330">
        <v>417763724</v>
      </c>
      <c r="N25" s="326">
        <v>1693485</v>
      </c>
      <c r="O25" s="327">
        <v>4283640</v>
      </c>
      <c r="P25" s="328">
        <v>5977125</v>
      </c>
      <c r="Q25" s="326">
        <v>0</v>
      </c>
      <c r="R25" s="327">
        <v>28412932</v>
      </c>
      <c r="S25" s="327">
        <v>28252926</v>
      </c>
      <c r="T25" s="327">
        <v>28390149</v>
      </c>
      <c r="U25" s="327">
        <v>28458434</v>
      </c>
      <c r="V25" s="327">
        <v>27717057</v>
      </c>
      <c r="W25" s="328">
        <v>141231498</v>
      </c>
      <c r="X25" s="330">
        <v>147208623</v>
      </c>
      <c r="Y25" s="326">
        <v>0</v>
      </c>
      <c r="Z25" s="327">
        <v>0</v>
      </c>
      <c r="AA25" s="328">
        <v>0</v>
      </c>
      <c r="AB25" s="326">
        <v>0</v>
      </c>
      <c r="AC25" s="327">
        <v>11071340</v>
      </c>
      <c r="AD25" s="327">
        <v>13401125</v>
      </c>
      <c r="AE25" s="327">
        <v>15889428</v>
      </c>
      <c r="AF25" s="327">
        <v>14862163</v>
      </c>
      <c r="AG25" s="327">
        <v>18003740</v>
      </c>
      <c r="AH25" s="328">
        <v>73227796</v>
      </c>
      <c r="AI25" s="330">
        <v>73227796</v>
      </c>
      <c r="AJ25" s="326">
        <v>0</v>
      </c>
      <c r="AK25" s="327">
        <v>0</v>
      </c>
      <c r="AL25" s="328">
        <v>0</v>
      </c>
      <c r="AM25" s="326">
        <v>0</v>
      </c>
      <c r="AN25" s="327">
        <v>108971</v>
      </c>
      <c r="AO25" s="327">
        <v>324083</v>
      </c>
      <c r="AP25" s="327">
        <v>722042</v>
      </c>
      <c r="AQ25" s="327">
        <v>1612574</v>
      </c>
      <c r="AR25" s="327">
        <v>2267392</v>
      </c>
      <c r="AS25" s="328">
        <v>5035062</v>
      </c>
      <c r="AT25" s="330">
        <v>5035062</v>
      </c>
      <c r="AU25" s="326">
        <v>909317</v>
      </c>
      <c r="AV25" s="327">
        <v>2757361</v>
      </c>
      <c r="AW25" s="328">
        <v>3666678</v>
      </c>
      <c r="AX25" s="326">
        <v>0</v>
      </c>
      <c r="AY25" s="327">
        <v>10354426</v>
      </c>
      <c r="AZ25" s="327">
        <v>8823023</v>
      </c>
      <c r="BA25" s="327">
        <v>5663755</v>
      </c>
      <c r="BB25" s="327">
        <v>6626883</v>
      </c>
      <c r="BC25" s="327">
        <v>3680741</v>
      </c>
      <c r="BD25" s="328">
        <v>35148828</v>
      </c>
      <c r="BE25" s="330">
        <v>38815506</v>
      </c>
      <c r="BF25" s="326">
        <v>298622</v>
      </c>
      <c r="BG25" s="327">
        <v>964470</v>
      </c>
      <c r="BH25" s="331">
        <v>1263092</v>
      </c>
      <c r="BI25" s="332">
        <v>0</v>
      </c>
      <c r="BJ25" s="327">
        <v>2599685</v>
      </c>
      <c r="BK25" s="327">
        <v>1972504</v>
      </c>
      <c r="BL25" s="327">
        <v>1681925</v>
      </c>
      <c r="BM25" s="327">
        <v>1387744</v>
      </c>
      <c r="BN25" s="327">
        <v>624520</v>
      </c>
      <c r="BO25" s="328">
        <v>8266378</v>
      </c>
      <c r="BP25" s="330">
        <v>9529470</v>
      </c>
      <c r="BQ25" s="326">
        <v>485546</v>
      </c>
      <c r="BR25" s="327">
        <v>561809</v>
      </c>
      <c r="BS25" s="328">
        <v>1047355</v>
      </c>
      <c r="BT25" s="326">
        <v>0</v>
      </c>
      <c r="BU25" s="327">
        <v>4278510</v>
      </c>
      <c r="BV25" s="327">
        <v>3732191</v>
      </c>
      <c r="BW25" s="327">
        <v>4432999</v>
      </c>
      <c r="BX25" s="327">
        <v>3969070</v>
      </c>
      <c r="BY25" s="327">
        <v>3140664</v>
      </c>
      <c r="BZ25" s="328">
        <v>19553434</v>
      </c>
      <c r="CA25" s="330">
        <v>20600789</v>
      </c>
      <c r="CB25" s="326">
        <v>353330</v>
      </c>
      <c r="CC25" s="327">
        <v>1608456</v>
      </c>
      <c r="CD25" s="328">
        <v>1961786</v>
      </c>
      <c r="CE25" s="326">
        <v>0</v>
      </c>
      <c r="CF25" s="327">
        <v>25996282</v>
      </c>
      <c r="CG25" s="327">
        <v>22326488</v>
      </c>
      <c r="CH25" s="327">
        <v>18182893</v>
      </c>
      <c r="CI25" s="327">
        <v>13551729</v>
      </c>
      <c r="CJ25" s="327">
        <v>4020279</v>
      </c>
      <c r="CK25" s="328">
        <v>84077671</v>
      </c>
      <c r="CL25" s="330">
        <v>86039457</v>
      </c>
      <c r="CM25" s="326">
        <v>0</v>
      </c>
      <c r="CN25" s="327">
        <v>0</v>
      </c>
      <c r="CO25" s="328">
        <v>0</v>
      </c>
      <c r="CP25" s="332">
        <v>0</v>
      </c>
      <c r="CQ25" s="327">
        <v>19547428</v>
      </c>
      <c r="CR25" s="327">
        <v>16850191</v>
      </c>
      <c r="CS25" s="327">
        <v>15010455</v>
      </c>
      <c r="CT25" s="327">
        <v>9834405</v>
      </c>
      <c r="CU25" s="327">
        <v>2660246</v>
      </c>
      <c r="CV25" s="328">
        <v>63902725</v>
      </c>
      <c r="CW25" s="330">
        <v>63902725</v>
      </c>
      <c r="CX25" s="326">
        <v>353330</v>
      </c>
      <c r="CY25" s="327">
        <v>1608456</v>
      </c>
      <c r="CZ25" s="328">
        <v>1961786</v>
      </c>
      <c r="DA25" s="326">
        <v>0</v>
      </c>
      <c r="DB25" s="327">
        <v>6448854</v>
      </c>
      <c r="DC25" s="327">
        <v>5476297</v>
      </c>
      <c r="DD25" s="327">
        <v>3172438</v>
      </c>
      <c r="DE25" s="327">
        <v>3717324</v>
      </c>
      <c r="DF25" s="327">
        <v>1360033</v>
      </c>
      <c r="DG25" s="328">
        <v>20174946</v>
      </c>
      <c r="DH25" s="330">
        <v>22136732</v>
      </c>
      <c r="DI25" s="326">
        <v>0</v>
      </c>
      <c r="DJ25" s="327">
        <v>0</v>
      </c>
      <c r="DK25" s="331">
        <v>0</v>
      </c>
      <c r="DL25" s="332">
        <v>0</v>
      </c>
      <c r="DM25" s="327">
        <v>2754330</v>
      </c>
      <c r="DN25" s="327">
        <v>3958611</v>
      </c>
      <c r="DO25" s="327">
        <v>11235123</v>
      </c>
      <c r="DP25" s="327">
        <v>6748990</v>
      </c>
      <c r="DQ25" s="327">
        <v>4959921</v>
      </c>
      <c r="DR25" s="328">
        <v>29656975</v>
      </c>
      <c r="DS25" s="330">
        <v>29656975</v>
      </c>
      <c r="DT25" s="326">
        <v>0</v>
      </c>
      <c r="DU25" s="327">
        <v>0</v>
      </c>
      <c r="DV25" s="328">
        <v>0</v>
      </c>
      <c r="DW25" s="326">
        <v>0</v>
      </c>
      <c r="DX25" s="327">
        <v>2549595</v>
      </c>
      <c r="DY25" s="327">
        <v>3841642</v>
      </c>
      <c r="DZ25" s="327">
        <v>10929411</v>
      </c>
      <c r="EA25" s="327">
        <v>6483226</v>
      </c>
      <c r="EB25" s="327">
        <v>4189816</v>
      </c>
      <c r="EC25" s="328">
        <v>27993690</v>
      </c>
      <c r="ED25" s="330">
        <v>27993690</v>
      </c>
      <c r="EE25" s="326">
        <v>0</v>
      </c>
      <c r="EF25" s="331">
        <v>0</v>
      </c>
      <c r="EG25" s="328">
        <v>0</v>
      </c>
      <c r="EH25" s="326">
        <v>0</v>
      </c>
      <c r="EI25" s="327">
        <v>204735</v>
      </c>
      <c r="EJ25" s="327">
        <v>116969</v>
      </c>
      <c r="EK25" s="327">
        <v>305712</v>
      </c>
      <c r="EL25" s="327">
        <v>265764</v>
      </c>
      <c r="EM25" s="327">
        <v>770105</v>
      </c>
      <c r="EN25" s="331">
        <v>1663285</v>
      </c>
      <c r="EO25" s="330">
        <v>1663285</v>
      </c>
      <c r="EP25" s="326">
        <v>0</v>
      </c>
      <c r="EQ25" s="327">
        <v>0</v>
      </c>
      <c r="ER25" s="331">
        <v>0</v>
      </c>
      <c r="ES25" s="332">
        <v>0</v>
      </c>
      <c r="ET25" s="327">
        <v>0</v>
      </c>
      <c r="EU25" s="327">
        <v>0</v>
      </c>
      <c r="EV25" s="327">
        <v>0</v>
      </c>
      <c r="EW25" s="327">
        <v>0</v>
      </c>
      <c r="EX25" s="327">
        <v>0</v>
      </c>
      <c r="EY25" s="328">
        <v>0</v>
      </c>
      <c r="EZ25" s="330">
        <v>0</v>
      </c>
      <c r="FA25" s="326">
        <v>0</v>
      </c>
      <c r="FB25" s="327">
        <v>0</v>
      </c>
      <c r="FC25" s="331">
        <v>0</v>
      </c>
      <c r="FD25" s="332">
        <v>0</v>
      </c>
      <c r="FE25" s="327">
        <v>0</v>
      </c>
      <c r="FF25" s="327">
        <v>0</v>
      </c>
      <c r="FG25" s="327">
        <v>0</v>
      </c>
      <c r="FH25" s="327">
        <v>0</v>
      </c>
      <c r="FI25" s="327">
        <v>0</v>
      </c>
      <c r="FJ25" s="328">
        <v>0</v>
      </c>
      <c r="FK25" s="330">
        <v>0</v>
      </c>
      <c r="FL25" s="326">
        <v>1616543</v>
      </c>
      <c r="FM25" s="327">
        <v>3110482</v>
      </c>
      <c r="FN25" s="328">
        <v>4727025</v>
      </c>
      <c r="FO25" s="326">
        <v>0</v>
      </c>
      <c r="FP25" s="327">
        <v>7441940</v>
      </c>
      <c r="FQ25" s="327">
        <v>8257057</v>
      </c>
      <c r="FR25" s="327">
        <v>6505796</v>
      </c>
      <c r="FS25" s="327">
        <v>5398878</v>
      </c>
      <c r="FT25" s="327">
        <v>3340035</v>
      </c>
      <c r="FU25" s="328">
        <v>30943706</v>
      </c>
      <c r="FV25" s="330">
        <v>35670731</v>
      </c>
      <c r="FW25" s="333">
        <v>904343</v>
      </c>
      <c r="FX25" s="327">
        <v>2586714</v>
      </c>
      <c r="FY25" s="331">
        <v>3491057</v>
      </c>
      <c r="FZ25" s="332">
        <v>0</v>
      </c>
      <c r="GA25" s="327">
        <v>5880763</v>
      </c>
      <c r="GB25" s="327">
        <v>7300685</v>
      </c>
      <c r="GC25" s="327">
        <v>6111583</v>
      </c>
      <c r="GD25" s="327">
        <v>5285451</v>
      </c>
      <c r="GE25" s="327">
        <v>3248048</v>
      </c>
      <c r="GF25" s="328">
        <v>27826530</v>
      </c>
      <c r="GG25" s="334">
        <v>31317587</v>
      </c>
      <c r="GH25" s="333">
        <v>49800</v>
      </c>
      <c r="GI25" s="327">
        <v>34260</v>
      </c>
      <c r="GJ25" s="331">
        <v>84060</v>
      </c>
      <c r="GK25" s="332">
        <v>0</v>
      </c>
      <c r="GL25" s="327">
        <v>353378</v>
      </c>
      <c r="GM25" s="327">
        <v>353112</v>
      </c>
      <c r="GN25" s="327">
        <v>65813</v>
      </c>
      <c r="GO25" s="327">
        <v>59967</v>
      </c>
      <c r="GP25" s="327">
        <v>91987</v>
      </c>
      <c r="GQ25" s="328">
        <v>924257</v>
      </c>
      <c r="GR25" s="330">
        <v>1008317</v>
      </c>
      <c r="GS25" s="326">
        <v>662400</v>
      </c>
      <c r="GT25" s="327">
        <v>489508</v>
      </c>
      <c r="GU25" s="328">
        <v>1151908</v>
      </c>
      <c r="GV25" s="326">
        <v>0</v>
      </c>
      <c r="GW25" s="327">
        <v>1207799</v>
      </c>
      <c r="GX25" s="327">
        <v>603260</v>
      </c>
      <c r="GY25" s="327">
        <v>328400</v>
      </c>
      <c r="GZ25" s="327">
        <v>53460</v>
      </c>
      <c r="HA25" s="327">
        <v>0</v>
      </c>
      <c r="HB25" s="331">
        <v>2192919</v>
      </c>
      <c r="HC25" s="330">
        <v>3344827</v>
      </c>
      <c r="HD25" s="326">
        <v>761103</v>
      </c>
      <c r="HE25" s="327">
        <v>1456936</v>
      </c>
      <c r="HF25" s="331">
        <v>2218039</v>
      </c>
      <c r="HG25" s="332">
        <v>0</v>
      </c>
      <c r="HH25" s="327">
        <v>16747775</v>
      </c>
      <c r="HI25" s="327">
        <v>12270520</v>
      </c>
      <c r="HJ25" s="327">
        <v>13951287</v>
      </c>
      <c r="HK25" s="327">
        <v>18250602</v>
      </c>
      <c r="HL25" s="327">
        <v>9480594</v>
      </c>
      <c r="HM25" s="328">
        <v>70700778</v>
      </c>
      <c r="HN25" s="329">
        <v>72918817</v>
      </c>
      <c r="HO25" s="333">
        <v>1113152</v>
      </c>
      <c r="HP25" s="327">
        <v>2176026</v>
      </c>
      <c r="HQ25" s="328">
        <v>3289178</v>
      </c>
      <c r="HR25" s="326">
        <v>0</v>
      </c>
      <c r="HS25" s="327">
        <v>16628638</v>
      </c>
      <c r="HT25" s="327">
        <v>10418908</v>
      </c>
      <c r="HU25" s="327">
        <v>7983749</v>
      </c>
      <c r="HV25" s="327">
        <v>5089855</v>
      </c>
      <c r="HW25" s="327">
        <v>2858793</v>
      </c>
      <c r="HX25" s="331">
        <v>42979943</v>
      </c>
      <c r="HY25" s="330">
        <v>46269121</v>
      </c>
      <c r="HZ25" s="335">
        <v>51126</v>
      </c>
      <c r="IA25" s="336">
        <v>0</v>
      </c>
      <c r="IB25" s="337">
        <v>51126</v>
      </c>
      <c r="IC25" s="338">
        <v>0</v>
      </c>
      <c r="ID25" s="336">
        <v>15041123</v>
      </c>
      <c r="IE25" s="339">
        <v>16589540</v>
      </c>
      <c r="IF25" s="337">
        <v>24723692</v>
      </c>
      <c r="IG25" s="336">
        <v>9125865</v>
      </c>
      <c r="IH25" s="337">
        <v>6730246</v>
      </c>
      <c r="II25" s="340">
        <v>72210466</v>
      </c>
      <c r="IJ25" s="341">
        <v>72261592</v>
      </c>
      <c r="IK25" s="342">
        <v>0</v>
      </c>
      <c r="IL25" s="343">
        <v>0</v>
      </c>
      <c r="IM25" s="344">
        <v>0</v>
      </c>
      <c r="IN25" s="404">
        <v>0</v>
      </c>
      <c r="IO25" s="345">
        <v>178998</v>
      </c>
      <c r="IP25" s="345">
        <v>105534</v>
      </c>
      <c r="IQ25" s="345">
        <v>0</v>
      </c>
      <c r="IR25" s="345">
        <v>515621</v>
      </c>
      <c r="IS25" s="345">
        <v>309186</v>
      </c>
      <c r="IT25" s="346">
        <v>1109339</v>
      </c>
      <c r="IU25" s="347">
        <v>1109339</v>
      </c>
      <c r="IV25" s="348">
        <v>0</v>
      </c>
      <c r="IW25" s="345">
        <v>0</v>
      </c>
      <c r="IX25" s="349">
        <v>0</v>
      </c>
      <c r="IY25" s="413">
        <v>0</v>
      </c>
      <c r="IZ25" s="345">
        <v>0</v>
      </c>
      <c r="JA25" s="345">
        <v>0</v>
      </c>
      <c r="JB25" s="345">
        <v>0</v>
      </c>
      <c r="JC25" s="345">
        <v>0</v>
      </c>
      <c r="JD25" s="345">
        <v>0</v>
      </c>
      <c r="JE25" s="349">
        <v>0</v>
      </c>
      <c r="JF25" s="350">
        <v>0</v>
      </c>
      <c r="JG25" s="348">
        <v>0</v>
      </c>
      <c r="JH25" s="345">
        <v>0</v>
      </c>
      <c r="JI25" s="346">
        <v>0</v>
      </c>
      <c r="JJ25" s="351">
        <v>0</v>
      </c>
      <c r="JK25" s="345">
        <v>7332451</v>
      </c>
      <c r="JL25" s="345">
        <v>5808087</v>
      </c>
      <c r="JM25" s="345">
        <v>5032498</v>
      </c>
      <c r="JN25" s="345">
        <v>1719961</v>
      </c>
      <c r="JO25" s="345">
        <v>685320</v>
      </c>
      <c r="JP25" s="349">
        <v>20578317</v>
      </c>
      <c r="JQ25" s="347">
        <v>20578317</v>
      </c>
      <c r="JR25" s="348">
        <v>0</v>
      </c>
      <c r="JS25" s="345">
        <v>0</v>
      </c>
      <c r="JT25" s="346">
        <v>0</v>
      </c>
      <c r="JU25" s="351">
        <v>0</v>
      </c>
      <c r="JV25" s="345">
        <v>0</v>
      </c>
      <c r="JW25" s="345">
        <v>39018</v>
      </c>
      <c r="JX25" s="345">
        <v>497084</v>
      </c>
      <c r="JY25" s="345">
        <v>423189</v>
      </c>
      <c r="JZ25" s="345">
        <v>108364</v>
      </c>
      <c r="KA25" s="349">
        <v>1067655</v>
      </c>
      <c r="KB25" s="347">
        <v>1067655</v>
      </c>
      <c r="KC25" s="352">
        <v>51126</v>
      </c>
      <c r="KD25" s="353">
        <v>0</v>
      </c>
      <c r="KE25" s="349">
        <v>51126</v>
      </c>
      <c r="KF25" s="351">
        <v>0</v>
      </c>
      <c r="KG25" s="345">
        <v>2562378</v>
      </c>
      <c r="KH25" s="345">
        <v>2123430</v>
      </c>
      <c r="KI25" s="345">
        <v>5130352</v>
      </c>
      <c r="KJ25" s="345">
        <v>1163058</v>
      </c>
      <c r="KK25" s="345">
        <v>333678</v>
      </c>
      <c r="KL25" s="349">
        <v>11312896</v>
      </c>
      <c r="KM25" s="354">
        <v>11364022</v>
      </c>
      <c r="KN25" s="342">
        <v>0</v>
      </c>
      <c r="KO25" s="343">
        <v>0</v>
      </c>
      <c r="KP25" s="344">
        <v>0</v>
      </c>
      <c r="KQ25" s="413">
        <v>0</v>
      </c>
      <c r="KR25" s="345">
        <v>4967296</v>
      </c>
      <c r="KS25" s="345">
        <v>8513471</v>
      </c>
      <c r="KT25" s="345">
        <v>14063758</v>
      </c>
      <c r="KU25" s="345">
        <v>5304036</v>
      </c>
      <c r="KV25" s="345">
        <v>5293698</v>
      </c>
      <c r="KW25" s="349">
        <v>38142259</v>
      </c>
      <c r="KX25" s="347">
        <v>38142259</v>
      </c>
      <c r="KY25" s="348">
        <v>0</v>
      </c>
      <c r="KZ25" s="345">
        <v>0</v>
      </c>
      <c r="LA25" s="349">
        <v>0</v>
      </c>
      <c r="LB25" s="413">
        <v>0</v>
      </c>
      <c r="LC25" s="345">
        <v>0</v>
      </c>
      <c r="LD25" s="345">
        <v>0</v>
      </c>
      <c r="LE25" s="345">
        <v>0</v>
      </c>
      <c r="LF25" s="345">
        <v>0</v>
      </c>
      <c r="LG25" s="345">
        <v>0</v>
      </c>
      <c r="LH25" s="349">
        <v>0</v>
      </c>
      <c r="LI25" s="350">
        <v>0</v>
      </c>
      <c r="LJ25" s="348">
        <v>0</v>
      </c>
      <c r="LK25" s="345">
        <v>0</v>
      </c>
      <c r="LL25" s="349">
        <v>0</v>
      </c>
      <c r="LM25" s="413">
        <v>0</v>
      </c>
      <c r="LN25" s="345">
        <v>0</v>
      </c>
      <c r="LO25" s="345">
        <v>0</v>
      </c>
      <c r="LP25" s="345">
        <v>0</v>
      </c>
      <c r="LQ25" s="345">
        <v>0</v>
      </c>
      <c r="LR25" s="345">
        <v>0</v>
      </c>
      <c r="LS25" s="349">
        <v>0</v>
      </c>
      <c r="LT25" s="347">
        <v>0</v>
      </c>
      <c r="LU25" s="348">
        <v>0</v>
      </c>
      <c r="LV25" s="345">
        <v>0</v>
      </c>
      <c r="LW25" s="349">
        <v>0</v>
      </c>
      <c r="LX25" s="413">
        <v>0</v>
      </c>
      <c r="LY25" s="345">
        <v>0</v>
      </c>
      <c r="LZ25" s="345">
        <v>0</v>
      </c>
      <c r="MA25" s="345">
        <v>0</v>
      </c>
      <c r="MB25" s="345">
        <v>0</v>
      </c>
      <c r="MC25" s="345">
        <v>0</v>
      </c>
      <c r="MD25" s="349">
        <v>0</v>
      </c>
      <c r="ME25" s="350">
        <v>0</v>
      </c>
      <c r="MF25" s="348">
        <v>0</v>
      </c>
      <c r="MG25" s="345">
        <v>0</v>
      </c>
      <c r="MH25" s="349">
        <v>0</v>
      </c>
      <c r="MI25" s="413">
        <v>0</v>
      </c>
      <c r="MJ25" s="345">
        <v>4482629</v>
      </c>
      <c r="MK25" s="345">
        <v>14943086</v>
      </c>
      <c r="ML25" s="345">
        <v>51954452</v>
      </c>
      <c r="MM25" s="345">
        <v>86445776</v>
      </c>
      <c r="MN25" s="345">
        <v>44089830</v>
      </c>
      <c r="MO25" s="349">
        <v>201915773</v>
      </c>
      <c r="MP25" s="354">
        <v>201915773</v>
      </c>
      <c r="MQ25" s="348">
        <v>0</v>
      </c>
      <c r="MR25" s="345">
        <v>0</v>
      </c>
      <c r="MS25" s="349">
        <v>0</v>
      </c>
      <c r="MT25" s="413">
        <v>0</v>
      </c>
      <c r="MU25" s="345">
        <v>1379117</v>
      </c>
      <c r="MV25" s="345">
        <v>5720906</v>
      </c>
      <c r="MW25" s="345">
        <v>40765904</v>
      </c>
      <c r="MX25" s="345">
        <v>68532395</v>
      </c>
      <c r="MY25" s="345">
        <v>33535087</v>
      </c>
      <c r="MZ25" s="349">
        <v>149933409</v>
      </c>
      <c r="NA25" s="354">
        <v>149933409</v>
      </c>
      <c r="NB25" s="348">
        <v>0</v>
      </c>
      <c r="NC25" s="345">
        <v>0</v>
      </c>
      <c r="ND25" s="349">
        <v>0</v>
      </c>
      <c r="NE25" s="413">
        <v>0</v>
      </c>
      <c r="NF25" s="345">
        <v>3103512</v>
      </c>
      <c r="NG25" s="345">
        <v>9222180</v>
      </c>
      <c r="NH25" s="345">
        <v>11188548</v>
      </c>
      <c r="NI25" s="345">
        <v>17097136</v>
      </c>
      <c r="NJ25" s="345">
        <v>7669814</v>
      </c>
      <c r="NK25" s="349">
        <v>48281190</v>
      </c>
      <c r="NL25" s="347">
        <v>48281190</v>
      </c>
      <c r="NM25" s="348">
        <v>0</v>
      </c>
      <c r="NN25" s="345">
        <v>0</v>
      </c>
      <c r="NO25" s="349">
        <v>0</v>
      </c>
      <c r="NP25" s="413">
        <v>0</v>
      </c>
      <c r="NQ25" s="345">
        <v>0</v>
      </c>
      <c r="NR25" s="345">
        <v>0</v>
      </c>
      <c r="NS25" s="345">
        <v>0</v>
      </c>
      <c r="NT25" s="345">
        <v>0</v>
      </c>
      <c r="NU25" s="345">
        <v>0</v>
      </c>
      <c r="NV25" s="349">
        <v>0</v>
      </c>
      <c r="NW25" s="350">
        <v>0</v>
      </c>
      <c r="NX25" s="348">
        <v>0</v>
      </c>
      <c r="NY25" s="345">
        <v>0</v>
      </c>
      <c r="NZ25" s="349">
        <v>0</v>
      </c>
      <c r="OA25" s="413">
        <v>0</v>
      </c>
      <c r="OB25" s="345">
        <v>0</v>
      </c>
      <c r="OC25" s="345">
        <v>0</v>
      </c>
      <c r="OD25" s="345">
        <v>0</v>
      </c>
      <c r="OE25" s="345">
        <v>816245</v>
      </c>
      <c r="OF25" s="345">
        <v>2884929</v>
      </c>
      <c r="OG25" s="349">
        <v>3701174</v>
      </c>
      <c r="OH25" s="350">
        <v>3701174</v>
      </c>
      <c r="OI25" s="348">
        <v>5588739</v>
      </c>
      <c r="OJ25" s="345">
        <v>12635540</v>
      </c>
      <c r="OK25" s="346">
        <v>18224279</v>
      </c>
      <c r="OL25" s="351">
        <v>0</v>
      </c>
      <c r="OM25" s="345">
        <v>117505649</v>
      </c>
      <c r="ON25" s="345">
        <v>117017136</v>
      </c>
      <c r="OO25" s="345">
        <v>162927141</v>
      </c>
      <c r="OP25" s="345">
        <v>173070129</v>
      </c>
      <c r="OQ25" s="345">
        <v>103196755</v>
      </c>
      <c r="OR25" s="349">
        <v>673716810</v>
      </c>
      <c r="OS25" s="354">
        <v>691941089</v>
      </c>
    </row>
    <row r="26" spans="2:409" s="70" customFormat="1" ht="21" customHeight="1" x14ac:dyDescent="0.2">
      <c r="B26" s="410" t="s">
        <v>21</v>
      </c>
      <c r="C26" s="326">
        <v>7909560</v>
      </c>
      <c r="D26" s="327">
        <v>12564011</v>
      </c>
      <c r="E26" s="328">
        <v>20473571</v>
      </c>
      <c r="F26" s="329">
        <v>0</v>
      </c>
      <c r="G26" s="327">
        <v>80709608</v>
      </c>
      <c r="H26" s="327">
        <v>113010817</v>
      </c>
      <c r="I26" s="327">
        <v>102216757</v>
      </c>
      <c r="J26" s="327">
        <v>77563208</v>
      </c>
      <c r="K26" s="327">
        <v>65103470</v>
      </c>
      <c r="L26" s="367">
        <v>438603860</v>
      </c>
      <c r="M26" s="330">
        <v>459077431</v>
      </c>
      <c r="N26" s="326">
        <v>2491236</v>
      </c>
      <c r="O26" s="327">
        <v>4196585</v>
      </c>
      <c r="P26" s="328">
        <v>6687821</v>
      </c>
      <c r="Q26" s="326">
        <v>0</v>
      </c>
      <c r="R26" s="327">
        <v>25155799</v>
      </c>
      <c r="S26" s="327">
        <v>39836827</v>
      </c>
      <c r="T26" s="327">
        <v>38103987</v>
      </c>
      <c r="U26" s="327">
        <v>34017788</v>
      </c>
      <c r="V26" s="327">
        <v>34631321</v>
      </c>
      <c r="W26" s="328">
        <v>171745722</v>
      </c>
      <c r="X26" s="330">
        <v>178433543</v>
      </c>
      <c r="Y26" s="326">
        <v>0</v>
      </c>
      <c r="Z26" s="327">
        <v>0</v>
      </c>
      <c r="AA26" s="328">
        <v>0</v>
      </c>
      <c r="AB26" s="326">
        <v>0</v>
      </c>
      <c r="AC26" s="327">
        <v>11103886</v>
      </c>
      <c r="AD26" s="327">
        <v>19938470</v>
      </c>
      <c r="AE26" s="327">
        <v>23326132</v>
      </c>
      <c r="AF26" s="327">
        <v>22067735</v>
      </c>
      <c r="AG26" s="327">
        <v>22941829</v>
      </c>
      <c r="AH26" s="328">
        <v>99378052</v>
      </c>
      <c r="AI26" s="330">
        <v>99378052</v>
      </c>
      <c r="AJ26" s="326">
        <v>0</v>
      </c>
      <c r="AK26" s="327">
        <v>0</v>
      </c>
      <c r="AL26" s="328">
        <v>0</v>
      </c>
      <c r="AM26" s="326">
        <v>0</v>
      </c>
      <c r="AN26" s="327">
        <v>0</v>
      </c>
      <c r="AO26" s="327">
        <v>106041</v>
      </c>
      <c r="AP26" s="327">
        <v>518783</v>
      </c>
      <c r="AQ26" s="327">
        <v>1604966</v>
      </c>
      <c r="AR26" s="327">
        <v>2799517</v>
      </c>
      <c r="AS26" s="328">
        <v>5029307</v>
      </c>
      <c r="AT26" s="330">
        <v>5029307</v>
      </c>
      <c r="AU26" s="326">
        <v>1330203</v>
      </c>
      <c r="AV26" s="327">
        <v>2859844</v>
      </c>
      <c r="AW26" s="328">
        <v>4190047</v>
      </c>
      <c r="AX26" s="326">
        <v>0</v>
      </c>
      <c r="AY26" s="327">
        <v>8675988</v>
      </c>
      <c r="AZ26" s="327">
        <v>12330976</v>
      </c>
      <c r="BA26" s="327">
        <v>8309541</v>
      </c>
      <c r="BB26" s="327">
        <v>5955652</v>
      </c>
      <c r="BC26" s="327">
        <v>5041839</v>
      </c>
      <c r="BD26" s="328">
        <v>40313996</v>
      </c>
      <c r="BE26" s="330">
        <v>44504043</v>
      </c>
      <c r="BF26" s="326">
        <v>344017</v>
      </c>
      <c r="BG26" s="327">
        <v>865851</v>
      </c>
      <c r="BH26" s="331">
        <v>1209868</v>
      </c>
      <c r="BI26" s="332">
        <v>0</v>
      </c>
      <c r="BJ26" s="327">
        <v>831447</v>
      </c>
      <c r="BK26" s="327">
        <v>1469917</v>
      </c>
      <c r="BL26" s="327">
        <v>940882</v>
      </c>
      <c r="BM26" s="327">
        <v>366478</v>
      </c>
      <c r="BN26" s="327">
        <v>200685</v>
      </c>
      <c r="BO26" s="328">
        <v>3809409</v>
      </c>
      <c r="BP26" s="330">
        <v>5019277</v>
      </c>
      <c r="BQ26" s="326">
        <v>817016</v>
      </c>
      <c r="BR26" s="327">
        <v>470890</v>
      </c>
      <c r="BS26" s="328">
        <v>1287906</v>
      </c>
      <c r="BT26" s="326">
        <v>0</v>
      </c>
      <c r="BU26" s="327">
        <v>4544478</v>
      </c>
      <c r="BV26" s="327">
        <v>5991423</v>
      </c>
      <c r="BW26" s="327">
        <v>5008649</v>
      </c>
      <c r="BX26" s="327">
        <v>4022957</v>
      </c>
      <c r="BY26" s="327">
        <v>3647451</v>
      </c>
      <c r="BZ26" s="328">
        <v>23214958</v>
      </c>
      <c r="CA26" s="330">
        <v>24502864</v>
      </c>
      <c r="CB26" s="326">
        <v>781378</v>
      </c>
      <c r="CC26" s="327">
        <v>1565150</v>
      </c>
      <c r="CD26" s="328">
        <v>2346528</v>
      </c>
      <c r="CE26" s="326">
        <v>0</v>
      </c>
      <c r="CF26" s="327">
        <v>21862404</v>
      </c>
      <c r="CG26" s="327">
        <v>29642867</v>
      </c>
      <c r="CH26" s="327">
        <v>23714102</v>
      </c>
      <c r="CI26" s="327">
        <v>12527007</v>
      </c>
      <c r="CJ26" s="327">
        <v>5884984</v>
      </c>
      <c r="CK26" s="328">
        <v>93631364</v>
      </c>
      <c r="CL26" s="330">
        <v>95977892</v>
      </c>
      <c r="CM26" s="326">
        <v>0</v>
      </c>
      <c r="CN26" s="327">
        <v>0</v>
      </c>
      <c r="CO26" s="328">
        <v>0</v>
      </c>
      <c r="CP26" s="332">
        <v>0</v>
      </c>
      <c r="CQ26" s="327">
        <v>18995776</v>
      </c>
      <c r="CR26" s="327">
        <v>26068059</v>
      </c>
      <c r="CS26" s="327">
        <v>21031929</v>
      </c>
      <c r="CT26" s="327">
        <v>11099148</v>
      </c>
      <c r="CU26" s="327">
        <v>5140911</v>
      </c>
      <c r="CV26" s="328">
        <v>82335823</v>
      </c>
      <c r="CW26" s="330">
        <v>82335823</v>
      </c>
      <c r="CX26" s="326">
        <v>781378</v>
      </c>
      <c r="CY26" s="327">
        <v>1565150</v>
      </c>
      <c r="CZ26" s="328">
        <v>2346528</v>
      </c>
      <c r="DA26" s="326">
        <v>0</v>
      </c>
      <c r="DB26" s="327">
        <v>2866628</v>
      </c>
      <c r="DC26" s="327">
        <v>3574808</v>
      </c>
      <c r="DD26" s="327">
        <v>2682173</v>
      </c>
      <c r="DE26" s="327">
        <v>1427859</v>
      </c>
      <c r="DF26" s="327">
        <v>744073</v>
      </c>
      <c r="DG26" s="328">
        <v>11295541</v>
      </c>
      <c r="DH26" s="330">
        <v>13642069</v>
      </c>
      <c r="DI26" s="326">
        <v>21087</v>
      </c>
      <c r="DJ26" s="327">
        <v>306975</v>
      </c>
      <c r="DK26" s="331">
        <v>328062</v>
      </c>
      <c r="DL26" s="332">
        <v>0</v>
      </c>
      <c r="DM26" s="327">
        <v>868207</v>
      </c>
      <c r="DN26" s="327">
        <v>4310452</v>
      </c>
      <c r="DO26" s="327">
        <v>8375800</v>
      </c>
      <c r="DP26" s="327">
        <v>6139759</v>
      </c>
      <c r="DQ26" s="327">
        <v>5738245</v>
      </c>
      <c r="DR26" s="328">
        <v>25432463</v>
      </c>
      <c r="DS26" s="330">
        <v>25760525</v>
      </c>
      <c r="DT26" s="326">
        <v>21087</v>
      </c>
      <c r="DU26" s="327">
        <v>201828</v>
      </c>
      <c r="DV26" s="328">
        <v>222915</v>
      </c>
      <c r="DW26" s="326">
        <v>0</v>
      </c>
      <c r="DX26" s="327">
        <v>803605</v>
      </c>
      <c r="DY26" s="327">
        <v>4139572</v>
      </c>
      <c r="DZ26" s="327">
        <v>8029239</v>
      </c>
      <c r="EA26" s="327">
        <v>5773939</v>
      </c>
      <c r="EB26" s="327">
        <v>5169482</v>
      </c>
      <c r="EC26" s="328">
        <v>23915837</v>
      </c>
      <c r="ED26" s="330">
        <v>24138752</v>
      </c>
      <c r="EE26" s="326">
        <v>0</v>
      </c>
      <c r="EF26" s="331">
        <v>105147</v>
      </c>
      <c r="EG26" s="328">
        <v>105147</v>
      </c>
      <c r="EH26" s="326">
        <v>0</v>
      </c>
      <c r="EI26" s="327">
        <v>64602</v>
      </c>
      <c r="EJ26" s="327">
        <v>170880</v>
      </c>
      <c r="EK26" s="327">
        <v>346561</v>
      </c>
      <c r="EL26" s="327">
        <v>365820</v>
      </c>
      <c r="EM26" s="327">
        <v>568763</v>
      </c>
      <c r="EN26" s="331">
        <v>1516626</v>
      </c>
      <c r="EO26" s="330">
        <v>1621773</v>
      </c>
      <c r="EP26" s="326">
        <v>0</v>
      </c>
      <c r="EQ26" s="327">
        <v>0</v>
      </c>
      <c r="ER26" s="331">
        <v>0</v>
      </c>
      <c r="ES26" s="332">
        <v>0</v>
      </c>
      <c r="ET26" s="327">
        <v>0</v>
      </c>
      <c r="EU26" s="327">
        <v>0</v>
      </c>
      <c r="EV26" s="327">
        <v>0</v>
      </c>
      <c r="EW26" s="327">
        <v>0</v>
      </c>
      <c r="EX26" s="327">
        <v>0</v>
      </c>
      <c r="EY26" s="328">
        <v>0</v>
      </c>
      <c r="EZ26" s="330">
        <v>0</v>
      </c>
      <c r="FA26" s="326">
        <v>0</v>
      </c>
      <c r="FB26" s="327">
        <v>0</v>
      </c>
      <c r="FC26" s="331">
        <v>0</v>
      </c>
      <c r="FD26" s="332">
        <v>0</v>
      </c>
      <c r="FE26" s="327">
        <v>0</v>
      </c>
      <c r="FF26" s="327">
        <v>0</v>
      </c>
      <c r="FG26" s="327">
        <v>0</v>
      </c>
      <c r="FH26" s="327">
        <v>0</v>
      </c>
      <c r="FI26" s="327">
        <v>0</v>
      </c>
      <c r="FJ26" s="328">
        <v>0</v>
      </c>
      <c r="FK26" s="330">
        <v>0</v>
      </c>
      <c r="FL26" s="326">
        <v>1976220</v>
      </c>
      <c r="FM26" s="327">
        <v>3215243</v>
      </c>
      <c r="FN26" s="328">
        <v>5191463</v>
      </c>
      <c r="FO26" s="326">
        <v>0</v>
      </c>
      <c r="FP26" s="327">
        <v>4069388</v>
      </c>
      <c r="FQ26" s="327">
        <v>10726256</v>
      </c>
      <c r="FR26" s="327">
        <v>7826031</v>
      </c>
      <c r="FS26" s="327">
        <v>5082781</v>
      </c>
      <c r="FT26" s="327">
        <v>4238898</v>
      </c>
      <c r="FU26" s="328">
        <v>31943354</v>
      </c>
      <c r="FV26" s="330">
        <v>37134817</v>
      </c>
      <c r="FW26" s="333">
        <v>1095786</v>
      </c>
      <c r="FX26" s="327">
        <v>2501056</v>
      </c>
      <c r="FY26" s="331">
        <v>3596842</v>
      </c>
      <c r="FZ26" s="332">
        <v>0</v>
      </c>
      <c r="GA26" s="327">
        <v>3389186</v>
      </c>
      <c r="GB26" s="327">
        <v>9953562</v>
      </c>
      <c r="GC26" s="327">
        <v>7441101</v>
      </c>
      <c r="GD26" s="327">
        <v>4948570</v>
      </c>
      <c r="GE26" s="327">
        <v>4157646</v>
      </c>
      <c r="GF26" s="328">
        <v>29890065</v>
      </c>
      <c r="GG26" s="334">
        <v>33486907</v>
      </c>
      <c r="GH26" s="333">
        <v>324868</v>
      </c>
      <c r="GI26" s="327">
        <v>302437</v>
      </c>
      <c r="GJ26" s="331">
        <v>627305</v>
      </c>
      <c r="GK26" s="332">
        <v>0</v>
      </c>
      <c r="GL26" s="327">
        <v>158652</v>
      </c>
      <c r="GM26" s="327">
        <v>294748</v>
      </c>
      <c r="GN26" s="327">
        <v>253530</v>
      </c>
      <c r="GO26" s="327">
        <v>134211</v>
      </c>
      <c r="GP26" s="327">
        <v>52263</v>
      </c>
      <c r="GQ26" s="328">
        <v>893404</v>
      </c>
      <c r="GR26" s="330">
        <v>1520709</v>
      </c>
      <c r="GS26" s="326">
        <v>555566</v>
      </c>
      <c r="GT26" s="327">
        <v>411750</v>
      </c>
      <c r="GU26" s="328">
        <v>967316</v>
      </c>
      <c r="GV26" s="326">
        <v>0</v>
      </c>
      <c r="GW26" s="327">
        <v>521550</v>
      </c>
      <c r="GX26" s="327">
        <v>477946</v>
      </c>
      <c r="GY26" s="327">
        <v>131400</v>
      </c>
      <c r="GZ26" s="327">
        <v>0</v>
      </c>
      <c r="HA26" s="327">
        <v>28989</v>
      </c>
      <c r="HB26" s="331">
        <v>1159885</v>
      </c>
      <c r="HC26" s="330">
        <v>2127201</v>
      </c>
      <c r="HD26" s="326">
        <v>1118243</v>
      </c>
      <c r="HE26" s="327">
        <v>1081756</v>
      </c>
      <c r="HF26" s="331">
        <v>2199999</v>
      </c>
      <c r="HG26" s="332">
        <v>0</v>
      </c>
      <c r="HH26" s="327">
        <v>15108819</v>
      </c>
      <c r="HI26" s="327">
        <v>14793762</v>
      </c>
      <c r="HJ26" s="327">
        <v>14957061</v>
      </c>
      <c r="HK26" s="327">
        <v>14680708</v>
      </c>
      <c r="HL26" s="327">
        <v>10933261</v>
      </c>
      <c r="HM26" s="328">
        <v>70473611</v>
      </c>
      <c r="HN26" s="329">
        <v>72673610</v>
      </c>
      <c r="HO26" s="333">
        <v>1521396</v>
      </c>
      <c r="HP26" s="327">
        <v>2198302</v>
      </c>
      <c r="HQ26" s="328">
        <v>3719698</v>
      </c>
      <c r="HR26" s="326">
        <v>0</v>
      </c>
      <c r="HS26" s="327">
        <v>13644991</v>
      </c>
      <c r="HT26" s="327">
        <v>13700653</v>
      </c>
      <c r="HU26" s="327">
        <v>9239776</v>
      </c>
      <c r="HV26" s="327">
        <v>5115165</v>
      </c>
      <c r="HW26" s="327">
        <v>3676761</v>
      </c>
      <c r="HX26" s="331">
        <v>45377346</v>
      </c>
      <c r="HY26" s="330">
        <v>49097044</v>
      </c>
      <c r="HZ26" s="358">
        <v>0</v>
      </c>
      <c r="IA26" s="356">
        <v>257687</v>
      </c>
      <c r="IB26" s="358">
        <v>257687</v>
      </c>
      <c r="IC26" s="355">
        <v>0</v>
      </c>
      <c r="ID26" s="356">
        <v>15725309</v>
      </c>
      <c r="IE26" s="357">
        <v>21863872</v>
      </c>
      <c r="IF26" s="358">
        <v>22327339</v>
      </c>
      <c r="IG26" s="356">
        <v>9086322</v>
      </c>
      <c r="IH26" s="358">
        <v>7212337</v>
      </c>
      <c r="II26" s="359">
        <v>76215179</v>
      </c>
      <c r="IJ26" s="358">
        <v>76472866</v>
      </c>
      <c r="IK26" s="342">
        <v>0</v>
      </c>
      <c r="IL26" s="343">
        <v>0</v>
      </c>
      <c r="IM26" s="344">
        <v>0</v>
      </c>
      <c r="IN26" s="404">
        <v>0</v>
      </c>
      <c r="IO26" s="345">
        <v>66380</v>
      </c>
      <c r="IP26" s="345">
        <v>586285</v>
      </c>
      <c r="IQ26" s="345">
        <v>155890</v>
      </c>
      <c r="IR26" s="345">
        <v>0</v>
      </c>
      <c r="IS26" s="345">
        <v>260425</v>
      </c>
      <c r="IT26" s="346">
        <v>1068980</v>
      </c>
      <c r="IU26" s="347">
        <v>1068980</v>
      </c>
      <c r="IV26" s="348">
        <v>0</v>
      </c>
      <c r="IW26" s="345">
        <v>0</v>
      </c>
      <c r="IX26" s="349">
        <v>0</v>
      </c>
      <c r="IY26" s="413">
        <v>0</v>
      </c>
      <c r="IZ26" s="345">
        <v>0</v>
      </c>
      <c r="JA26" s="345">
        <v>0</v>
      </c>
      <c r="JB26" s="345">
        <v>0</v>
      </c>
      <c r="JC26" s="345">
        <v>0</v>
      </c>
      <c r="JD26" s="345">
        <v>0</v>
      </c>
      <c r="JE26" s="349">
        <v>0</v>
      </c>
      <c r="JF26" s="350">
        <v>0</v>
      </c>
      <c r="JG26" s="348">
        <v>0</v>
      </c>
      <c r="JH26" s="345">
        <v>0</v>
      </c>
      <c r="JI26" s="346">
        <v>0</v>
      </c>
      <c r="JJ26" s="351">
        <v>0</v>
      </c>
      <c r="JK26" s="345">
        <v>10470360</v>
      </c>
      <c r="JL26" s="345">
        <v>8939769</v>
      </c>
      <c r="JM26" s="345">
        <v>7871870</v>
      </c>
      <c r="JN26" s="345">
        <v>2388757</v>
      </c>
      <c r="JO26" s="345">
        <v>2329148</v>
      </c>
      <c r="JP26" s="349">
        <v>31999904</v>
      </c>
      <c r="JQ26" s="347">
        <v>31999904</v>
      </c>
      <c r="JR26" s="348">
        <v>0</v>
      </c>
      <c r="JS26" s="345">
        <v>0</v>
      </c>
      <c r="JT26" s="346">
        <v>0</v>
      </c>
      <c r="JU26" s="351">
        <v>0</v>
      </c>
      <c r="JV26" s="345">
        <v>0</v>
      </c>
      <c r="JW26" s="345">
        <v>0</v>
      </c>
      <c r="JX26" s="345">
        <v>0</v>
      </c>
      <c r="JY26" s="345">
        <v>0</v>
      </c>
      <c r="JZ26" s="345">
        <v>0</v>
      </c>
      <c r="KA26" s="349">
        <v>0</v>
      </c>
      <c r="KB26" s="347">
        <v>0</v>
      </c>
      <c r="KC26" s="352">
        <v>0</v>
      </c>
      <c r="KD26" s="353">
        <v>0</v>
      </c>
      <c r="KE26" s="349">
        <v>0</v>
      </c>
      <c r="KF26" s="351">
        <v>0</v>
      </c>
      <c r="KG26" s="345">
        <v>867628</v>
      </c>
      <c r="KH26" s="345">
        <v>1035584</v>
      </c>
      <c r="KI26" s="345">
        <v>3879912</v>
      </c>
      <c r="KJ26" s="345">
        <v>1642753</v>
      </c>
      <c r="KK26" s="345">
        <v>846373</v>
      </c>
      <c r="KL26" s="349">
        <v>8272250</v>
      </c>
      <c r="KM26" s="354">
        <v>8272250</v>
      </c>
      <c r="KN26" s="342">
        <v>0</v>
      </c>
      <c r="KO26" s="343">
        <v>257687</v>
      </c>
      <c r="KP26" s="344">
        <v>257687</v>
      </c>
      <c r="KQ26" s="413">
        <v>0</v>
      </c>
      <c r="KR26" s="345">
        <v>4320941</v>
      </c>
      <c r="KS26" s="345">
        <v>11302234</v>
      </c>
      <c r="KT26" s="345">
        <v>10114669</v>
      </c>
      <c r="KU26" s="345">
        <v>5054812</v>
      </c>
      <c r="KV26" s="345">
        <v>3372237</v>
      </c>
      <c r="KW26" s="349">
        <v>34164893</v>
      </c>
      <c r="KX26" s="347">
        <v>34422580</v>
      </c>
      <c r="KY26" s="348">
        <v>0</v>
      </c>
      <c r="KZ26" s="345">
        <v>0</v>
      </c>
      <c r="LA26" s="349">
        <v>0</v>
      </c>
      <c r="LB26" s="413">
        <v>0</v>
      </c>
      <c r="LC26" s="345">
        <v>0</v>
      </c>
      <c r="LD26" s="345">
        <v>0</v>
      </c>
      <c r="LE26" s="345">
        <v>0</v>
      </c>
      <c r="LF26" s="345">
        <v>0</v>
      </c>
      <c r="LG26" s="345">
        <v>0</v>
      </c>
      <c r="LH26" s="349">
        <v>0</v>
      </c>
      <c r="LI26" s="350">
        <v>0</v>
      </c>
      <c r="LJ26" s="348">
        <v>0</v>
      </c>
      <c r="LK26" s="345">
        <v>0</v>
      </c>
      <c r="LL26" s="349">
        <v>0</v>
      </c>
      <c r="LM26" s="413">
        <v>0</v>
      </c>
      <c r="LN26" s="345">
        <v>0</v>
      </c>
      <c r="LO26" s="345">
        <v>0</v>
      </c>
      <c r="LP26" s="345">
        <v>0</v>
      </c>
      <c r="LQ26" s="345">
        <v>0</v>
      </c>
      <c r="LR26" s="345">
        <v>0</v>
      </c>
      <c r="LS26" s="349">
        <v>0</v>
      </c>
      <c r="LT26" s="347">
        <v>0</v>
      </c>
      <c r="LU26" s="348">
        <v>0</v>
      </c>
      <c r="LV26" s="345">
        <v>0</v>
      </c>
      <c r="LW26" s="349">
        <v>0</v>
      </c>
      <c r="LX26" s="413">
        <v>0</v>
      </c>
      <c r="LY26" s="345">
        <v>0</v>
      </c>
      <c r="LZ26" s="345">
        <v>0</v>
      </c>
      <c r="MA26" s="345">
        <v>304998</v>
      </c>
      <c r="MB26" s="345">
        <v>0</v>
      </c>
      <c r="MC26" s="345">
        <v>404154</v>
      </c>
      <c r="MD26" s="349">
        <v>709152</v>
      </c>
      <c r="ME26" s="350">
        <v>709152</v>
      </c>
      <c r="MF26" s="348">
        <v>0</v>
      </c>
      <c r="MG26" s="345">
        <v>0</v>
      </c>
      <c r="MH26" s="349">
        <v>0</v>
      </c>
      <c r="MI26" s="413">
        <v>0</v>
      </c>
      <c r="MJ26" s="345">
        <v>6951332</v>
      </c>
      <c r="MK26" s="345">
        <v>12968963</v>
      </c>
      <c r="ML26" s="345">
        <v>61544222</v>
      </c>
      <c r="MM26" s="345">
        <v>81640523</v>
      </c>
      <c r="MN26" s="345">
        <v>59646404</v>
      </c>
      <c r="MO26" s="349">
        <v>222751444</v>
      </c>
      <c r="MP26" s="354">
        <v>222751444</v>
      </c>
      <c r="MQ26" s="348">
        <v>0</v>
      </c>
      <c r="MR26" s="345">
        <v>0</v>
      </c>
      <c r="MS26" s="349">
        <v>0</v>
      </c>
      <c r="MT26" s="413">
        <v>0</v>
      </c>
      <c r="MU26" s="345">
        <v>646526</v>
      </c>
      <c r="MV26" s="345">
        <v>3153209</v>
      </c>
      <c r="MW26" s="345">
        <v>47476317</v>
      </c>
      <c r="MX26" s="345">
        <v>59626125</v>
      </c>
      <c r="MY26" s="345">
        <v>42384507</v>
      </c>
      <c r="MZ26" s="349">
        <v>153286684</v>
      </c>
      <c r="NA26" s="354">
        <v>153286684</v>
      </c>
      <c r="NB26" s="348">
        <v>0</v>
      </c>
      <c r="NC26" s="345">
        <v>0</v>
      </c>
      <c r="ND26" s="349">
        <v>0</v>
      </c>
      <c r="NE26" s="413">
        <v>0</v>
      </c>
      <c r="NF26" s="345">
        <v>5667625</v>
      </c>
      <c r="NG26" s="345">
        <v>8560910</v>
      </c>
      <c r="NH26" s="345">
        <v>14055202</v>
      </c>
      <c r="NI26" s="345">
        <v>16546444</v>
      </c>
      <c r="NJ26" s="345">
        <v>10147622</v>
      </c>
      <c r="NK26" s="349">
        <v>54977803</v>
      </c>
      <c r="NL26" s="347">
        <v>54977803</v>
      </c>
      <c r="NM26" s="348">
        <v>0</v>
      </c>
      <c r="NN26" s="345">
        <v>0</v>
      </c>
      <c r="NO26" s="349">
        <v>0</v>
      </c>
      <c r="NP26" s="413">
        <v>0</v>
      </c>
      <c r="NQ26" s="345">
        <v>0</v>
      </c>
      <c r="NR26" s="345">
        <v>0</v>
      </c>
      <c r="NS26" s="345">
        <v>0</v>
      </c>
      <c r="NT26" s="345">
        <v>0</v>
      </c>
      <c r="NU26" s="345">
        <v>0</v>
      </c>
      <c r="NV26" s="349">
        <v>0</v>
      </c>
      <c r="NW26" s="350">
        <v>0</v>
      </c>
      <c r="NX26" s="348">
        <v>0</v>
      </c>
      <c r="NY26" s="345">
        <v>0</v>
      </c>
      <c r="NZ26" s="349">
        <v>0</v>
      </c>
      <c r="OA26" s="413">
        <v>0</v>
      </c>
      <c r="OB26" s="345">
        <v>637181</v>
      </c>
      <c r="OC26" s="345">
        <v>1254844</v>
      </c>
      <c r="OD26" s="345">
        <v>12703</v>
      </c>
      <c r="OE26" s="345">
        <v>5467954</v>
      </c>
      <c r="OF26" s="345">
        <v>7114275</v>
      </c>
      <c r="OG26" s="349">
        <v>14486957</v>
      </c>
      <c r="OH26" s="350">
        <v>14486957</v>
      </c>
      <c r="OI26" s="348">
        <v>7909560</v>
      </c>
      <c r="OJ26" s="345">
        <v>12821698</v>
      </c>
      <c r="OK26" s="346">
        <v>20731258</v>
      </c>
      <c r="OL26" s="351">
        <v>0</v>
      </c>
      <c r="OM26" s="345">
        <v>103386249</v>
      </c>
      <c r="ON26" s="345">
        <v>147843652</v>
      </c>
      <c r="OO26" s="345">
        <v>186088318</v>
      </c>
      <c r="OP26" s="345">
        <v>168290053</v>
      </c>
      <c r="OQ26" s="345">
        <v>131962211</v>
      </c>
      <c r="OR26" s="349">
        <v>737570483</v>
      </c>
      <c r="OS26" s="354">
        <v>758301741</v>
      </c>
    </row>
    <row r="27" spans="2:409" s="70" customFormat="1" ht="21" customHeight="1" x14ac:dyDescent="0.2">
      <c r="B27" s="410" t="s">
        <v>22</v>
      </c>
      <c r="C27" s="326">
        <v>1320989</v>
      </c>
      <c r="D27" s="327">
        <v>3522119</v>
      </c>
      <c r="E27" s="328">
        <v>4843108</v>
      </c>
      <c r="F27" s="329">
        <v>0</v>
      </c>
      <c r="G27" s="327">
        <v>26489964</v>
      </c>
      <c r="H27" s="327">
        <v>34697644</v>
      </c>
      <c r="I27" s="327">
        <v>26948003</v>
      </c>
      <c r="J27" s="327">
        <v>25250187</v>
      </c>
      <c r="K27" s="327">
        <v>17810400</v>
      </c>
      <c r="L27" s="367">
        <v>131196198</v>
      </c>
      <c r="M27" s="330">
        <v>136039306</v>
      </c>
      <c r="N27" s="326">
        <v>256178</v>
      </c>
      <c r="O27" s="327">
        <v>456527</v>
      </c>
      <c r="P27" s="328">
        <v>712705</v>
      </c>
      <c r="Q27" s="326">
        <v>0</v>
      </c>
      <c r="R27" s="327">
        <v>5378649</v>
      </c>
      <c r="S27" s="327">
        <v>9017822</v>
      </c>
      <c r="T27" s="327">
        <v>6408960</v>
      </c>
      <c r="U27" s="327">
        <v>9537756</v>
      </c>
      <c r="V27" s="327">
        <v>9499993</v>
      </c>
      <c r="W27" s="328">
        <v>39843180</v>
      </c>
      <c r="X27" s="330">
        <v>40555885</v>
      </c>
      <c r="Y27" s="326">
        <v>0</v>
      </c>
      <c r="Z27" s="327">
        <v>0</v>
      </c>
      <c r="AA27" s="328">
        <v>0</v>
      </c>
      <c r="AB27" s="326">
        <v>0</v>
      </c>
      <c r="AC27" s="327">
        <v>2144995</v>
      </c>
      <c r="AD27" s="327">
        <v>4491877</v>
      </c>
      <c r="AE27" s="327">
        <v>3736708</v>
      </c>
      <c r="AF27" s="327">
        <v>5917410</v>
      </c>
      <c r="AG27" s="327">
        <v>6029974</v>
      </c>
      <c r="AH27" s="328">
        <v>22320964</v>
      </c>
      <c r="AI27" s="330">
        <v>22320964</v>
      </c>
      <c r="AJ27" s="326">
        <v>0</v>
      </c>
      <c r="AK27" s="327">
        <v>0</v>
      </c>
      <c r="AL27" s="328">
        <v>0</v>
      </c>
      <c r="AM27" s="326">
        <v>0</v>
      </c>
      <c r="AN27" s="327">
        <v>152721</v>
      </c>
      <c r="AO27" s="327">
        <v>40192</v>
      </c>
      <c r="AP27" s="327">
        <v>179936</v>
      </c>
      <c r="AQ27" s="327">
        <v>468758</v>
      </c>
      <c r="AR27" s="327">
        <v>1213297</v>
      </c>
      <c r="AS27" s="328">
        <v>2054904</v>
      </c>
      <c r="AT27" s="330">
        <v>2054904</v>
      </c>
      <c r="AU27" s="326">
        <v>157127</v>
      </c>
      <c r="AV27" s="327">
        <v>301615</v>
      </c>
      <c r="AW27" s="328">
        <v>458742</v>
      </c>
      <c r="AX27" s="326">
        <v>0</v>
      </c>
      <c r="AY27" s="327">
        <v>1826545</v>
      </c>
      <c r="AZ27" s="327">
        <v>2744571</v>
      </c>
      <c r="BA27" s="327">
        <v>1311555</v>
      </c>
      <c r="BB27" s="327">
        <v>1845172</v>
      </c>
      <c r="BC27" s="327">
        <v>1609733</v>
      </c>
      <c r="BD27" s="328">
        <v>9337576</v>
      </c>
      <c r="BE27" s="330">
        <v>9796318</v>
      </c>
      <c r="BF27" s="326">
        <v>0</v>
      </c>
      <c r="BG27" s="327">
        <v>25042</v>
      </c>
      <c r="BH27" s="331">
        <v>25042</v>
      </c>
      <c r="BI27" s="332">
        <v>0</v>
      </c>
      <c r="BJ27" s="327">
        <v>425759</v>
      </c>
      <c r="BK27" s="327">
        <v>398473</v>
      </c>
      <c r="BL27" s="327">
        <v>70375</v>
      </c>
      <c r="BM27" s="327">
        <v>189102</v>
      </c>
      <c r="BN27" s="327">
        <v>5962</v>
      </c>
      <c r="BO27" s="328">
        <v>1089671</v>
      </c>
      <c r="BP27" s="330">
        <v>1114713</v>
      </c>
      <c r="BQ27" s="326">
        <v>99051</v>
      </c>
      <c r="BR27" s="327">
        <v>129870</v>
      </c>
      <c r="BS27" s="328">
        <v>228921</v>
      </c>
      <c r="BT27" s="326">
        <v>0</v>
      </c>
      <c r="BU27" s="327">
        <v>828629</v>
      </c>
      <c r="BV27" s="327">
        <v>1342709</v>
      </c>
      <c r="BW27" s="327">
        <v>1110386</v>
      </c>
      <c r="BX27" s="327">
        <v>1117314</v>
      </c>
      <c r="BY27" s="327">
        <v>641027</v>
      </c>
      <c r="BZ27" s="328">
        <v>5040065</v>
      </c>
      <c r="CA27" s="330">
        <v>5268986</v>
      </c>
      <c r="CB27" s="326">
        <v>83264</v>
      </c>
      <c r="CC27" s="327">
        <v>368665</v>
      </c>
      <c r="CD27" s="328">
        <v>451929</v>
      </c>
      <c r="CE27" s="326">
        <v>0</v>
      </c>
      <c r="CF27" s="327">
        <v>7622291</v>
      </c>
      <c r="CG27" s="327">
        <v>10800075</v>
      </c>
      <c r="CH27" s="327">
        <v>7712431</v>
      </c>
      <c r="CI27" s="327">
        <v>4186053</v>
      </c>
      <c r="CJ27" s="327">
        <v>2304209</v>
      </c>
      <c r="CK27" s="328">
        <v>32625059</v>
      </c>
      <c r="CL27" s="330">
        <v>33076988</v>
      </c>
      <c r="CM27" s="326">
        <v>0</v>
      </c>
      <c r="CN27" s="327">
        <v>0</v>
      </c>
      <c r="CO27" s="328">
        <v>0</v>
      </c>
      <c r="CP27" s="332">
        <v>0</v>
      </c>
      <c r="CQ27" s="327">
        <v>6161260</v>
      </c>
      <c r="CR27" s="327">
        <v>8681310</v>
      </c>
      <c r="CS27" s="327">
        <v>6960916</v>
      </c>
      <c r="CT27" s="327">
        <v>2977986</v>
      </c>
      <c r="CU27" s="327">
        <v>1732006</v>
      </c>
      <c r="CV27" s="328">
        <v>26513478</v>
      </c>
      <c r="CW27" s="330">
        <v>26513478</v>
      </c>
      <c r="CX27" s="326">
        <v>83264</v>
      </c>
      <c r="CY27" s="327">
        <v>368665</v>
      </c>
      <c r="CZ27" s="328">
        <v>451929</v>
      </c>
      <c r="DA27" s="326">
        <v>0</v>
      </c>
      <c r="DB27" s="327">
        <v>1461031</v>
      </c>
      <c r="DC27" s="327">
        <v>2118765</v>
      </c>
      <c r="DD27" s="327">
        <v>751515</v>
      </c>
      <c r="DE27" s="327">
        <v>1208067</v>
      </c>
      <c r="DF27" s="327">
        <v>572203</v>
      </c>
      <c r="DG27" s="328">
        <v>6111581</v>
      </c>
      <c r="DH27" s="330">
        <v>6563510</v>
      </c>
      <c r="DI27" s="326">
        <v>0</v>
      </c>
      <c r="DJ27" s="327">
        <v>0</v>
      </c>
      <c r="DK27" s="331">
        <v>0</v>
      </c>
      <c r="DL27" s="332">
        <v>0</v>
      </c>
      <c r="DM27" s="327">
        <v>370746</v>
      </c>
      <c r="DN27" s="327">
        <v>996963</v>
      </c>
      <c r="DO27" s="327">
        <v>2878004</v>
      </c>
      <c r="DP27" s="327">
        <v>1778621</v>
      </c>
      <c r="DQ27" s="327">
        <v>343906</v>
      </c>
      <c r="DR27" s="328">
        <v>6368240</v>
      </c>
      <c r="DS27" s="330">
        <v>6368240</v>
      </c>
      <c r="DT27" s="326">
        <v>0</v>
      </c>
      <c r="DU27" s="327">
        <v>0</v>
      </c>
      <c r="DV27" s="328">
        <v>0</v>
      </c>
      <c r="DW27" s="326">
        <v>0</v>
      </c>
      <c r="DX27" s="327">
        <v>312738</v>
      </c>
      <c r="DY27" s="327">
        <v>996963</v>
      </c>
      <c r="DZ27" s="327">
        <v>2829071</v>
      </c>
      <c r="EA27" s="327">
        <v>1605949</v>
      </c>
      <c r="EB27" s="327">
        <v>309107</v>
      </c>
      <c r="EC27" s="328">
        <v>6053828</v>
      </c>
      <c r="ED27" s="330">
        <v>6053828</v>
      </c>
      <c r="EE27" s="326">
        <v>0</v>
      </c>
      <c r="EF27" s="331">
        <v>0</v>
      </c>
      <c r="EG27" s="328">
        <v>0</v>
      </c>
      <c r="EH27" s="326">
        <v>0</v>
      </c>
      <c r="EI27" s="327">
        <v>58008</v>
      </c>
      <c r="EJ27" s="327">
        <v>0</v>
      </c>
      <c r="EK27" s="327">
        <v>48933</v>
      </c>
      <c r="EL27" s="327">
        <v>172672</v>
      </c>
      <c r="EM27" s="327">
        <v>34799</v>
      </c>
      <c r="EN27" s="331">
        <v>314412</v>
      </c>
      <c r="EO27" s="330">
        <v>314412</v>
      </c>
      <c r="EP27" s="326">
        <v>0</v>
      </c>
      <c r="EQ27" s="327">
        <v>0</v>
      </c>
      <c r="ER27" s="331">
        <v>0</v>
      </c>
      <c r="ES27" s="332">
        <v>0</v>
      </c>
      <c r="ET27" s="327">
        <v>0</v>
      </c>
      <c r="EU27" s="327">
        <v>0</v>
      </c>
      <c r="EV27" s="327">
        <v>0</v>
      </c>
      <c r="EW27" s="327">
        <v>0</v>
      </c>
      <c r="EX27" s="327">
        <v>0</v>
      </c>
      <c r="EY27" s="328">
        <v>0</v>
      </c>
      <c r="EZ27" s="330">
        <v>0</v>
      </c>
      <c r="FA27" s="326">
        <v>0</v>
      </c>
      <c r="FB27" s="327">
        <v>0</v>
      </c>
      <c r="FC27" s="331">
        <v>0</v>
      </c>
      <c r="FD27" s="332">
        <v>0</v>
      </c>
      <c r="FE27" s="327">
        <v>0</v>
      </c>
      <c r="FF27" s="327">
        <v>0</v>
      </c>
      <c r="FG27" s="327">
        <v>0</v>
      </c>
      <c r="FH27" s="327">
        <v>0</v>
      </c>
      <c r="FI27" s="327">
        <v>0</v>
      </c>
      <c r="FJ27" s="328">
        <v>0</v>
      </c>
      <c r="FK27" s="330">
        <v>0</v>
      </c>
      <c r="FL27" s="326">
        <v>314936</v>
      </c>
      <c r="FM27" s="327">
        <v>1171612</v>
      </c>
      <c r="FN27" s="328">
        <v>1486548</v>
      </c>
      <c r="FO27" s="326">
        <v>0</v>
      </c>
      <c r="FP27" s="327">
        <v>2337300</v>
      </c>
      <c r="FQ27" s="327">
        <v>3778369</v>
      </c>
      <c r="FR27" s="327">
        <v>2112189</v>
      </c>
      <c r="FS27" s="327">
        <v>2410832</v>
      </c>
      <c r="FT27" s="327">
        <v>1683681</v>
      </c>
      <c r="FU27" s="328">
        <v>12322371</v>
      </c>
      <c r="FV27" s="330">
        <v>13808919</v>
      </c>
      <c r="FW27" s="333">
        <v>314936</v>
      </c>
      <c r="FX27" s="327">
        <v>1103047</v>
      </c>
      <c r="FY27" s="331">
        <v>1417983</v>
      </c>
      <c r="FZ27" s="332">
        <v>0</v>
      </c>
      <c r="GA27" s="327">
        <v>1977781</v>
      </c>
      <c r="GB27" s="327">
        <v>3500534</v>
      </c>
      <c r="GC27" s="327">
        <v>2112189</v>
      </c>
      <c r="GD27" s="327">
        <v>2145503</v>
      </c>
      <c r="GE27" s="327">
        <v>1536081</v>
      </c>
      <c r="GF27" s="328">
        <v>11272088</v>
      </c>
      <c r="GG27" s="334">
        <v>12690071</v>
      </c>
      <c r="GH27" s="333">
        <v>0</v>
      </c>
      <c r="GI27" s="327">
        <v>27165</v>
      </c>
      <c r="GJ27" s="331">
        <v>27165</v>
      </c>
      <c r="GK27" s="332">
        <v>0</v>
      </c>
      <c r="GL27" s="327">
        <v>229035</v>
      </c>
      <c r="GM27" s="327">
        <v>168935</v>
      </c>
      <c r="GN27" s="327">
        <v>0</v>
      </c>
      <c r="GO27" s="327">
        <v>253449</v>
      </c>
      <c r="GP27" s="327">
        <v>49500</v>
      </c>
      <c r="GQ27" s="328">
        <v>700919</v>
      </c>
      <c r="GR27" s="330">
        <v>728084</v>
      </c>
      <c r="GS27" s="326">
        <v>0</v>
      </c>
      <c r="GT27" s="327">
        <v>41400</v>
      </c>
      <c r="GU27" s="328">
        <v>41400</v>
      </c>
      <c r="GV27" s="326">
        <v>0</v>
      </c>
      <c r="GW27" s="327">
        <v>130484</v>
      </c>
      <c r="GX27" s="327">
        <v>108900</v>
      </c>
      <c r="GY27" s="327">
        <v>0</v>
      </c>
      <c r="GZ27" s="327">
        <v>11880</v>
      </c>
      <c r="HA27" s="327">
        <v>98100</v>
      </c>
      <c r="HB27" s="331">
        <v>349364</v>
      </c>
      <c r="HC27" s="330">
        <v>390764</v>
      </c>
      <c r="HD27" s="326">
        <v>356732</v>
      </c>
      <c r="HE27" s="327">
        <v>720131</v>
      </c>
      <c r="HF27" s="331">
        <v>1076863</v>
      </c>
      <c r="HG27" s="332">
        <v>0</v>
      </c>
      <c r="HH27" s="327">
        <v>5715242</v>
      </c>
      <c r="HI27" s="327">
        <v>5265459</v>
      </c>
      <c r="HJ27" s="327">
        <v>4784347</v>
      </c>
      <c r="HK27" s="327">
        <v>5259142</v>
      </c>
      <c r="HL27" s="327">
        <v>2837961</v>
      </c>
      <c r="HM27" s="328">
        <v>23862151</v>
      </c>
      <c r="HN27" s="329">
        <v>24939014</v>
      </c>
      <c r="HO27" s="333">
        <v>309879</v>
      </c>
      <c r="HP27" s="327">
        <v>805184</v>
      </c>
      <c r="HQ27" s="328">
        <v>1115063</v>
      </c>
      <c r="HR27" s="326">
        <v>0</v>
      </c>
      <c r="HS27" s="327">
        <v>5065736</v>
      </c>
      <c r="HT27" s="327">
        <v>4838956</v>
      </c>
      <c r="HU27" s="327">
        <v>3052072</v>
      </c>
      <c r="HV27" s="327">
        <v>2077783</v>
      </c>
      <c r="HW27" s="327">
        <v>1140650</v>
      </c>
      <c r="HX27" s="331">
        <v>16175197</v>
      </c>
      <c r="HY27" s="330">
        <v>17290260</v>
      </c>
      <c r="HZ27" s="335">
        <v>240125</v>
      </c>
      <c r="IA27" s="336">
        <v>259906</v>
      </c>
      <c r="IB27" s="337">
        <v>500031</v>
      </c>
      <c r="IC27" s="338">
        <v>0</v>
      </c>
      <c r="ID27" s="336">
        <v>11132229</v>
      </c>
      <c r="IE27" s="339">
        <v>17544705</v>
      </c>
      <c r="IF27" s="337">
        <v>16606505</v>
      </c>
      <c r="IG27" s="336">
        <v>13821665</v>
      </c>
      <c r="IH27" s="337">
        <v>7157114</v>
      </c>
      <c r="II27" s="340">
        <v>66262218</v>
      </c>
      <c r="IJ27" s="341">
        <v>66762249</v>
      </c>
      <c r="IK27" s="342">
        <v>0</v>
      </c>
      <c r="IL27" s="343">
        <v>0</v>
      </c>
      <c r="IM27" s="344">
        <v>0</v>
      </c>
      <c r="IN27" s="404">
        <v>0</v>
      </c>
      <c r="IO27" s="345">
        <v>0</v>
      </c>
      <c r="IP27" s="345">
        <v>574226</v>
      </c>
      <c r="IQ27" s="345">
        <v>810571</v>
      </c>
      <c r="IR27" s="345">
        <v>1111509</v>
      </c>
      <c r="IS27" s="345">
        <v>0</v>
      </c>
      <c r="IT27" s="346">
        <v>2496306</v>
      </c>
      <c r="IU27" s="347">
        <v>2496306</v>
      </c>
      <c r="IV27" s="348">
        <v>0</v>
      </c>
      <c r="IW27" s="345">
        <v>0</v>
      </c>
      <c r="IX27" s="349">
        <v>0</v>
      </c>
      <c r="IY27" s="413">
        <v>0</v>
      </c>
      <c r="IZ27" s="345">
        <v>0</v>
      </c>
      <c r="JA27" s="345">
        <v>0</v>
      </c>
      <c r="JB27" s="345">
        <v>0</v>
      </c>
      <c r="JC27" s="345">
        <v>0</v>
      </c>
      <c r="JD27" s="345">
        <v>0</v>
      </c>
      <c r="JE27" s="349">
        <v>0</v>
      </c>
      <c r="JF27" s="350">
        <v>0</v>
      </c>
      <c r="JG27" s="348">
        <v>0</v>
      </c>
      <c r="JH27" s="345">
        <v>0</v>
      </c>
      <c r="JI27" s="346">
        <v>0</v>
      </c>
      <c r="JJ27" s="351">
        <v>0</v>
      </c>
      <c r="JK27" s="345">
        <v>5801597</v>
      </c>
      <c r="JL27" s="345">
        <v>6737552</v>
      </c>
      <c r="JM27" s="345">
        <v>4486112</v>
      </c>
      <c r="JN27" s="345">
        <v>2235464</v>
      </c>
      <c r="JO27" s="345">
        <v>1022962</v>
      </c>
      <c r="JP27" s="349">
        <v>20283687</v>
      </c>
      <c r="JQ27" s="347">
        <v>20283687</v>
      </c>
      <c r="JR27" s="348">
        <v>0</v>
      </c>
      <c r="JS27" s="345">
        <v>0</v>
      </c>
      <c r="JT27" s="346">
        <v>0</v>
      </c>
      <c r="JU27" s="351">
        <v>0</v>
      </c>
      <c r="JV27" s="345">
        <v>108952</v>
      </c>
      <c r="JW27" s="345">
        <v>472199</v>
      </c>
      <c r="JX27" s="345">
        <v>735655</v>
      </c>
      <c r="JY27" s="345">
        <v>771027</v>
      </c>
      <c r="JZ27" s="345">
        <v>40186</v>
      </c>
      <c r="KA27" s="349">
        <v>2128019</v>
      </c>
      <c r="KB27" s="347">
        <v>2128019</v>
      </c>
      <c r="KC27" s="352">
        <v>240125</v>
      </c>
      <c r="KD27" s="353">
        <v>259906</v>
      </c>
      <c r="KE27" s="349">
        <v>500031</v>
      </c>
      <c r="KF27" s="351">
        <v>0</v>
      </c>
      <c r="KG27" s="345">
        <v>2603105</v>
      </c>
      <c r="KH27" s="345">
        <v>4254287</v>
      </c>
      <c r="KI27" s="345">
        <v>3507071</v>
      </c>
      <c r="KJ27" s="345">
        <v>2731832</v>
      </c>
      <c r="KK27" s="345">
        <v>2089814</v>
      </c>
      <c r="KL27" s="349">
        <v>15186109</v>
      </c>
      <c r="KM27" s="354">
        <v>15686140</v>
      </c>
      <c r="KN27" s="342">
        <v>0</v>
      </c>
      <c r="KO27" s="343">
        <v>0</v>
      </c>
      <c r="KP27" s="344">
        <v>0</v>
      </c>
      <c r="KQ27" s="413">
        <v>0</v>
      </c>
      <c r="KR27" s="345">
        <v>2618575</v>
      </c>
      <c r="KS27" s="345">
        <v>4998643</v>
      </c>
      <c r="KT27" s="345">
        <v>5009884</v>
      </c>
      <c r="KU27" s="345">
        <v>3375814</v>
      </c>
      <c r="KV27" s="345">
        <v>908627</v>
      </c>
      <c r="KW27" s="349">
        <v>16911543</v>
      </c>
      <c r="KX27" s="347">
        <v>16911543</v>
      </c>
      <c r="KY27" s="348">
        <v>0</v>
      </c>
      <c r="KZ27" s="345">
        <v>0</v>
      </c>
      <c r="LA27" s="349">
        <v>0</v>
      </c>
      <c r="LB27" s="413">
        <v>0</v>
      </c>
      <c r="LC27" s="345">
        <v>0</v>
      </c>
      <c r="LD27" s="345">
        <v>0</v>
      </c>
      <c r="LE27" s="345">
        <v>0</v>
      </c>
      <c r="LF27" s="345">
        <v>0</v>
      </c>
      <c r="LG27" s="345">
        <v>0</v>
      </c>
      <c r="LH27" s="349">
        <v>0</v>
      </c>
      <c r="LI27" s="350">
        <v>0</v>
      </c>
      <c r="LJ27" s="348">
        <v>0</v>
      </c>
      <c r="LK27" s="345">
        <v>0</v>
      </c>
      <c r="LL27" s="349">
        <v>0</v>
      </c>
      <c r="LM27" s="413">
        <v>0</v>
      </c>
      <c r="LN27" s="345">
        <v>0</v>
      </c>
      <c r="LO27" s="345">
        <v>507798</v>
      </c>
      <c r="LP27" s="345">
        <v>2057212</v>
      </c>
      <c r="LQ27" s="345">
        <v>3596019</v>
      </c>
      <c r="LR27" s="345">
        <v>3095525</v>
      </c>
      <c r="LS27" s="349">
        <v>9256554</v>
      </c>
      <c r="LT27" s="347">
        <v>9256554</v>
      </c>
      <c r="LU27" s="348">
        <v>0</v>
      </c>
      <c r="LV27" s="345">
        <v>0</v>
      </c>
      <c r="LW27" s="349">
        <v>0</v>
      </c>
      <c r="LX27" s="413">
        <v>0</v>
      </c>
      <c r="LY27" s="345">
        <v>0</v>
      </c>
      <c r="LZ27" s="345">
        <v>0</v>
      </c>
      <c r="MA27" s="345">
        <v>0</v>
      </c>
      <c r="MB27" s="345">
        <v>0</v>
      </c>
      <c r="MC27" s="345">
        <v>0</v>
      </c>
      <c r="MD27" s="349">
        <v>0</v>
      </c>
      <c r="ME27" s="350">
        <v>0</v>
      </c>
      <c r="MF27" s="348">
        <v>0</v>
      </c>
      <c r="MG27" s="345">
        <v>0</v>
      </c>
      <c r="MH27" s="349">
        <v>0</v>
      </c>
      <c r="MI27" s="413">
        <v>0</v>
      </c>
      <c r="MJ27" s="345">
        <v>3143121</v>
      </c>
      <c r="MK27" s="345">
        <v>7300879</v>
      </c>
      <c r="ML27" s="345">
        <v>18189319</v>
      </c>
      <c r="MM27" s="345">
        <v>37724382</v>
      </c>
      <c r="MN27" s="345">
        <v>17884152</v>
      </c>
      <c r="MO27" s="349">
        <v>84241853</v>
      </c>
      <c r="MP27" s="354">
        <v>84241853</v>
      </c>
      <c r="MQ27" s="348">
        <v>0</v>
      </c>
      <c r="MR27" s="345">
        <v>0</v>
      </c>
      <c r="MS27" s="349">
        <v>0</v>
      </c>
      <c r="MT27" s="413">
        <v>0</v>
      </c>
      <c r="MU27" s="345">
        <v>435308</v>
      </c>
      <c r="MV27" s="345">
        <v>1351730</v>
      </c>
      <c r="MW27" s="345">
        <v>9995652</v>
      </c>
      <c r="MX27" s="345">
        <v>19553404</v>
      </c>
      <c r="MY27" s="345">
        <v>9324010</v>
      </c>
      <c r="MZ27" s="349">
        <v>40660104</v>
      </c>
      <c r="NA27" s="354">
        <v>40660104</v>
      </c>
      <c r="NB27" s="348">
        <v>0</v>
      </c>
      <c r="NC27" s="345">
        <v>0</v>
      </c>
      <c r="ND27" s="349">
        <v>0</v>
      </c>
      <c r="NE27" s="413">
        <v>0</v>
      </c>
      <c r="NF27" s="345">
        <v>2707813</v>
      </c>
      <c r="NG27" s="345">
        <v>5949149</v>
      </c>
      <c r="NH27" s="345">
        <v>7363808</v>
      </c>
      <c r="NI27" s="345">
        <v>16323073</v>
      </c>
      <c r="NJ27" s="345">
        <v>6035960</v>
      </c>
      <c r="NK27" s="349">
        <v>38379803</v>
      </c>
      <c r="NL27" s="347">
        <v>38379803</v>
      </c>
      <c r="NM27" s="348">
        <v>0</v>
      </c>
      <c r="NN27" s="345">
        <v>0</v>
      </c>
      <c r="NO27" s="349">
        <v>0</v>
      </c>
      <c r="NP27" s="413">
        <v>0</v>
      </c>
      <c r="NQ27" s="345">
        <v>0</v>
      </c>
      <c r="NR27" s="345">
        <v>0</v>
      </c>
      <c r="NS27" s="345">
        <v>0</v>
      </c>
      <c r="NT27" s="345">
        <v>0</v>
      </c>
      <c r="NU27" s="345">
        <v>0</v>
      </c>
      <c r="NV27" s="349">
        <v>0</v>
      </c>
      <c r="NW27" s="350">
        <v>0</v>
      </c>
      <c r="NX27" s="348">
        <v>0</v>
      </c>
      <c r="NY27" s="345">
        <v>0</v>
      </c>
      <c r="NZ27" s="349">
        <v>0</v>
      </c>
      <c r="OA27" s="413">
        <v>0</v>
      </c>
      <c r="OB27" s="345">
        <v>0</v>
      </c>
      <c r="OC27" s="345">
        <v>0</v>
      </c>
      <c r="OD27" s="345">
        <v>829859</v>
      </c>
      <c r="OE27" s="345">
        <v>1847905</v>
      </c>
      <c r="OF27" s="345">
        <v>2524182</v>
      </c>
      <c r="OG27" s="349">
        <v>5201946</v>
      </c>
      <c r="OH27" s="350">
        <v>5201946</v>
      </c>
      <c r="OI27" s="348">
        <v>1561114</v>
      </c>
      <c r="OJ27" s="345">
        <v>3782025</v>
      </c>
      <c r="OK27" s="346">
        <v>5343139</v>
      </c>
      <c r="OL27" s="351">
        <v>0</v>
      </c>
      <c r="OM27" s="345">
        <v>40765314</v>
      </c>
      <c r="ON27" s="345">
        <v>59543228</v>
      </c>
      <c r="OO27" s="345">
        <v>61743827</v>
      </c>
      <c r="OP27" s="345">
        <v>76796234</v>
      </c>
      <c r="OQ27" s="345">
        <v>42851666</v>
      </c>
      <c r="OR27" s="349">
        <v>281700269</v>
      </c>
      <c r="OS27" s="354">
        <v>287043408</v>
      </c>
    </row>
    <row r="28" spans="2:409" s="70" customFormat="1" ht="21" customHeight="1" x14ac:dyDescent="0.2">
      <c r="B28" s="410" t="s">
        <v>23</v>
      </c>
      <c r="C28" s="326">
        <v>3900833</v>
      </c>
      <c r="D28" s="327">
        <v>8160696</v>
      </c>
      <c r="E28" s="328">
        <v>12061529</v>
      </c>
      <c r="F28" s="329">
        <v>0</v>
      </c>
      <c r="G28" s="327">
        <v>52576855</v>
      </c>
      <c r="H28" s="327">
        <v>67759869</v>
      </c>
      <c r="I28" s="327">
        <v>51044989</v>
      </c>
      <c r="J28" s="327">
        <v>57238996</v>
      </c>
      <c r="K28" s="327">
        <v>35691642</v>
      </c>
      <c r="L28" s="367">
        <v>264312351</v>
      </c>
      <c r="M28" s="330">
        <v>276373880</v>
      </c>
      <c r="N28" s="326">
        <v>1229057</v>
      </c>
      <c r="O28" s="327">
        <v>3088335</v>
      </c>
      <c r="P28" s="328">
        <v>4317392</v>
      </c>
      <c r="Q28" s="326">
        <v>0</v>
      </c>
      <c r="R28" s="327">
        <v>12979035</v>
      </c>
      <c r="S28" s="327">
        <v>20291524</v>
      </c>
      <c r="T28" s="327">
        <v>13798562</v>
      </c>
      <c r="U28" s="327">
        <v>20291407</v>
      </c>
      <c r="V28" s="327">
        <v>16879005</v>
      </c>
      <c r="W28" s="328">
        <v>84239533</v>
      </c>
      <c r="X28" s="330">
        <v>88556925</v>
      </c>
      <c r="Y28" s="326">
        <v>0</v>
      </c>
      <c r="Z28" s="327">
        <v>0</v>
      </c>
      <c r="AA28" s="328">
        <v>0</v>
      </c>
      <c r="AB28" s="326">
        <v>0</v>
      </c>
      <c r="AC28" s="327">
        <v>5544123</v>
      </c>
      <c r="AD28" s="327">
        <v>8788203</v>
      </c>
      <c r="AE28" s="327">
        <v>6796599</v>
      </c>
      <c r="AF28" s="327">
        <v>11480811</v>
      </c>
      <c r="AG28" s="327">
        <v>9732083</v>
      </c>
      <c r="AH28" s="328">
        <v>42341819</v>
      </c>
      <c r="AI28" s="330">
        <v>42341819</v>
      </c>
      <c r="AJ28" s="326">
        <v>0</v>
      </c>
      <c r="AK28" s="327">
        <v>0</v>
      </c>
      <c r="AL28" s="328">
        <v>0</v>
      </c>
      <c r="AM28" s="326">
        <v>0</v>
      </c>
      <c r="AN28" s="327">
        <v>0</v>
      </c>
      <c r="AO28" s="327">
        <v>375019</v>
      </c>
      <c r="AP28" s="327">
        <v>307422</v>
      </c>
      <c r="AQ28" s="327">
        <v>1086674</v>
      </c>
      <c r="AR28" s="327">
        <v>1803087</v>
      </c>
      <c r="AS28" s="328">
        <v>3572202</v>
      </c>
      <c r="AT28" s="330">
        <v>3572202</v>
      </c>
      <c r="AU28" s="326">
        <v>914128</v>
      </c>
      <c r="AV28" s="327">
        <v>2409148</v>
      </c>
      <c r="AW28" s="328">
        <v>3323276</v>
      </c>
      <c r="AX28" s="326">
        <v>0</v>
      </c>
      <c r="AY28" s="327">
        <v>4122356</v>
      </c>
      <c r="AZ28" s="327">
        <v>7742341</v>
      </c>
      <c r="BA28" s="327">
        <v>3955115</v>
      </c>
      <c r="BB28" s="327">
        <v>4169258</v>
      </c>
      <c r="BC28" s="327">
        <v>3112731</v>
      </c>
      <c r="BD28" s="328">
        <v>23101801</v>
      </c>
      <c r="BE28" s="330">
        <v>26425077</v>
      </c>
      <c r="BF28" s="326">
        <v>80921</v>
      </c>
      <c r="BG28" s="327">
        <v>488614</v>
      </c>
      <c r="BH28" s="331">
        <v>569535</v>
      </c>
      <c r="BI28" s="332">
        <v>0</v>
      </c>
      <c r="BJ28" s="327">
        <v>584924</v>
      </c>
      <c r="BK28" s="327">
        <v>633007</v>
      </c>
      <c r="BL28" s="327">
        <v>410434</v>
      </c>
      <c r="BM28" s="327">
        <v>348910</v>
      </c>
      <c r="BN28" s="327">
        <v>121157</v>
      </c>
      <c r="BO28" s="328">
        <v>2098432</v>
      </c>
      <c r="BP28" s="330">
        <v>2667967</v>
      </c>
      <c r="BQ28" s="326">
        <v>234008</v>
      </c>
      <c r="BR28" s="327">
        <v>190573</v>
      </c>
      <c r="BS28" s="328">
        <v>424581</v>
      </c>
      <c r="BT28" s="326">
        <v>0</v>
      </c>
      <c r="BU28" s="327">
        <v>2727632</v>
      </c>
      <c r="BV28" s="327">
        <v>2752954</v>
      </c>
      <c r="BW28" s="327">
        <v>2328992</v>
      </c>
      <c r="BX28" s="327">
        <v>3205754</v>
      </c>
      <c r="BY28" s="327">
        <v>2109947</v>
      </c>
      <c r="BZ28" s="328">
        <v>13125279</v>
      </c>
      <c r="CA28" s="330">
        <v>13549860</v>
      </c>
      <c r="CB28" s="326">
        <v>85691</v>
      </c>
      <c r="CC28" s="327">
        <v>472918</v>
      </c>
      <c r="CD28" s="328">
        <v>558609</v>
      </c>
      <c r="CE28" s="326">
        <v>0</v>
      </c>
      <c r="CF28" s="327">
        <v>16382795</v>
      </c>
      <c r="CG28" s="327">
        <v>20787883</v>
      </c>
      <c r="CH28" s="327">
        <v>13918557</v>
      </c>
      <c r="CI28" s="327">
        <v>9303320</v>
      </c>
      <c r="CJ28" s="327">
        <v>3693339</v>
      </c>
      <c r="CK28" s="328">
        <v>64085894</v>
      </c>
      <c r="CL28" s="330">
        <v>64644503</v>
      </c>
      <c r="CM28" s="326">
        <v>0</v>
      </c>
      <c r="CN28" s="327">
        <v>0</v>
      </c>
      <c r="CO28" s="328">
        <v>0</v>
      </c>
      <c r="CP28" s="332">
        <v>0</v>
      </c>
      <c r="CQ28" s="327">
        <v>14478059</v>
      </c>
      <c r="CR28" s="327">
        <v>17900896</v>
      </c>
      <c r="CS28" s="327">
        <v>11981372</v>
      </c>
      <c r="CT28" s="327">
        <v>7842558</v>
      </c>
      <c r="CU28" s="327">
        <v>3163953</v>
      </c>
      <c r="CV28" s="328">
        <v>55366838</v>
      </c>
      <c r="CW28" s="330">
        <v>55366838</v>
      </c>
      <c r="CX28" s="326">
        <v>85691</v>
      </c>
      <c r="CY28" s="327">
        <v>472918</v>
      </c>
      <c r="CZ28" s="328">
        <v>558609</v>
      </c>
      <c r="DA28" s="326">
        <v>0</v>
      </c>
      <c r="DB28" s="327">
        <v>1904736</v>
      </c>
      <c r="DC28" s="327">
        <v>2886987</v>
      </c>
      <c r="DD28" s="327">
        <v>1937185</v>
      </c>
      <c r="DE28" s="327">
        <v>1460762</v>
      </c>
      <c r="DF28" s="327">
        <v>529386</v>
      </c>
      <c r="DG28" s="328">
        <v>8719056</v>
      </c>
      <c r="DH28" s="330">
        <v>9277665</v>
      </c>
      <c r="DI28" s="326">
        <v>75483</v>
      </c>
      <c r="DJ28" s="327">
        <v>83088</v>
      </c>
      <c r="DK28" s="331">
        <v>158571</v>
      </c>
      <c r="DL28" s="332">
        <v>0</v>
      </c>
      <c r="DM28" s="327">
        <v>1847769</v>
      </c>
      <c r="DN28" s="327">
        <v>2422198</v>
      </c>
      <c r="DO28" s="327">
        <v>6104144</v>
      </c>
      <c r="DP28" s="327">
        <v>6279008</v>
      </c>
      <c r="DQ28" s="327">
        <v>1949453</v>
      </c>
      <c r="DR28" s="328">
        <v>18602572</v>
      </c>
      <c r="DS28" s="330">
        <v>18761143</v>
      </c>
      <c r="DT28" s="326">
        <v>75483</v>
      </c>
      <c r="DU28" s="327">
        <v>83088</v>
      </c>
      <c r="DV28" s="328">
        <v>158571</v>
      </c>
      <c r="DW28" s="326">
        <v>0</v>
      </c>
      <c r="DX28" s="327">
        <v>1753845</v>
      </c>
      <c r="DY28" s="327">
        <v>2298871</v>
      </c>
      <c r="DZ28" s="327">
        <v>6104144</v>
      </c>
      <c r="EA28" s="327">
        <v>6249641</v>
      </c>
      <c r="EB28" s="327">
        <v>1530019</v>
      </c>
      <c r="EC28" s="328">
        <v>17936520</v>
      </c>
      <c r="ED28" s="330">
        <v>18095091</v>
      </c>
      <c r="EE28" s="326">
        <v>0</v>
      </c>
      <c r="EF28" s="331">
        <v>0</v>
      </c>
      <c r="EG28" s="328">
        <v>0</v>
      </c>
      <c r="EH28" s="326">
        <v>0</v>
      </c>
      <c r="EI28" s="327">
        <v>93924</v>
      </c>
      <c r="EJ28" s="327">
        <v>123327</v>
      </c>
      <c r="EK28" s="327">
        <v>0</v>
      </c>
      <c r="EL28" s="327">
        <v>29367</v>
      </c>
      <c r="EM28" s="327">
        <v>419434</v>
      </c>
      <c r="EN28" s="331">
        <v>666052</v>
      </c>
      <c r="EO28" s="330">
        <v>666052</v>
      </c>
      <c r="EP28" s="326">
        <v>0</v>
      </c>
      <c r="EQ28" s="327">
        <v>0</v>
      </c>
      <c r="ER28" s="331">
        <v>0</v>
      </c>
      <c r="ES28" s="332">
        <v>0</v>
      </c>
      <c r="ET28" s="327">
        <v>0</v>
      </c>
      <c r="EU28" s="327">
        <v>0</v>
      </c>
      <c r="EV28" s="327">
        <v>0</v>
      </c>
      <c r="EW28" s="327">
        <v>0</v>
      </c>
      <c r="EX28" s="327">
        <v>0</v>
      </c>
      <c r="EY28" s="328">
        <v>0</v>
      </c>
      <c r="EZ28" s="330">
        <v>0</v>
      </c>
      <c r="FA28" s="326">
        <v>0</v>
      </c>
      <c r="FB28" s="327">
        <v>0</v>
      </c>
      <c r="FC28" s="331">
        <v>0</v>
      </c>
      <c r="FD28" s="332">
        <v>0</v>
      </c>
      <c r="FE28" s="327">
        <v>0</v>
      </c>
      <c r="FF28" s="327">
        <v>0</v>
      </c>
      <c r="FG28" s="327">
        <v>0</v>
      </c>
      <c r="FH28" s="327">
        <v>0</v>
      </c>
      <c r="FI28" s="327">
        <v>0</v>
      </c>
      <c r="FJ28" s="328">
        <v>0</v>
      </c>
      <c r="FK28" s="330">
        <v>0</v>
      </c>
      <c r="FL28" s="326">
        <v>1126327</v>
      </c>
      <c r="FM28" s="327">
        <v>2409893</v>
      </c>
      <c r="FN28" s="328">
        <v>3536220</v>
      </c>
      <c r="FO28" s="326">
        <v>0</v>
      </c>
      <c r="FP28" s="327">
        <v>2792612</v>
      </c>
      <c r="FQ28" s="327">
        <v>6766853</v>
      </c>
      <c r="FR28" s="327">
        <v>3714291</v>
      </c>
      <c r="FS28" s="327">
        <v>4166741</v>
      </c>
      <c r="FT28" s="327">
        <v>2265742</v>
      </c>
      <c r="FU28" s="328">
        <v>19706239</v>
      </c>
      <c r="FV28" s="330">
        <v>23242459</v>
      </c>
      <c r="FW28" s="333">
        <v>667727</v>
      </c>
      <c r="FX28" s="327">
        <v>2070809</v>
      </c>
      <c r="FY28" s="331">
        <v>2738536</v>
      </c>
      <c r="FZ28" s="332">
        <v>0</v>
      </c>
      <c r="GA28" s="327">
        <v>2022488</v>
      </c>
      <c r="GB28" s="327">
        <v>6116787</v>
      </c>
      <c r="GC28" s="327">
        <v>3555891</v>
      </c>
      <c r="GD28" s="327">
        <v>3662903</v>
      </c>
      <c r="GE28" s="327">
        <v>2155888</v>
      </c>
      <c r="GF28" s="328">
        <v>17513957</v>
      </c>
      <c r="GG28" s="334">
        <v>20252493</v>
      </c>
      <c r="GH28" s="333">
        <v>39600</v>
      </c>
      <c r="GI28" s="327">
        <v>206694</v>
      </c>
      <c r="GJ28" s="331">
        <v>246294</v>
      </c>
      <c r="GK28" s="332">
        <v>0</v>
      </c>
      <c r="GL28" s="327">
        <v>132024</v>
      </c>
      <c r="GM28" s="327">
        <v>143056</v>
      </c>
      <c r="GN28" s="327">
        <v>0</v>
      </c>
      <c r="GO28" s="327">
        <v>282438</v>
      </c>
      <c r="GP28" s="327">
        <v>109854</v>
      </c>
      <c r="GQ28" s="328">
        <v>667372</v>
      </c>
      <c r="GR28" s="330">
        <v>913666</v>
      </c>
      <c r="GS28" s="326">
        <v>419000</v>
      </c>
      <c r="GT28" s="327">
        <v>132390</v>
      </c>
      <c r="GU28" s="328">
        <v>551390</v>
      </c>
      <c r="GV28" s="326">
        <v>0</v>
      </c>
      <c r="GW28" s="327">
        <v>638100</v>
      </c>
      <c r="GX28" s="327">
        <v>507010</v>
      </c>
      <c r="GY28" s="327">
        <v>158400</v>
      </c>
      <c r="GZ28" s="327">
        <v>221400</v>
      </c>
      <c r="HA28" s="327">
        <v>0</v>
      </c>
      <c r="HB28" s="331">
        <v>1524910</v>
      </c>
      <c r="HC28" s="330">
        <v>2076300</v>
      </c>
      <c r="HD28" s="326">
        <v>637897</v>
      </c>
      <c r="HE28" s="327">
        <v>496505</v>
      </c>
      <c r="HF28" s="331">
        <v>1134402</v>
      </c>
      <c r="HG28" s="332">
        <v>0</v>
      </c>
      <c r="HH28" s="327">
        <v>10037855</v>
      </c>
      <c r="HI28" s="327">
        <v>8816603</v>
      </c>
      <c r="HJ28" s="327">
        <v>8421911</v>
      </c>
      <c r="HK28" s="327">
        <v>13100466</v>
      </c>
      <c r="HL28" s="327">
        <v>8998271</v>
      </c>
      <c r="HM28" s="328">
        <v>49375106</v>
      </c>
      <c r="HN28" s="329">
        <v>50509508</v>
      </c>
      <c r="HO28" s="333">
        <v>746378</v>
      </c>
      <c r="HP28" s="327">
        <v>1609957</v>
      </c>
      <c r="HQ28" s="328">
        <v>2356335</v>
      </c>
      <c r="HR28" s="326">
        <v>0</v>
      </c>
      <c r="HS28" s="327">
        <v>8536789</v>
      </c>
      <c r="HT28" s="327">
        <v>8674808</v>
      </c>
      <c r="HU28" s="327">
        <v>5087524</v>
      </c>
      <c r="HV28" s="327">
        <v>4098054</v>
      </c>
      <c r="HW28" s="327">
        <v>1905832</v>
      </c>
      <c r="HX28" s="331">
        <v>28303007</v>
      </c>
      <c r="HY28" s="330">
        <v>30659342</v>
      </c>
      <c r="HZ28" s="358">
        <v>38471</v>
      </c>
      <c r="IA28" s="356">
        <v>0</v>
      </c>
      <c r="IB28" s="358">
        <v>38471</v>
      </c>
      <c r="IC28" s="355">
        <v>0</v>
      </c>
      <c r="ID28" s="356">
        <v>13607790</v>
      </c>
      <c r="IE28" s="357">
        <v>11621597</v>
      </c>
      <c r="IF28" s="358">
        <v>10103884</v>
      </c>
      <c r="IG28" s="356">
        <v>10369732</v>
      </c>
      <c r="IH28" s="358">
        <v>5855439</v>
      </c>
      <c r="II28" s="359">
        <v>51558442</v>
      </c>
      <c r="IJ28" s="358">
        <v>51596913</v>
      </c>
      <c r="IK28" s="342">
        <v>0</v>
      </c>
      <c r="IL28" s="343">
        <v>0</v>
      </c>
      <c r="IM28" s="344">
        <v>0</v>
      </c>
      <c r="IN28" s="404">
        <v>0</v>
      </c>
      <c r="IO28" s="345">
        <v>0</v>
      </c>
      <c r="IP28" s="345">
        <v>0</v>
      </c>
      <c r="IQ28" s="345">
        <v>-292940</v>
      </c>
      <c r="IR28" s="345">
        <v>330001</v>
      </c>
      <c r="IS28" s="345">
        <v>278616</v>
      </c>
      <c r="IT28" s="346">
        <v>315677</v>
      </c>
      <c r="IU28" s="347">
        <v>315677</v>
      </c>
      <c r="IV28" s="348">
        <v>0</v>
      </c>
      <c r="IW28" s="345">
        <v>0</v>
      </c>
      <c r="IX28" s="349">
        <v>0</v>
      </c>
      <c r="IY28" s="413">
        <v>0</v>
      </c>
      <c r="IZ28" s="345">
        <v>0</v>
      </c>
      <c r="JA28" s="345">
        <v>0</v>
      </c>
      <c r="JB28" s="345">
        <v>0</v>
      </c>
      <c r="JC28" s="345">
        <v>0</v>
      </c>
      <c r="JD28" s="345">
        <v>0</v>
      </c>
      <c r="JE28" s="349">
        <v>0</v>
      </c>
      <c r="JF28" s="350">
        <v>0</v>
      </c>
      <c r="JG28" s="348">
        <v>0</v>
      </c>
      <c r="JH28" s="345">
        <v>0</v>
      </c>
      <c r="JI28" s="346">
        <v>0</v>
      </c>
      <c r="JJ28" s="351">
        <v>0</v>
      </c>
      <c r="JK28" s="345">
        <v>3723348</v>
      </c>
      <c r="JL28" s="345">
        <v>3746912</v>
      </c>
      <c r="JM28" s="345">
        <v>2363337</v>
      </c>
      <c r="JN28" s="345">
        <v>2319542</v>
      </c>
      <c r="JO28" s="345">
        <v>1048798</v>
      </c>
      <c r="JP28" s="349">
        <v>13201937</v>
      </c>
      <c r="JQ28" s="347">
        <v>13201937</v>
      </c>
      <c r="JR28" s="348">
        <v>0</v>
      </c>
      <c r="JS28" s="345">
        <v>0</v>
      </c>
      <c r="JT28" s="346">
        <v>0</v>
      </c>
      <c r="JU28" s="351">
        <v>0</v>
      </c>
      <c r="JV28" s="345">
        <v>0</v>
      </c>
      <c r="JW28" s="345">
        <v>0</v>
      </c>
      <c r="JX28" s="345">
        <v>0</v>
      </c>
      <c r="JY28" s="345">
        <v>278955</v>
      </c>
      <c r="JZ28" s="345">
        <v>0</v>
      </c>
      <c r="KA28" s="349">
        <v>278955</v>
      </c>
      <c r="KB28" s="347">
        <v>278955</v>
      </c>
      <c r="KC28" s="352">
        <v>38471</v>
      </c>
      <c r="KD28" s="353">
        <v>0</v>
      </c>
      <c r="KE28" s="349">
        <v>38471</v>
      </c>
      <c r="KF28" s="351">
        <v>0</v>
      </c>
      <c r="KG28" s="345">
        <v>649030</v>
      </c>
      <c r="KH28" s="345">
        <v>376816</v>
      </c>
      <c r="KI28" s="345">
        <v>1021263</v>
      </c>
      <c r="KJ28" s="345">
        <v>0</v>
      </c>
      <c r="KK28" s="345">
        <v>0</v>
      </c>
      <c r="KL28" s="349">
        <v>2047109</v>
      </c>
      <c r="KM28" s="354">
        <v>2085580</v>
      </c>
      <c r="KN28" s="342">
        <v>0</v>
      </c>
      <c r="KO28" s="343">
        <v>0</v>
      </c>
      <c r="KP28" s="344">
        <v>0</v>
      </c>
      <c r="KQ28" s="413">
        <v>0</v>
      </c>
      <c r="KR28" s="345">
        <v>9059860</v>
      </c>
      <c r="KS28" s="345">
        <v>6948595</v>
      </c>
      <c r="KT28" s="345">
        <v>6086531</v>
      </c>
      <c r="KU28" s="345">
        <v>5787632</v>
      </c>
      <c r="KV28" s="345">
        <v>3463420</v>
      </c>
      <c r="KW28" s="349">
        <v>31346038</v>
      </c>
      <c r="KX28" s="347">
        <v>31346038</v>
      </c>
      <c r="KY28" s="348">
        <v>0</v>
      </c>
      <c r="KZ28" s="345">
        <v>0</v>
      </c>
      <c r="LA28" s="349">
        <v>0</v>
      </c>
      <c r="LB28" s="413">
        <v>0</v>
      </c>
      <c r="LC28" s="345">
        <v>0</v>
      </c>
      <c r="LD28" s="345">
        <v>0</v>
      </c>
      <c r="LE28" s="345">
        <v>0</v>
      </c>
      <c r="LF28" s="345">
        <v>0</v>
      </c>
      <c r="LG28" s="345">
        <v>0</v>
      </c>
      <c r="LH28" s="349">
        <v>0</v>
      </c>
      <c r="LI28" s="350">
        <v>0</v>
      </c>
      <c r="LJ28" s="348">
        <v>0</v>
      </c>
      <c r="LK28" s="345">
        <v>0</v>
      </c>
      <c r="LL28" s="349">
        <v>0</v>
      </c>
      <c r="LM28" s="413">
        <v>0</v>
      </c>
      <c r="LN28" s="345">
        <v>0</v>
      </c>
      <c r="LO28" s="345">
        <v>0</v>
      </c>
      <c r="LP28" s="345">
        <v>0</v>
      </c>
      <c r="LQ28" s="345">
        <v>0</v>
      </c>
      <c r="LR28" s="345">
        <v>0</v>
      </c>
      <c r="LS28" s="349">
        <v>0</v>
      </c>
      <c r="LT28" s="347">
        <v>0</v>
      </c>
      <c r="LU28" s="348">
        <v>0</v>
      </c>
      <c r="LV28" s="345">
        <v>0</v>
      </c>
      <c r="LW28" s="349">
        <v>0</v>
      </c>
      <c r="LX28" s="413">
        <v>0</v>
      </c>
      <c r="LY28" s="345">
        <v>175552</v>
      </c>
      <c r="LZ28" s="345">
        <v>549274</v>
      </c>
      <c r="MA28" s="345">
        <v>925693</v>
      </c>
      <c r="MB28" s="345">
        <v>1653602</v>
      </c>
      <c r="MC28" s="345">
        <v>1064605</v>
      </c>
      <c r="MD28" s="349">
        <v>4368726</v>
      </c>
      <c r="ME28" s="350">
        <v>4368726</v>
      </c>
      <c r="MF28" s="348">
        <v>0</v>
      </c>
      <c r="MG28" s="345">
        <v>0</v>
      </c>
      <c r="MH28" s="349">
        <v>0</v>
      </c>
      <c r="MI28" s="413">
        <v>0</v>
      </c>
      <c r="MJ28" s="345">
        <v>6007653</v>
      </c>
      <c r="MK28" s="345">
        <v>10007948</v>
      </c>
      <c r="ML28" s="345">
        <v>37120819</v>
      </c>
      <c r="MM28" s="345">
        <v>67142713</v>
      </c>
      <c r="MN28" s="345">
        <v>40161383</v>
      </c>
      <c r="MO28" s="349">
        <v>160440516</v>
      </c>
      <c r="MP28" s="354">
        <v>160440516</v>
      </c>
      <c r="MQ28" s="348">
        <v>0</v>
      </c>
      <c r="MR28" s="345">
        <v>0</v>
      </c>
      <c r="MS28" s="349">
        <v>0</v>
      </c>
      <c r="MT28" s="413">
        <v>0</v>
      </c>
      <c r="MU28" s="345">
        <v>900357</v>
      </c>
      <c r="MV28" s="345">
        <v>3035347</v>
      </c>
      <c r="MW28" s="345">
        <v>26566619</v>
      </c>
      <c r="MX28" s="345">
        <v>45011414</v>
      </c>
      <c r="MY28" s="345">
        <v>27255882</v>
      </c>
      <c r="MZ28" s="349">
        <v>102769619</v>
      </c>
      <c r="NA28" s="354">
        <v>102769619</v>
      </c>
      <c r="NB28" s="348">
        <v>0</v>
      </c>
      <c r="NC28" s="345">
        <v>0</v>
      </c>
      <c r="ND28" s="349">
        <v>0</v>
      </c>
      <c r="NE28" s="413">
        <v>0</v>
      </c>
      <c r="NF28" s="345">
        <v>5107296</v>
      </c>
      <c r="NG28" s="345">
        <v>6972601</v>
      </c>
      <c r="NH28" s="345">
        <v>10554200</v>
      </c>
      <c r="NI28" s="345">
        <v>20877242</v>
      </c>
      <c r="NJ28" s="345">
        <v>9536557</v>
      </c>
      <c r="NK28" s="349">
        <v>53047896</v>
      </c>
      <c r="NL28" s="347">
        <v>53047896</v>
      </c>
      <c r="NM28" s="348">
        <v>0</v>
      </c>
      <c r="NN28" s="345">
        <v>0</v>
      </c>
      <c r="NO28" s="349">
        <v>0</v>
      </c>
      <c r="NP28" s="413">
        <v>0</v>
      </c>
      <c r="NQ28" s="345">
        <v>0</v>
      </c>
      <c r="NR28" s="345">
        <v>0</v>
      </c>
      <c r="NS28" s="345">
        <v>0</v>
      </c>
      <c r="NT28" s="345">
        <v>0</v>
      </c>
      <c r="NU28" s="345">
        <v>0</v>
      </c>
      <c r="NV28" s="349">
        <v>0</v>
      </c>
      <c r="NW28" s="350">
        <v>0</v>
      </c>
      <c r="NX28" s="348">
        <v>0</v>
      </c>
      <c r="NY28" s="345">
        <v>0</v>
      </c>
      <c r="NZ28" s="349">
        <v>0</v>
      </c>
      <c r="OA28" s="413">
        <v>0</v>
      </c>
      <c r="OB28" s="345">
        <v>0</v>
      </c>
      <c r="OC28" s="345">
        <v>0</v>
      </c>
      <c r="OD28" s="345">
        <v>0</v>
      </c>
      <c r="OE28" s="345">
        <v>1254057</v>
      </c>
      <c r="OF28" s="345">
        <v>3368944</v>
      </c>
      <c r="OG28" s="349">
        <v>4623001</v>
      </c>
      <c r="OH28" s="350">
        <v>4623001</v>
      </c>
      <c r="OI28" s="348">
        <v>3939304</v>
      </c>
      <c r="OJ28" s="345">
        <v>8160696</v>
      </c>
      <c r="OK28" s="346">
        <v>12100000</v>
      </c>
      <c r="OL28" s="351">
        <v>0</v>
      </c>
      <c r="OM28" s="345">
        <v>72192298</v>
      </c>
      <c r="ON28" s="345">
        <v>89389414</v>
      </c>
      <c r="OO28" s="345">
        <v>98269692</v>
      </c>
      <c r="OP28" s="345">
        <v>134751441</v>
      </c>
      <c r="OQ28" s="345">
        <v>81708464</v>
      </c>
      <c r="OR28" s="349">
        <v>476311309</v>
      </c>
      <c r="OS28" s="354">
        <v>488411309</v>
      </c>
    </row>
    <row r="29" spans="2:409" s="70" customFormat="1" ht="21" customHeight="1" x14ac:dyDescent="0.2">
      <c r="B29" s="410" t="s">
        <v>24</v>
      </c>
      <c r="C29" s="326">
        <v>2519342</v>
      </c>
      <c r="D29" s="327">
        <v>4283490</v>
      </c>
      <c r="E29" s="328">
        <v>6802832</v>
      </c>
      <c r="F29" s="329">
        <v>0</v>
      </c>
      <c r="G29" s="327">
        <v>29535436</v>
      </c>
      <c r="H29" s="327">
        <v>28751864</v>
      </c>
      <c r="I29" s="327">
        <v>25624494</v>
      </c>
      <c r="J29" s="327">
        <v>29976043</v>
      </c>
      <c r="K29" s="327">
        <v>25152600</v>
      </c>
      <c r="L29" s="367">
        <v>139040437</v>
      </c>
      <c r="M29" s="330">
        <v>145843269</v>
      </c>
      <c r="N29" s="326">
        <v>622486</v>
      </c>
      <c r="O29" s="327">
        <v>1151641</v>
      </c>
      <c r="P29" s="328">
        <v>1774127</v>
      </c>
      <c r="Q29" s="326">
        <v>0</v>
      </c>
      <c r="R29" s="327">
        <v>6890353</v>
      </c>
      <c r="S29" s="327">
        <v>8456912</v>
      </c>
      <c r="T29" s="327">
        <v>7460341</v>
      </c>
      <c r="U29" s="327">
        <v>11617139</v>
      </c>
      <c r="V29" s="327">
        <v>12329378</v>
      </c>
      <c r="W29" s="328">
        <v>46754123</v>
      </c>
      <c r="X29" s="330">
        <v>48528250</v>
      </c>
      <c r="Y29" s="326">
        <v>0</v>
      </c>
      <c r="Z29" s="327">
        <v>0</v>
      </c>
      <c r="AA29" s="328">
        <v>0</v>
      </c>
      <c r="AB29" s="326">
        <v>0</v>
      </c>
      <c r="AC29" s="327">
        <v>2593339</v>
      </c>
      <c r="AD29" s="327">
        <v>3478579</v>
      </c>
      <c r="AE29" s="327">
        <v>3387460</v>
      </c>
      <c r="AF29" s="327">
        <v>6871642</v>
      </c>
      <c r="AG29" s="327">
        <v>7346702</v>
      </c>
      <c r="AH29" s="328">
        <v>23677722</v>
      </c>
      <c r="AI29" s="330">
        <v>23677722</v>
      </c>
      <c r="AJ29" s="326">
        <v>0</v>
      </c>
      <c r="AK29" s="327">
        <v>0</v>
      </c>
      <c r="AL29" s="328">
        <v>0</v>
      </c>
      <c r="AM29" s="326">
        <v>0</v>
      </c>
      <c r="AN29" s="327">
        <v>0</v>
      </c>
      <c r="AO29" s="327">
        <v>185043</v>
      </c>
      <c r="AP29" s="327">
        <v>216190</v>
      </c>
      <c r="AQ29" s="327">
        <v>641526</v>
      </c>
      <c r="AR29" s="327">
        <v>1610635</v>
      </c>
      <c r="AS29" s="328">
        <v>2653394</v>
      </c>
      <c r="AT29" s="330">
        <v>2653394</v>
      </c>
      <c r="AU29" s="326">
        <v>407570</v>
      </c>
      <c r="AV29" s="327">
        <v>902247</v>
      </c>
      <c r="AW29" s="328">
        <v>1309817</v>
      </c>
      <c r="AX29" s="326">
        <v>0</v>
      </c>
      <c r="AY29" s="327">
        <v>2858326</v>
      </c>
      <c r="AZ29" s="327">
        <v>3274441</v>
      </c>
      <c r="BA29" s="327">
        <v>2480184</v>
      </c>
      <c r="BB29" s="327">
        <v>2420715</v>
      </c>
      <c r="BC29" s="327">
        <v>2025107</v>
      </c>
      <c r="BD29" s="328">
        <v>13058773</v>
      </c>
      <c r="BE29" s="330">
        <v>14368590</v>
      </c>
      <c r="BF29" s="326">
        <v>0</v>
      </c>
      <c r="BG29" s="327">
        <v>23332</v>
      </c>
      <c r="BH29" s="331">
        <v>23332</v>
      </c>
      <c r="BI29" s="332">
        <v>0</v>
      </c>
      <c r="BJ29" s="327">
        <v>169960</v>
      </c>
      <c r="BK29" s="327">
        <v>155895</v>
      </c>
      <c r="BL29" s="327">
        <v>129651</v>
      </c>
      <c r="BM29" s="327">
        <v>177818</v>
      </c>
      <c r="BN29" s="327">
        <v>79534</v>
      </c>
      <c r="BO29" s="328">
        <v>712858</v>
      </c>
      <c r="BP29" s="330">
        <v>736190</v>
      </c>
      <c r="BQ29" s="326">
        <v>214916</v>
      </c>
      <c r="BR29" s="327">
        <v>226062</v>
      </c>
      <c r="BS29" s="328">
        <v>440978</v>
      </c>
      <c r="BT29" s="326">
        <v>0</v>
      </c>
      <c r="BU29" s="327">
        <v>1268728</v>
      </c>
      <c r="BV29" s="327">
        <v>1362954</v>
      </c>
      <c r="BW29" s="327">
        <v>1246856</v>
      </c>
      <c r="BX29" s="327">
        <v>1505438</v>
      </c>
      <c r="BY29" s="327">
        <v>1267400</v>
      </c>
      <c r="BZ29" s="328">
        <v>6651376</v>
      </c>
      <c r="CA29" s="330">
        <v>7092354</v>
      </c>
      <c r="CB29" s="326">
        <v>222774</v>
      </c>
      <c r="CC29" s="327">
        <v>724431</v>
      </c>
      <c r="CD29" s="328">
        <v>947205</v>
      </c>
      <c r="CE29" s="326">
        <v>0</v>
      </c>
      <c r="CF29" s="327">
        <v>8351298</v>
      </c>
      <c r="CG29" s="327">
        <v>7556785</v>
      </c>
      <c r="CH29" s="327">
        <v>5827753</v>
      </c>
      <c r="CI29" s="327">
        <v>3897477</v>
      </c>
      <c r="CJ29" s="327">
        <v>2419761</v>
      </c>
      <c r="CK29" s="328">
        <v>28053074</v>
      </c>
      <c r="CL29" s="330">
        <v>29000279</v>
      </c>
      <c r="CM29" s="326">
        <v>0</v>
      </c>
      <c r="CN29" s="327">
        <v>0</v>
      </c>
      <c r="CO29" s="328">
        <v>0</v>
      </c>
      <c r="CP29" s="332">
        <v>0</v>
      </c>
      <c r="CQ29" s="327">
        <v>6209900</v>
      </c>
      <c r="CR29" s="327">
        <v>5556379</v>
      </c>
      <c r="CS29" s="327">
        <v>4256837</v>
      </c>
      <c r="CT29" s="327">
        <v>2678766</v>
      </c>
      <c r="CU29" s="327">
        <v>1663407</v>
      </c>
      <c r="CV29" s="328">
        <v>20365289</v>
      </c>
      <c r="CW29" s="330">
        <v>20365289</v>
      </c>
      <c r="CX29" s="326">
        <v>222774</v>
      </c>
      <c r="CY29" s="327">
        <v>724431</v>
      </c>
      <c r="CZ29" s="328">
        <v>947205</v>
      </c>
      <c r="DA29" s="326">
        <v>0</v>
      </c>
      <c r="DB29" s="327">
        <v>2141398</v>
      </c>
      <c r="DC29" s="327">
        <v>2000406</v>
      </c>
      <c r="DD29" s="327">
        <v>1570916</v>
      </c>
      <c r="DE29" s="327">
        <v>1218711</v>
      </c>
      <c r="DF29" s="327">
        <v>756354</v>
      </c>
      <c r="DG29" s="328">
        <v>7687785</v>
      </c>
      <c r="DH29" s="330">
        <v>8634990</v>
      </c>
      <c r="DI29" s="326">
        <v>51347</v>
      </c>
      <c r="DJ29" s="327">
        <v>59038</v>
      </c>
      <c r="DK29" s="331">
        <v>110385</v>
      </c>
      <c r="DL29" s="332">
        <v>0</v>
      </c>
      <c r="DM29" s="327">
        <v>978086</v>
      </c>
      <c r="DN29" s="327">
        <v>1645359</v>
      </c>
      <c r="DO29" s="327">
        <v>1950385</v>
      </c>
      <c r="DP29" s="327">
        <v>2671150</v>
      </c>
      <c r="DQ29" s="327">
        <v>1132855</v>
      </c>
      <c r="DR29" s="328">
        <v>8377835</v>
      </c>
      <c r="DS29" s="330">
        <v>8488220</v>
      </c>
      <c r="DT29" s="326">
        <v>51347</v>
      </c>
      <c r="DU29" s="327">
        <v>59038</v>
      </c>
      <c r="DV29" s="328">
        <v>110385</v>
      </c>
      <c r="DW29" s="326">
        <v>0</v>
      </c>
      <c r="DX29" s="327">
        <v>916494</v>
      </c>
      <c r="DY29" s="327">
        <v>1570122</v>
      </c>
      <c r="DZ29" s="327">
        <v>1905560</v>
      </c>
      <c r="EA29" s="327">
        <v>2366420</v>
      </c>
      <c r="EB29" s="327">
        <v>976604</v>
      </c>
      <c r="EC29" s="328">
        <v>7735200</v>
      </c>
      <c r="ED29" s="330">
        <v>7845585</v>
      </c>
      <c r="EE29" s="326">
        <v>0</v>
      </c>
      <c r="EF29" s="331">
        <v>0</v>
      </c>
      <c r="EG29" s="328">
        <v>0</v>
      </c>
      <c r="EH29" s="326">
        <v>0</v>
      </c>
      <c r="EI29" s="327">
        <v>61592</v>
      </c>
      <c r="EJ29" s="327">
        <v>75237</v>
      </c>
      <c r="EK29" s="327">
        <v>44825</v>
      </c>
      <c r="EL29" s="327">
        <v>304730</v>
      </c>
      <c r="EM29" s="327">
        <v>156251</v>
      </c>
      <c r="EN29" s="331">
        <v>642635</v>
      </c>
      <c r="EO29" s="330">
        <v>642635</v>
      </c>
      <c r="EP29" s="326">
        <v>0</v>
      </c>
      <c r="EQ29" s="327">
        <v>0</v>
      </c>
      <c r="ER29" s="331">
        <v>0</v>
      </c>
      <c r="ES29" s="332">
        <v>0</v>
      </c>
      <c r="ET29" s="327">
        <v>0</v>
      </c>
      <c r="EU29" s="327">
        <v>0</v>
      </c>
      <c r="EV29" s="327">
        <v>0</v>
      </c>
      <c r="EW29" s="327">
        <v>0</v>
      </c>
      <c r="EX29" s="327">
        <v>0</v>
      </c>
      <c r="EY29" s="328">
        <v>0</v>
      </c>
      <c r="EZ29" s="330">
        <v>0</v>
      </c>
      <c r="FA29" s="326">
        <v>0</v>
      </c>
      <c r="FB29" s="327">
        <v>0</v>
      </c>
      <c r="FC29" s="331">
        <v>0</v>
      </c>
      <c r="FD29" s="332">
        <v>0</v>
      </c>
      <c r="FE29" s="327">
        <v>0</v>
      </c>
      <c r="FF29" s="327">
        <v>0</v>
      </c>
      <c r="FG29" s="327">
        <v>0</v>
      </c>
      <c r="FH29" s="327">
        <v>0</v>
      </c>
      <c r="FI29" s="327">
        <v>0</v>
      </c>
      <c r="FJ29" s="328">
        <v>0</v>
      </c>
      <c r="FK29" s="330">
        <v>0</v>
      </c>
      <c r="FL29" s="326">
        <v>482983</v>
      </c>
      <c r="FM29" s="327">
        <v>819969</v>
      </c>
      <c r="FN29" s="328">
        <v>1302952</v>
      </c>
      <c r="FO29" s="326">
        <v>0</v>
      </c>
      <c r="FP29" s="327">
        <v>1285090</v>
      </c>
      <c r="FQ29" s="327">
        <v>2438322</v>
      </c>
      <c r="FR29" s="327">
        <v>1717115</v>
      </c>
      <c r="FS29" s="327">
        <v>1797244</v>
      </c>
      <c r="FT29" s="327">
        <v>1483468</v>
      </c>
      <c r="FU29" s="328">
        <v>8721239</v>
      </c>
      <c r="FV29" s="330">
        <v>10024191</v>
      </c>
      <c r="FW29" s="333">
        <v>372924</v>
      </c>
      <c r="FX29" s="327">
        <v>520770</v>
      </c>
      <c r="FY29" s="331">
        <v>893694</v>
      </c>
      <c r="FZ29" s="332">
        <v>0</v>
      </c>
      <c r="GA29" s="327">
        <v>1091091</v>
      </c>
      <c r="GB29" s="327">
        <v>2310911</v>
      </c>
      <c r="GC29" s="327">
        <v>1671055</v>
      </c>
      <c r="GD29" s="327">
        <v>1742332</v>
      </c>
      <c r="GE29" s="327">
        <v>1443076</v>
      </c>
      <c r="GF29" s="328">
        <v>8258465</v>
      </c>
      <c r="GG29" s="334">
        <v>9152159</v>
      </c>
      <c r="GH29" s="333">
        <v>110059</v>
      </c>
      <c r="GI29" s="327">
        <v>77099</v>
      </c>
      <c r="GJ29" s="331">
        <v>187158</v>
      </c>
      <c r="GK29" s="332">
        <v>0</v>
      </c>
      <c r="GL29" s="327">
        <v>100199</v>
      </c>
      <c r="GM29" s="327">
        <v>127411</v>
      </c>
      <c r="GN29" s="327">
        <v>21560</v>
      </c>
      <c r="GO29" s="327">
        <v>54912</v>
      </c>
      <c r="GP29" s="327">
        <v>40392</v>
      </c>
      <c r="GQ29" s="328">
        <v>344474</v>
      </c>
      <c r="GR29" s="330">
        <v>531632</v>
      </c>
      <c r="GS29" s="326">
        <v>0</v>
      </c>
      <c r="GT29" s="327">
        <v>222100</v>
      </c>
      <c r="GU29" s="328">
        <v>222100</v>
      </c>
      <c r="GV29" s="326">
        <v>0</v>
      </c>
      <c r="GW29" s="327">
        <v>93800</v>
      </c>
      <c r="GX29" s="327">
        <v>0</v>
      </c>
      <c r="GY29" s="327">
        <v>24500</v>
      </c>
      <c r="GZ29" s="327">
        <v>0</v>
      </c>
      <c r="HA29" s="327">
        <v>0</v>
      </c>
      <c r="HB29" s="331">
        <v>118300</v>
      </c>
      <c r="HC29" s="330">
        <v>340400</v>
      </c>
      <c r="HD29" s="326">
        <v>641623</v>
      </c>
      <c r="HE29" s="327">
        <v>953861</v>
      </c>
      <c r="HF29" s="331">
        <v>1595484</v>
      </c>
      <c r="HG29" s="332">
        <v>0</v>
      </c>
      <c r="HH29" s="327">
        <v>7736209</v>
      </c>
      <c r="HI29" s="327">
        <v>5656150</v>
      </c>
      <c r="HJ29" s="327">
        <v>6309737</v>
      </c>
      <c r="HK29" s="327">
        <v>8429561</v>
      </c>
      <c r="HL29" s="327">
        <v>6543373</v>
      </c>
      <c r="HM29" s="328">
        <v>34675030</v>
      </c>
      <c r="HN29" s="329">
        <v>36270514</v>
      </c>
      <c r="HO29" s="333">
        <v>498129</v>
      </c>
      <c r="HP29" s="327">
        <v>574550</v>
      </c>
      <c r="HQ29" s="328">
        <v>1072679</v>
      </c>
      <c r="HR29" s="326">
        <v>0</v>
      </c>
      <c r="HS29" s="327">
        <v>4294400</v>
      </c>
      <c r="HT29" s="327">
        <v>2998336</v>
      </c>
      <c r="HU29" s="327">
        <v>2359163</v>
      </c>
      <c r="HV29" s="327">
        <v>1563472</v>
      </c>
      <c r="HW29" s="327">
        <v>1243765</v>
      </c>
      <c r="HX29" s="331">
        <v>12459136</v>
      </c>
      <c r="HY29" s="330">
        <v>13531815</v>
      </c>
      <c r="HZ29" s="335">
        <v>197139</v>
      </c>
      <c r="IA29" s="336">
        <v>85207</v>
      </c>
      <c r="IB29" s="337">
        <v>282346</v>
      </c>
      <c r="IC29" s="338">
        <v>0</v>
      </c>
      <c r="ID29" s="336">
        <v>4204904</v>
      </c>
      <c r="IE29" s="339">
        <v>5677759</v>
      </c>
      <c r="IF29" s="337">
        <v>4439360</v>
      </c>
      <c r="IG29" s="336">
        <v>3042780</v>
      </c>
      <c r="IH29" s="337">
        <v>2361392</v>
      </c>
      <c r="II29" s="340">
        <v>19726195</v>
      </c>
      <c r="IJ29" s="341">
        <v>20008541</v>
      </c>
      <c r="IK29" s="342">
        <v>0</v>
      </c>
      <c r="IL29" s="343">
        <v>0</v>
      </c>
      <c r="IM29" s="344">
        <v>0</v>
      </c>
      <c r="IN29" s="404">
        <v>0</v>
      </c>
      <c r="IO29" s="345">
        <v>57260</v>
      </c>
      <c r="IP29" s="345">
        <v>116146</v>
      </c>
      <c r="IQ29" s="345">
        <v>198522</v>
      </c>
      <c r="IR29" s="345">
        <v>884925</v>
      </c>
      <c r="IS29" s="345">
        <v>520926</v>
      </c>
      <c r="IT29" s="346">
        <v>1777779</v>
      </c>
      <c r="IU29" s="347">
        <v>1777779</v>
      </c>
      <c r="IV29" s="348">
        <v>0</v>
      </c>
      <c r="IW29" s="345">
        <v>0</v>
      </c>
      <c r="IX29" s="349">
        <v>0</v>
      </c>
      <c r="IY29" s="413">
        <v>0</v>
      </c>
      <c r="IZ29" s="345">
        <v>0</v>
      </c>
      <c r="JA29" s="345">
        <v>0</v>
      </c>
      <c r="JB29" s="345">
        <v>0</v>
      </c>
      <c r="JC29" s="345">
        <v>0</v>
      </c>
      <c r="JD29" s="345">
        <v>0</v>
      </c>
      <c r="JE29" s="349">
        <v>0</v>
      </c>
      <c r="JF29" s="350">
        <v>0</v>
      </c>
      <c r="JG29" s="348">
        <v>0</v>
      </c>
      <c r="JH29" s="345">
        <v>0</v>
      </c>
      <c r="JI29" s="346">
        <v>0</v>
      </c>
      <c r="JJ29" s="351">
        <v>0</v>
      </c>
      <c r="JK29" s="345">
        <v>1180356</v>
      </c>
      <c r="JL29" s="345">
        <v>870359</v>
      </c>
      <c r="JM29" s="345">
        <v>1475980</v>
      </c>
      <c r="JN29" s="345">
        <v>506957</v>
      </c>
      <c r="JO29" s="345">
        <v>209083</v>
      </c>
      <c r="JP29" s="349">
        <v>4242735</v>
      </c>
      <c r="JQ29" s="347">
        <v>4242735</v>
      </c>
      <c r="JR29" s="348">
        <v>0</v>
      </c>
      <c r="JS29" s="345">
        <v>0</v>
      </c>
      <c r="JT29" s="346">
        <v>0</v>
      </c>
      <c r="JU29" s="351">
        <v>0</v>
      </c>
      <c r="JV29" s="345">
        <v>578438</v>
      </c>
      <c r="JW29" s="345">
        <v>587908</v>
      </c>
      <c r="JX29" s="345">
        <v>188455</v>
      </c>
      <c r="JY29" s="345">
        <v>259173</v>
      </c>
      <c r="JZ29" s="345">
        <v>37338</v>
      </c>
      <c r="KA29" s="349">
        <v>1651312</v>
      </c>
      <c r="KB29" s="347">
        <v>1651312</v>
      </c>
      <c r="KC29" s="352">
        <v>197139</v>
      </c>
      <c r="KD29" s="353">
        <v>85207</v>
      </c>
      <c r="KE29" s="349">
        <v>282346</v>
      </c>
      <c r="KF29" s="351">
        <v>0</v>
      </c>
      <c r="KG29" s="345">
        <v>1866818</v>
      </c>
      <c r="KH29" s="345">
        <v>2572803</v>
      </c>
      <c r="KI29" s="345">
        <v>1509796</v>
      </c>
      <c r="KJ29" s="345">
        <v>528319</v>
      </c>
      <c r="KK29" s="345">
        <v>556677</v>
      </c>
      <c r="KL29" s="349">
        <v>7034413</v>
      </c>
      <c r="KM29" s="354">
        <v>7316759</v>
      </c>
      <c r="KN29" s="342">
        <v>0</v>
      </c>
      <c r="KO29" s="343">
        <v>0</v>
      </c>
      <c r="KP29" s="344">
        <v>0</v>
      </c>
      <c r="KQ29" s="413">
        <v>0</v>
      </c>
      <c r="KR29" s="345">
        <v>522032</v>
      </c>
      <c r="KS29" s="345">
        <v>1530543</v>
      </c>
      <c r="KT29" s="345">
        <v>1066607</v>
      </c>
      <c r="KU29" s="345">
        <v>863406</v>
      </c>
      <c r="KV29" s="345">
        <v>1037368</v>
      </c>
      <c r="KW29" s="349">
        <v>5019956</v>
      </c>
      <c r="KX29" s="347">
        <v>5019956</v>
      </c>
      <c r="KY29" s="348">
        <v>0</v>
      </c>
      <c r="KZ29" s="345">
        <v>0</v>
      </c>
      <c r="LA29" s="349">
        <v>0</v>
      </c>
      <c r="LB29" s="413">
        <v>0</v>
      </c>
      <c r="LC29" s="345">
        <v>0</v>
      </c>
      <c r="LD29" s="345">
        <v>0</v>
      </c>
      <c r="LE29" s="345">
        <v>0</v>
      </c>
      <c r="LF29" s="345">
        <v>0</v>
      </c>
      <c r="LG29" s="345">
        <v>0</v>
      </c>
      <c r="LH29" s="349">
        <v>0</v>
      </c>
      <c r="LI29" s="350">
        <v>0</v>
      </c>
      <c r="LJ29" s="348">
        <v>0</v>
      </c>
      <c r="LK29" s="345">
        <v>0</v>
      </c>
      <c r="LL29" s="349">
        <v>0</v>
      </c>
      <c r="LM29" s="413">
        <v>0</v>
      </c>
      <c r="LN29" s="345">
        <v>0</v>
      </c>
      <c r="LO29" s="345">
        <v>0</v>
      </c>
      <c r="LP29" s="345">
        <v>0</v>
      </c>
      <c r="LQ29" s="345">
        <v>0</v>
      </c>
      <c r="LR29" s="345">
        <v>0</v>
      </c>
      <c r="LS29" s="349">
        <v>0</v>
      </c>
      <c r="LT29" s="347">
        <v>0</v>
      </c>
      <c r="LU29" s="348">
        <v>0</v>
      </c>
      <c r="LV29" s="345">
        <v>0</v>
      </c>
      <c r="LW29" s="349">
        <v>0</v>
      </c>
      <c r="LX29" s="413">
        <v>0</v>
      </c>
      <c r="LY29" s="345">
        <v>0</v>
      </c>
      <c r="LZ29" s="345">
        <v>0</v>
      </c>
      <c r="MA29" s="345">
        <v>0</v>
      </c>
      <c r="MB29" s="345">
        <v>0</v>
      </c>
      <c r="MC29" s="345">
        <v>0</v>
      </c>
      <c r="MD29" s="349">
        <v>0</v>
      </c>
      <c r="ME29" s="350">
        <v>0</v>
      </c>
      <c r="MF29" s="348">
        <v>0</v>
      </c>
      <c r="MG29" s="345">
        <v>0</v>
      </c>
      <c r="MH29" s="349">
        <v>0</v>
      </c>
      <c r="MI29" s="413">
        <v>0</v>
      </c>
      <c r="MJ29" s="345">
        <v>2668341</v>
      </c>
      <c r="MK29" s="345">
        <v>5006162</v>
      </c>
      <c r="ML29" s="345">
        <v>15803543</v>
      </c>
      <c r="MM29" s="345">
        <v>37228274</v>
      </c>
      <c r="MN29" s="345">
        <v>19975237</v>
      </c>
      <c r="MO29" s="349">
        <v>80681557</v>
      </c>
      <c r="MP29" s="354">
        <v>80681557</v>
      </c>
      <c r="MQ29" s="348">
        <v>0</v>
      </c>
      <c r="MR29" s="345">
        <v>0</v>
      </c>
      <c r="MS29" s="349">
        <v>0</v>
      </c>
      <c r="MT29" s="413">
        <v>0</v>
      </c>
      <c r="MU29" s="345">
        <v>0</v>
      </c>
      <c r="MV29" s="345">
        <v>277871</v>
      </c>
      <c r="MW29" s="345">
        <v>8122295</v>
      </c>
      <c r="MX29" s="345">
        <v>25272485</v>
      </c>
      <c r="MY29" s="345">
        <v>16572592</v>
      </c>
      <c r="MZ29" s="349">
        <v>50245243</v>
      </c>
      <c r="NA29" s="354">
        <v>50245243</v>
      </c>
      <c r="NB29" s="348">
        <v>0</v>
      </c>
      <c r="NC29" s="345">
        <v>0</v>
      </c>
      <c r="ND29" s="349">
        <v>0</v>
      </c>
      <c r="NE29" s="413">
        <v>0</v>
      </c>
      <c r="NF29" s="345">
        <v>2668341</v>
      </c>
      <c r="NG29" s="345">
        <v>4728291</v>
      </c>
      <c r="NH29" s="345">
        <v>7681248</v>
      </c>
      <c r="NI29" s="345">
        <v>11955789</v>
      </c>
      <c r="NJ29" s="345">
        <v>2966437</v>
      </c>
      <c r="NK29" s="349">
        <v>30000106</v>
      </c>
      <c r="NL29" s="347">
        <v>30000106</v>
      </c>
      <c r="NM29" s="348">
        <v>0</v>
      </c>
      <c r="NN29" s="345">
        <v>0</v>
      </c>
      <c r="NO29" s="349">
        <v>0</v>
      </c>
      <c r="NP29" s="413">
        <v>0</v>
      </c>
      <c r="NQ29" s="345">
        <v>0</v>
      </c>
      <c r="NR29" s="345">
        <v>0</v>
      </c>
      <c r="NS29" s="345">
        <v>0</v>
      </c>
      <c r="NT29" s="345">
        <v>0</v>
      </c>
      <c r="NU29" s="345">
        <v>0</v>
      </c>
      <c r="NV29" s="349">
        <v>0</v>
      </c>
      <c r="NW29" s="350">
        <v>0</v>
      </c>
      <c r="NX29" s="348">
        <v>0</v>
      </c>
      <c r="NY29" s="345">
        <v>0</v>
      </c>
      <c r="NZ29" s="349">
        <v>0</v>
      </c>
      <c r="OA29" s="413">
        <v>0</v>
      </c>
      <c r="OB29" s="345">
        <v>0</v>
      </c>
      <c r="OC29" s="345">
        <v>0</v>
      </c>
      <c r="OD29" s="345">
        <v>0</v>
      </c>
      <c r="OE29" s="345">
        <v>0</v>
      </c>
      <c r="OF29" s="345">
        <v>436208</v>
      </c>
      <c r="OG29" s="349">
        <v>436208</v>
      </c>
      <c r="OH29" s="350">
        <v>436208</v>
      </c>
      <c r="OI29" s="348">
        <v>2716481</v>
      </c>
      <c r="OJ29" s="345">
        <v>4368697</v>
      </c>
      <c r="OK29" s="346">
        <v>7085178</v>
      </c>
      <c r="OL29" s="351">
        <v>0</v>
      </c>
      <c r="OM29" s="345">
        <v>36408681</v>
      </c>
      <c r="ON29" s="345">
        <v>39435785</v>
      </c>
      <c r="OO29" s="345">
        <v>45867397</v>
      </c>
      <c r="OP29" s="345">
        <v>70247097</v>
      </c>
      <c r="OQ29" s="345">
        <v>47489229</v>
      </c>
      <c r="OR29" s="349">
        <v>239448189</v>
      </c>
      <c r="OS29" s="354">
        <v>246533367</v>
      </c>
    </row>
    <row r="30" spans="2:409" s="70" customFormat="1" ht="21" customHeight="1" x14ac:dyDescent="0.2">
      <c r="B30" s="410" t="s">
        <v>25</v>
      </c>
      <c r="C30" s="326">
        <v>2669792</v>
      </c>
      <c r="D30" s="327">
        <v>5808562</v>
      </c>
      <c r="E30" s="328">
        <v>8478354</v>
      </c>
      <c r="F30" s="329">
        <v>0</v>
      </c>
      <c r="G30" s="327">
        <v>30689484</v>
      </c>
      <c r="H30" s="327">
        <v>36605880</v>
      </c>
      <c r="I30" s="327">
        <v>27095522</v>
      </c>
      <c r="J30" s="327">
        <v>24303100</v>
      </c>
      <c r="K30" s="327">
        <v>18009325</v>
      </c>
      <c r="L30" s="367">
        <v>136703311</v>
      </c>
      <c r="M30" s="330">
        <v>145181665</v>
      </c>
      <c r="N30" s="326">
        <v>794136</v>
      </c>
      <c r="O30" s="327">
        <v>2203472</v>
      </c>
      <c r="P30" s="328">
        <v>2997608</v>
      </c>
      <c r="Q30" s="326">
        <v>0</v>
      </c>
      <c r="R30" s="327">
        <v>8015971</v>
      </c>
      <c r="S30" s="327">
        <v>11195001</v>
      </c>
      <c r="T30" s="327">
        <v>8017602</v>
      </c>
      <c r="U30" s="327">
        <v>10565158</v>
      </c>
      <c r="V30" s="327">
        <v>10806874</v>
      </c>
      <c r="W30" s="328">
        <v>48600606</v>
      </c>
      <c r="X30" s="330">
        <v>51598214</v>
      </c>
      <c r="Y30" s="326">
        <v>0</v>
      </c>
      <c r="Z30" s="327">
        <v>0</v>
      </c>
      <c r="AA30" s="328">
        <v>0</v>
      </c>
      <c r="AB30" s="326">
        <v>0</v>
      </c>
      <c r="AC30" s="327">
        <v>3936390</v>
      </c>
      <c r="AD30" s="327">
        <v>5633981</v>
      </c>
      <c r="AE30" s="327">
        <v>4843791</v>
      </c>
      <c r="AF30" s="327">
        <v>6929071</v>
      </c>
      <c r="AG30" s="327">
        <v>6679410</v>
      </c>
      <c r="AH30" s="328">
        <v>28022643</v>
      </c>
      <c r="AI30" s="330">
        <v>28022643</v>
      </c>
      <c r="AJ30" s="326">
        <v>0</v>
      </c>
      <c r="AK30" s="327">
        <v>0</v>
      </c>
      <c r="AL30" s="328">
        <v>0</v>
      </c>
      <c r="AM30" s="326">
        <v>0</v>
      </c>
      <c r="AN30" s="327">
        <v>217714</v>
      </c>
      <c r="AO30" s="327">
        <v>266398</v>
      </c>
      <c r="AP30" s="327">
        <v>465793</v>
      </c>
      <c r="AQ30" s="327">
        <v>861288</v>
      </c>
      <c r="AR30" s="327">
        <v>1510661</v>
      </c>
      <c r="AS30" s="328">
        <v>3321854</v>
      </c>
      <c r="AT30" s="330">
        <v>3321854</v>
      </c>
      <c r="AU30" s="326">
        <v>661624</v>
      </c>
      <c r="AV30" s="327">
        <v>1965867</v>
      </c>
      <c r="AW30" s="328">
        <v>2627491</v>
      </c>
      <c r="AX30" s="326">
        <v>0</v>
      </c>
      <c r="AY30" s="327">
        <v>2687494</v>
      </c>
      <c r="AZ30" s="327">
        <v>3723864</v>
      </c>
      <c r="BA30" s="327">
        <v>1680325</v>
      </c>
      <c r="BB30" s="327">
        <v>1595732</v>
      </c>
      <c r="BC30" s="327">
        <v>1616156</v>
      </c>
      <c r="BD30" s="328">
        <v>11303571</v>
      </c>
      <c r="BE30" s="330">
        <v>13931062</v>
      </c>
      <c r="BF30" s="326">
        <v>40409</v>
      </c>
      <c r="BG30" s="327">
        <v>40932</v>
      </c>
      <c r="BH30" s="331">
        <v>81341</v>
      </c>
      <c r="BI30" s="332">
        <v>0</v>
      </c>
      <c r="BJ30" s="327">
        <v>0</v>
      </c>
      <c r="BK30" s="327">
        <v>435299</v>
      </c>
      <c r="BL30" s="327">
        <v>207382</v>
      </c>
      <c r="BM30" s="327">
        <v>72299</v>
      </c>
      <c r="BN30" s="327">
        <v>128726</v>
      </c>
      <c r="BO30" s="328">
        <v>843706</v>
      </c>
      <c r="BP30" s="330">
        <v>925047</v>
      </c>
      <c r="BQ30" s="326">
        <v>92103</v>
      </c>
      <c r="BR30" s="327">
        <v>196673</v>
      </c>
      <c r="BS30" s="328">
        <v>288776</v>
      </c>
      <c r="BT30" s="326">
        <v>0</v>
      </c>
      <c r="BU30" s="327">
        <v>1174373</v>
      </c>
      <c r="BV30" s="327">
        <v>1135459</v>
      </c>
      <c r="BW30" s="327">
        <v>820311</v>
      </c>
      <c r="BX30" s="327">
        <v>1106768</v>
      </c>
      <c r="BY30" s="327">
        <v>871921</v>
      </c>
      <c r="BZ30" s="328">
        <v>5108832</v>
      </c>
      <c r="CA30" s="330">
        <v>5397608</v>
      </c>
      <c r="CB30" s="326">
        <v>0</v>
      </c>
      <c r="CC30" s="327">
        <v>255658</v>
      </c>
      <c r="CD30" s="328">
        <v>255658</v>
      </c>
      <c r="CE30" s="326">
        <v>0</v>
      </c>
      <c r="CF30" s="327">
        <v>11349077</v>
      </c>
      <c r="CG30" s="327">
        <v>12103806</v>
      </c>
      <c r="CH30" s="327">
        <v>8200280</v>
      </c>
      <c r="CI30" s="327">
        <v>4730973</v>
      </c>
      <c r="CJ30" s="327">
        <v>1993693</v>
      </c>
      <c r="CK30" s="328">
        <v>38377829</v>
      </c>
      <c r="CL30" s="330">
        <v>38633487</v>
      </c>
      <c r="CM30" s="326">
        <v>0</v>
      </c>
      <c r="CN30" s="327">
        <v>0</v>
      </c>
      <c r="CO30" s="328">
        <v>0</v>
      </c>
      <c r="CP30" s="332">
        <v>0</v>
      </c>
      <c r="CQ30" s="327">
        <v>9713199</v>
      </c>
      <c r="CR30" s="327">
        <v>8174472</v>
      </c>
      <c r="CS30" s="327">
        <v>5975652</v>
      </c>
      <c r="CT30" s="327">
        <v>3739097</v>
      </c>
      <c r="CU30" s="327">
        <v>1914155</v>
      </c>
      <c r="CV30" s="328">
        <v>29516575</v>
      </c>
      <c r="CW30" s="330">
        <v>29516575</v>
      </c>
      <c r="CX30" s="326">
        <v>0</v>
      </c>
      <c r="CY30" s="327">
        <v>255658</v>
      </c>
      <c r="CZ30" s="328">
        <v>255658</v>
      </c>
      <c r="DA30" s="326">
        <v>0</v>
      </c>
      <c r="DB30" s="327">
        <v>1635878</v>
      </c>
      <c r="DC30" s="327">
        <v>3929334</v>
      </c>
      <c r="DD30" s="327">
        <v>2224628</v>
      </c>
      <c r="DE30" s="327">
        <v>991876</v>
      </c>
      <c r="DF30" s="327">
        <v>79538</v>
      </c>
      <c r="DG30" s="328">
        <v>8861254</v>
      </c>
      <c r="DH30" s="330">
        <v>9116912</v>
      </c>
      <c r="DI30" s="326">
        <v>0</v>
      </c>
      <c r="DJ30" s="327">
        <v>87703</v>
      </c>
      <c r="DK30" s="331">
        <v>87703</v>
      </c>
      <c r="DL30" s="332">
        <v>0</v>
      </c>
      <c r="DM30" s="327">
        <v>994204</v>
      </c>
      <c r="DN30" s="327">
        <v>2417030</v>
      </c>
      <c r="DO30" s="327">
        <v>3267159</v>
      </c>
      <c r="DP30" s="327">
        <v>2086975</v>
      </c>
      <c r="DQ30" s="327">
        <v>259748</v>
      </c>
      <c r="DR30" s="328">
        <v>9025116</v>
      </c>
      <c r="DS30" s="330">
        <v>9112819</v>
      </c>
      <c r="DT30" s="326">
        <v>0</v>
      </c>
      <c r="DU30" s="327">
        <v>87703</v>
      </c>
      <c r="DV30" s="328">
        <v>87703</v>
      </c>
      <c r="DW30" s="326">
        <v>0</v>
      </c>
      <c r="DX30" s="327">
        <v>818756</v>
      </c>
      <c r="DY30" s="327">
        <v>2003226</v>
      </c>
      <c r="DZ30" s="327">
        <v>2488576</v>
      </c>
      <c r="EA30" s="327">
        <v>1475033</v>
      </c>
      <c r="EB30" s="327">
        <v>259748</v>
      </c>
      <c r="EC30" s="328">
        <v>7045339</v>
      </c>
      <c r="ED30" s="330">
        <v>7133042</v>
      </c>
      <c r="EE30" s="326">
        <v>0</v>
      </c>
      <c r="EF30" s="331">
        <v>0</v>
      </c>
      <c r="EG30" s="328">
        <v>0</v>
      </c>
      <c r="EH30" s="326">
        <v>0</v>
      </c>
      <c r="EI30" s="327">
        <v>175448</v>
      </c>
      <c r="EJ30" s="327">
        <v>413804</v>
      </c>
      <c r="EK30" s="327">
        <v>778583</v>
      </c>
      <c r="EL30" s="327">
        <v>611942</v>
      </c>
      <c r="EM30" s="327">
        <v>0</v>
      </c>
      <c r="EN30" s="331">
        <v>1979777</v>
      </c>
      <c r="EO30" s="330">
        <v>1979777</v>
      </c>
      <c r="EP30" s="326">
        <v>0</v>
      </c>
      <c r="EQ30" s="327">
        <v>0</v>
      </c>
      <c r="ER30" s="331">
        <v>0</v>
      </c>
      <c r="ES30" s="332">
        <v>0</v>
      </c>
      <c r="ET30" s="327">
        <v>0</v>
      </c>
      <c r="EU30" s="327">
        <v>0</v>
      </c>
      <c r="EV30" s="327">
        <v>0</v>
      </c>
      <c r="EW30" s="327">
        <v>0</v>
      </c>
      <c r="EX30" s="327">
        <v>0</v>
      </c>
      <c r="EY30" s="328">
        <v>0</v>
      </c>
      <c r="EZ30" s="330">
        <v>0</v>
      </c>
      <c r="FA30" s="326">
        <v>0</v>
      </c>
      <c r="FB30" s="327">
        <v>0</v>
      </c>
      <c r="FC30" s="331">
        <v>0</v>
      </c>
      <c r="FD30" s="332">
        <v>0</v>
      </c>
      <c r="FE30" s="327">
        <v>0</v>
      </c>
      <c r="FF30" s="327">
        <v>0</v>
      </c>
      <c r="FG30" s="327">
        <v>0</v>
      </c>
      <c r="FH30" s="327">
        <v>0</v>
      </c>
      <c r="FI30" s="327">
        <v>0</v>
      </c>
      <c r="FJ30" s="328">
        <v>0</v>
      </c>
      <c r="FK30" s="330">
        <v>0</v>
      </c>
      <c r="FL30" s="326">
        <v>1087026</v>
      </c>
      <c r="FM30" s="327">
        <v>1589271</v>
      </c>
      <c r="FN30" s="328">
        <v>2676297</v>
      </c>
      <c r="FO30" s="326">
        <v>0</v>
      </c>
      <c r="FP30" s="327">
        <v>1318536</v>
      </c>
      <c r="FQ30" s="327">
        <v>4394663</v>
      </c>
      <c r="FR30" s="327">
        <v>2488599</v>
      </c>
      <c r="FS30" s="327">
        <v>1839033</v>
      </c>
      <c r="FT30" s="327">
        <v>1181299</v>
      </c>
      <c r="FU30" s="328">
        <v>11222130</v>
      </c>
      <c r="FV30" s="330">
        <v>13898427</v>
      </c>
      <c r="FW30" s="333">
        <v>593196</v>
      </c>
      <c r="FX30" s="327">
        <v>1286646</v>
      </c>
      <c r="FY30" s="331">
        <v>1879842</v>
      </c>
      <c r="FZ30" s="332">
        <v>0</v>
      </c>
      <c r="GA30" s="327">
        <v>1140921</v>
      </c>
      <c r="GB30" s="327">
        <v>4078663</v>
      </c>
      <c r="GC30" s="327">
        <v>2079986</v>
      </c>
      <c r="GD30" s="327">
        <v>1827817</v>
      </c>
      <c r="GE30" s="327">
        <v>1181299</v>
      </c>
      <c r="GF30" s="328">
        <v>10308686</v>
      </c>
      <c r="GG30" s="334">
        <v>12188528</v>
      </c>
      <c r="GH30" s="333">
        <v>26730</v>
      </c>
      <c r="GI30" s="327">
        <v>126405</v>
      </c>
      <c r="GJ30" s="331">
        <v>153135</v>
      </c>
      <c r="GK30" s="332">
        <v>0</v>
      </c>
      <c r="GL30" s="327">
        <v>58815</v>
      </c>
      <c r="GM30" s="327">
        <v>43500</v>
      </c>
      <c r="GN30" s="327">
        <v>81513</v>
      </c>
      <c r="GO30" s="327">
        <v>11216</v>
      </c>
      <c r="GP30" s="327">
        <v>0</v>
      </c>
      <c r="GQ30" s="328">
        <v>195044</v>
      </c>
      <c r="GR30" s="330">
        <v>348179</v>
      </c>
      <c r="GS30" s="326">
        <v>467100</v>
      </c>
      <c r="GT30" s="327">
        <v>176220</v>
      </c>
      <c r="GU30" s="328">
        <v>643320</v>
      </c>
      <c r="GV30" s="326">
        <v>0</v>
      </c>
      <c r="GW30" s="327">
        <v>118800</v>
      </c>
      <c r="GX30" s="327">
        <v>272500</v>
      </c>
      <c r="GY30" s="327">
        <v>327100</v>
      </c>
      <c r="GZ30" s="327">
        <v>0</v>
      </c>
      <c r="HA30" s="327">
        <v>0</v>
      </c>
      <c r="HB30" s="331">
        <v>718400</v>
      </c>
      <c r="HC30" s="330">
        <v>1361720</v>
      </c>
      <c r="HD30" s="326">
        <v>198852</v>
      </c>
      <c r="HE30" s="327">
        <v>661441</v>
      </c>
      <c r="HF30" s="331">
        <v>860293</v>
      </c>
      <c r="HG30" s="332">
        <v>0</v>
      </c>
      <c r="HH30" s="327">
        <v>4436090</v>
      </c>
      <c r="HI30" s="327">
        <v>2225059</v>
      </c>
      <c r="HJ30" s="327">
        <v>2658172</v>
      </c>
      <c r="HK30" s="327">
        <v>3549082</v>
      </c>
      <c r="HL30" s="327">
        <v>2749929</v>
      </c>
      <c r="HM30" s="328">
        <v>15618332</v>
      </c>
      <c r="HN30" s="329">
        <v>16478625</v>
      </c>
      <c r="HO30" s="333">
        <v>589778</v>
      </c>
      <c r="HP30" s="327">
        <v>1011017</v>
      </c>
      <c r="HQ30" s="328">
        <v>1600795</v>
      </c>
      <c r="HR30" s="326">
        <v>0</v>
      </c>
      <c r="HS30" s="327">
        <v>4575606</v>
      </c>
      <c r="HT30" s="327">
        <v>4270321</v>
      </c>
      <c r="HU30" s="327">
        <v>2463710</v>
      </c>
      <c r="HV30" s="327">
        <v>1531879</v>
      </c>
      <c r="HW30" s="327">
        <v>1017782</v>
      </c>
      <c r="HX30" s="331">
        <v>13859298</v>
      </c>
      <c r="HY30" s="330">
        <v>15460093</v>
      </c>
      <c r="HZ30" s="358">
        <v>0</v>
      </c>
      <c r="IA30" s="356">
        <v>248843</v>
      </c>
      <c r="IB30" s="358">
        <v>248843</v>
      </c>
      <c r="IC30" s="355">
        <v>0</v>
      </c>
      <c r="ID30" s="356">
        <v>6902562</v>
      </c>
      <c r="IE30" s="357">
        <v>5369605</v>
      </c>
      <c r="IF30" s="358">
        <v>4073775</v>
      </c>
      <c r="IG30" s="356">
        <v>3336277</v>
      </c>
      <c r="IH30" s="358">
        <v>1448007</v>
      </c>
      <c r="II30" s="359">
        <v>21130226</v>
      </c>
      <c r="IJ30" s="358">
        <v>21379069</v>
      </c>
      <c r="IK30" s="342">
        <v>0</v>
      </c>
      <c r="IL30" s="343">
        <v>0</v>
      </c>
      <c r="IM30" s="344">
        <v>0</v>
      </c>
      <c r="IN30" s="404">
        <v>0</v>
      </c>
      <c r="IO30" s="345">
        <v>0</v>
      </c>
      <c r="IP30" s="345">
        <v>0</v>
      </c>
      <c r="IQ30" s="345">
        <v>0</v>
      </c>
      <c r="IR30" s="345">
        <v>0</v>
      </c>
      <c r="IS30" s="345">
        <v>0</v>
      </c>
      <c r="IT30" s="346">
        <v>0</v>
      </c>
      <c r="IU30" s="347">
        <v>0</v>
      </c>
      <c r="IV30" s="348">
        <v>0</v>
      </c>
      <c r="IW30" s="345">
        <v>0</v>
      </c>
      <c r="IX30" s="349">
        <v>0</v>
      </c>
      <c r="IY30" s="413">
        <v>0</v>
      </c>
      <c r="IZ30" s="345">
        <v>0</v>
      </c>
      <c r="JA30" s="345">
        <v>0</v>
      </c>
      <c r="JB30" s="345">
        <v>0</v>
      </c>
      <c r="JC30" s="345">
        <v>0</v>
      </c>
      <c r="JD30" s="345">
        <v>0</v>
      </c>
      <c r="JE30" s="349">
        <v>0</v>
      </c>
      <c r="JF30" s="350">
        <v>0</v>
      </c>
      <c r="JG30" s="348">
        <v>0</v>
      </c>
      <c r="JH30" s="345">
        <v>0</v>
      </c>
      <c r="JI30" s="346">
        <v>0</v>
      </c>
      <c r="JJ30" s="351">
        <v>0</v>
      </c>
      <c r="JK30" s="345">
        <v>3573355</v>
      </c>
      <c r="JL30" s="345">
        <v>2564481</v>
      </c>
      <c r="JM30" s="345">
        <v>1222384</v>
      </c>
      <c r="JN30" s="345">
        <v>423391</v>
      </c>
      <c r="JO30" s="345">
        <v>0</v>
      </c>
      <c r="JP30" s="349">
        <v>7783611</v>
      </c>
      <c r="JQ30" s="347">
        <v>7783611</v>
      </c>
      <c r="JR30" s="348">
        <v>0</v>
      </c>
      <c r="JS30" s="345">
        <v>0</v>
      </c>
      <c r="JT30" s="346">
        <v>0</v>
      </c>
      <c r="JU30" s="351">
        <v>0</v>
      </c>
      <c r="JV30" s="345">
        <v>0</v>
      </c>
      <c r="JW30" s="345">
        <v>0</v>
      </c>
      <c r="JX30" s="345">
        <v>0</v>
      </c>
      <c r="JY30" s="345">
        <v>0</v>
      </c>
      <c r="JZ30" s="345">
        <v>0</v>
      </c>
      <c r="KA30" s="349">
        <v>0</v>
      </c>
      <c r="KB30" s="347">
        <v>0</v>
      </c>
      <c r="KC30" s="352">
        <v>0</v>
      </c>
      <c r="KD30" s="353">
        <v>248843</v>
      </c>
      <c r="KE30" s="349">
        <v>248843</v>
      </c>
      <c r="KF30" s="351">
        <v>0</v>
      </c>
      <c r="KG30" s="345">
        <v>810363</v>
      </c>
      <c r="KH30" s="345">
        <v>756207</v>
      </c>
      <c r="KI30" s="345">
        <v>452520</v>
      </c>
      <c r="KJ30" s="345">
        <v>1442371</v>
      </c>
      <c r="KK30" s="345">
        <v>319439</v>
      </c>
      <c r="KL30" s="349">
        <v>3780900</v>
      </c>
      <c r="KM30" s="354">
        <v>4029743</v>
      </c>
      <c r="KN30" s="342">
        <v>0</v>
      </c>
      <c r="KO30" s="343">
        <v>0</v>
      </c>
      <c r="KP30" s="344">
        <v>0</v>
      </c>
      <c r="KQ30" s="413">
        <v>0</v>
      </c>
      <c r="KR30" s="345">
        <v>2518844</v>
      </c>
      <c r="KS30" s="345">
        <v>2048917</v>
      </c>
      <c r="KT30" s="345">
        <v>2398871</v>
      </c>
      <c r="KU30" s="345">
        <v>1470515</v>
      </c>
      <c r="KV30" s="345">
        <v>1128568</v>
      </c>
      <c r="KW30" s="349">
        <v>9565715</v>
      </c>
      <c r="KX30" s="347">
        <v>9565715</v>
      </c>
      <c r="KY30" s="348">
        <v>0</v>
      </c>
      <c r="KZ30" s="345">
        <v>0</v>
      </c>
      <c r="LA30" s="349">
        <v>0</v>
      </c>
      <c r="LB30" s="413">
        <v>0</v>
      </c>
      <c r="LC30" s="345">
        <v>0</v>
      </c>
      <c r="LD30" s="345">
        <v>0</v>
      </c>
      <c r="LE30" s="345">
        <v>0</v>
      </c>
      <c r="LF30" s="345">
        <v>0</v>
      </c>
      <c r="LG30" s="345">
        <v>0</v>
      </c>
      <c r="LH30" s="349">
        <v>0</v>
      </c>
      <c r="LI30" s="350">
        <v>0</v>
      </c>
      <c r="LJ30" s="348">
        <v>0</v>
      </c>
      <c r="LK30" s="345">
        <v>0</v>
      </c>
      <c r="LL30" s="349">
        <v>0</v>
      </c>
      <c r="LM30" s="413">
        <v>0</v>
      </c>
      <c r="LN30" s="345">
        <v>0</v>
      </c>
      <c r="LO30" s="345">
        <v>0</v>
      </c>
      <c r="LP30" s="345">
        <v>0</v>
      </c>
      <c r="LQ30" s="345">
        <v>0</v>
      </c>
      <c r="LR30" s="345">
        <v>0</v>
      </c>
      <c r="LS30" s="349">
        <v>0</v>
      </c>
      <c r="LT30" s="347">
        <v>0</v>
      </c>
      <c r="LU30" s="348">
        <v>0</v>
      </c>
      <c r="LV30" s="345">
        <v>0</v>
      </c>
      <c r="LW30" s="349">
        <v>0</v>
      </c>
      <c r="LX30" s="413">
        <v>0</v>
      </c>
      <c r="LY30" s="345">
        <v>0</v>
      </c>
      <c r="LZ30" s="345">
        <v>0</v>
      </c>
      <c r="MA30" s="345">
        <v>0</v>
      </c>
      <c r="MB30" s="345">
        <v>0</v>
      </c>
      <c r="MC30" s="345">
        <v>0</v>
      </c>
      <c r="MD30" s="349">
        <v>0</v>
      </c>
      <c r="ME30" s="350">
        <v>0</v>
      </c>
      <c r="MF30" s="348">
        <v>0</v>
      </c>
      <c r="MG30" s="345">
        <v>0</v>
      </c>
      <c r="MH30" s="349">
        <v>0</v>
      </c>
      <c r="MI30" s="413">
        <v>0</v>
      </c>
      <c r="MJ30" s="345">
        <v>3361653</v>
      </c>
      <c r="MK30" s="345">
        <v>12028045</v>
      </c>
      <c r="ML30" s="345">
        <v>24587258</v>
      </c>
      <c r="MM30" s="345">
        <v>45704936</v>
      </c>
      <c r="MN30" s="345">
        <v>21328429</v>
      </c>
      <c r="MO30" s="349">
        <v>107010321</v>
      </c>
      <c r="MP30" s="354">
        <v>107010321</v>
      </c>
      <c r="MQ30" s="348">
        <v>0</v>
      </c>
      <c r="MR30" s="345">
        <v>0</v>
      </c>
      <c r="MS30" s="349">
        <v>0</v>
      </c>
      <c r="MT30" s="413">
        <v>0</v>
      </c>
      <c r="MU30" s="345">
        <v>400912</v>
      </c>
      <c r="MV30" s="345">
        <v>2554887</v>
      </c>
      <c r="MW30" s="345">
        <v>18759844</v>
      </c>
      <c r="MX30" s="345">
        <v>26826588</v>
      </c>
      <c r="MY30" s="345">
        <v>16754301</v>
      </c>
      <c r="MZ30" s="349">
        <v>65296532</v>
      </c>
      <c r="NA30" s="354">
        <v>65296532</v>
      </c>
      <c r="NB30" s="348">
        <v>0</v>
      </c>
      <c r="NC30" s="345">
        <v>0</v>
      </c>
      <c r="ND30" s="349">
        <v>0</v>
      </c>
      <c r="NE30" s="413">
        <v>0</v>
      </c>
      <c r="NF30" s="345">
        <v>2960741</v>
      </c>
      <c r="NG30" s="345">
        <v>9473158</v>
      </c>
      <c r="NH30" s="345">
        <v>5827414</v>
      </c>
      <c r="NI30" s="345">
        <v>18878348</v>
      </c>
      <c r="NJ30" s="345">
        <v>3698421</v>
      </c>
      <c r="NK30" s="349">
        <v>40838082</v>
      </c>
      <c r="NL30" s="347">
        <v>40838082</v>
      </c>
      <c r="NM30" s="348">
        <v>0</v>
      </c>
      <c r="NN30" s="345">
        <v>0</v>
      </c>
      <c r="NO30" s="349">
        <v>0</v>
      </c>
      <c r="NP30" s="413">
        <v>0</v>
      </c>
      <c r="NQ30" s="345">
        <v>0</v>
      </c>
      <c r="NR30" s="345">
        <v>0</v>
      </c>
      <c r="NS30" s="345">
        <v>0</v>
      </c>
      <c r="NT30" s="345">
        <v>0</v>
      </c>
      <c r="NU30" s="345">
        <v>0</v>
      </c>
      <c r="NV30" s="349">
        <v>0</v>
      </c>
      <c r="NW30" s="350">
        <v>0</v>
      </c>
      <c r="NX30" s="348">
        <v>0</v>
      </c>
      <c r="NY30" s="345">
        <v>0</v>
      </c>
      <c r="NZ30" s="349">
        <v>0</v>
      </c>
      <c r="OA30" s="413">
        <v>0</v>
      </c>
      <c r="OB30" s="345">
        <v>0</v>
      </c>
      <c r="OC30" s="345">
        <v>0</v>
      </c>
      <c r="OD30" s="345">
        <v>0</v>
      </c>
      <c r="OE30" s="345">
        <v>0</v>
      </c>
      <c r="OF30" s="345">
        <v>875707</v>
      </c>
      <c r="OG30" s="349">
        <v>875707</v>
      </c>
      <c r="OH30" s="350">
        <v>875707</v>
      </c>
      <c r="OI30" s="348">
        <v>2669792</v>
      </c>
      <c r="OJ30" s="345">
        <v>6057405</v>
      </c>
      <c r="OK30" s="346">
        <v>8727197</v>
      </c>
      <c r="OL30" s="351">
        <v>0</v>
      </c>
      <c r="OM30" s="345">
        <v>40953699</v>
      </c>
      <c r="ON30" s="345">
        <v>54003530</v>
      </c>
      <c r="OO30" s="345">
        <v>55756555</v>
      </c>
      <c r="OP30" s="345">
        <v>73344313</v>
      </c>
      <c r="OQ30" s="345">
        <v>40785761</v>
      </c>
      <c r="OR30" s="349">
        <v>264843858</v>
      </c>
      <c r="OS30" s="354">
        <v>273571055</v>
      </c>
    </row>
    <row r="31" spans="2:409" s="70" customFormat="1" ht="21" customHeight="1" x14ac:dyDescent="0.2">
      <c r="B31" s="410" t="s">
        <v>26</v>
      </c>
      <c r="C31" s="326">
        <v>2638828</v>
      </c>
      <c r="D31" s="327">
        <v>3297991</v>
      </c>
      <c r="E31" s="328">
        <v>5936819</v>
      </c>
      <c r="F31" s="329">
        <v>0</v>
      </c>
      <c r="G31" s="327">
        <v>21871348</v>
      </c>
      <c r="H31" s="327">
        <v>35233803</v>
      </c>
      <c r="I31" s="327">
        <v>28580550</v>
      </c>
      <c r="J31" s="327">
        <v>22130255</v>
      </c>
      <c r="K31" s="327">
        <v>24733179</v>
      </c>
      <c r="L31" s="367">
        <v>132549135</v>
      </c>
      <c r="M31" s="330">
        <v>138485954</v>
      </c>
      <c r="N31" s="326">
        <v>619954</v>
      </c>
      <c r="O31" s="327">
        <v>654125</v>
      </c>
      <c r="P31" s="328">
        <v>1274079</v>
      </c>
      <c r="Q31" s="326">
        <v>0</v>
      </c>
      <c r="R31" s="327">
        <v>4932093</v>
      </c>
      <c r="S31" s="327">
        <v>10901103</v>
      </c>
      <c r="T31" s="327">
        <v>9826839</v>
      </c>
      <c r="U31" s="327">
        <v>7197760</v>
      </c>
      <c r="V31" s="327">
        <v>13191219</v>
      </c>
      <c r="W31" s="328">
        <v>46049014</v>
      </c>
      <c r="X31" s="330">
        <v>47323093</v>
      </c>
      <c r="Y31" s="326">
        <v>0</v>
      </c>
      <c r="Z31" s="327">
        <v>0</v>
      </c>
      <c r="AA31" s="328">
        <v>0</v>
      </c>
      <c r="AB31" s="326">
        <v>0</v>
      </c>
      <c r="AC31" s="327">
        <v>2024319</v>
      </c>
      <c r="AD31" s="327">
        <v>5814641</v>
      </c>
      <c r="AE31" s="327">
        <v>5673246</v>
      </c>
      <c r="AF31" s="327">
        <v>3919481</v>
      </c>
      <c r="AG31" s="327">
        <v>8241546</v>
      </c>
      <c r="AH31" s="328">
        <v>25673233</v>
      </c>
      <c r="AI31" s="330">
        <v>25673233</v>
      </c>
      <c r="AJ31" s="326">
        <v>0</v>
      </c>
      <c r="AK31" s="327">
        <v>0</v>
      </c>
      <c r="AL31" s="328">
        <v>0</v>
      </c>
      <c r="AM31" s="326">
        <v>0</v>
      </c>
      <c r="AN31" s="327">
        <v>0</v>
      </c>
      <c r="AO31" s="327">
        <v>39444</v>
      </c>
      <c r="AP31" s="327">
        <v>309957</v>
      </c>
      <c r="AQ31" s="327">
        <v>497260</v>
      </c>
      <c r="AR31" s="327">
        <v>1284682</v>
      </c>
      <c r="AS31" s="328">
        <v>2131343</v>
      </c>
      <c r="AT31" s="330">
        <v>2131343</v>
      </c>
      <c r="AU31" s="326">
        <v>443005</v>
      </c>
      <c r="AV31" s="327">
        <v>526316</v>
      </c>
      <c r="AW31" s="328">
        <v>969321</v>
      </c>
      <c r="AX31" s="326">
        <v>0</v>
      </c>
      <c r="AY31" s="327">
        <v>2045373</v>
      </c>
      <c r="AZ31" s="327">
        <v>3890846</v>
      </c>
      <c r="BA31" s="327">
        <v>2407570</v>
      </c>
      <c r="BB31" s="327">
        <v>1657541</v>
      </c>
      <c r="BC31" s="327">
        <v>2685224</v>
      </c>
      <c r="BD31" s="328">
        <v>12686554</v>
      </c>
      <c r="BE31" s="330">
        <v>13655875</v>
      </c>
      <c r="BF31" s="326">
        <v>43295</v>
      </c>
      <c r="BG31" s="327">
        <v>80820</v>
      </c>
      <c r="BH31" s="331">
        <v>124115</v>
      </c>
      <c r="BI31" s="332">
        <v>0</v>
      </c>
      <c r="BJ31" s="327">
        <v>78842</v>
      </c>
      <c r="BK31" s="327">
        <v>61336</v>
      </c>
      <c r="BL31" s="327">
        <v>120543</v>
      </c>
      <c r="BM31" s="327">
        <v>134779</v>
      </c>
      <c r="BN31" s="327">
        <v>103076</v>
      </c>
      <c r="BO31" s="328">
        <v>498576</v>
      </c>
      <c r="BP31" s="330">
        <v>622691</v>
      </c>
      <c r="BQ31" s="326">
        <v>133654</v>
      </c>
      <c r="BR31" s="327">
        <v>46989</v>
      </c>
      <c r="BS31" s="328">
        <v>180643</v>
      </c>
      <c r="BT31" s="326">
        <v>0</v>
      </c>
      <c r="BU31" s="327">
        <v>783559</v>
      </c>
      <c r="BV31" s="327">
        <v>1094836</v>
      </c>
      <c r="BW31" s="327">
        <v>1315523</v>
      </c>
      <c r="BX31" s="327">
        <v>988699</v>
      </c>
      <c r="BY31" s="327">
        <v>876691</v>
      </c>
      <c r="BZ31" s="328">
        <v>5059308</v>
      </c>
      <c r="CA31" s="330">
        <v>5239951</v>
      </c>
      <c r="CB31" s="326">
        <v>118361</v>
      </c>
      <c r="CC31" s="327">
        <v>321340</v>
      </c>
      <c r="CD31" s="328">
        <v>439701</v>
      </c>
      <c r="CE31" s="326">
        <v>0</v>
      </c>
      <c r="CF31" s="327">
        <v>5840444</v>
      </c>
      <c r="CG31" s="327">
        <v>10128011</v>
      </c>
      <c r="CH31" s="327">
        <v>5695080</v>
      </c>
      <c r="CI31" s="327">
        <v>2564769</v>
      </c>
      <c r="CJ31" s="327">
        <v>2658425</v>
      </c>
      <c r="CK31" s="328">
        <v>26886729</v>
      </c>
      <c r="CL31" s="330">
        <v>27326430</v>
      </c>
      <c r="CM31" s="326">
        <v>0</v>
      </c>
      <c r="CN31" s="327">
        <v>0</v>
      </c>
      <c r="CO31" s="328">
        <v>0</v>
      </c>
      <c r="CP31" s="332">
        <v>0</v>
      </c>
      <c r="CQ31" s="327">
        <v>4989977</v>
      </c>
      <c r="CR31" s="327">
        <v>8402116</v>
      </c>
      <c r="CS31" s="327">
        <v>4538134</v>
      </c>
      <c r="CT31" s="327">
        <v>1630508</v>
      </c>
      <c r="CU31" s="327">
        <v>2158977</v>
      </c>
      <c r="CV31" s="328">
        <v>21719712</v>
      </c>
      <c r="CW31" s="330">
        <v>21719712</v>
      </c>
      <c r="CX31" s="326">
        <v>118361</v>
      </c>
      <c r="CY31" s="327">
        <v>321340</v>
      </c>
      <c r="CZ31" s="328">
        <v>439701</v>
      </c>
      <c r="DA31" s="326">
        <v>0</v>
      </c>
      <c r="DB31" s="327">
        <v>850467</v>
      </c>
      <c r="DC31" s="327">
        <v>1725895</v>
      </c>
      <c r="DD31" s="327">
        <v>1156946</v>
      </c>
      <c r="DE31" s="327">
        <v>934261</v>
      </c>
      <c r="DF31" s="327">
        <v>499448</v>
      </c>
      <c r="DG31" s="328">
        <v>5167017</v>
      </c>
      <c r="DH31" s="330">
        <v>5606718</v>
      </c>
      <c r="DI31" s="326">
        <v>0</v>
      </c>
      <c r="DJ31" s="327">
        <v>38526</v>
      </c>
      <c r="DK31" s="331">
        <v>38526</v>
      </c>
      <c r="DL31" s="332">
        <v>0</v>
      </c>
      <c r="DM31" s="327">
        <v>1040292</v>
      </c>
      <c r="DN31" s="327">
        <v>2633031</v>
      </c>
      <c r="DO31" s="327">
        <v>2537295</v>
      </c>
      <c r="DP31" s="327">
        <v>1389332</v>
      </c>
      <c r="DQ31" s="327">
        <v>2520523</v>
      </c>
      <c r="DR31" s="328">
        <v>10120473</v>
      </c>
      <c r="DS31" s="330">
        <v>10158999</v>
      </c>
      <c r="DT31" s="326">
        <v>0</v>
      </c>
      <c r="DU31" s="327">
        <v>38526</v>
      </c>
      <c r="DV31" s="328">
        <v>38526</v>
      </c>
      <c r="DW31" s="326">
        <v>0</v>
      </c>
      <c r="DX31" s="327">
        <v>937012</v>
      </c>
      <c r="DY31" s="327">
        <v>2418523</v>
      </c>
      <c r="DZ31" s="327">
        <v>2475646</v>
      </c>
      <c r="EA31" s="327">
        <v>1056478</v>
      </c>
      <c r="EB31" s="327">
        <v>2359285</v>
      </c>
      <c r="EC31" s="328">
        <v>9246944</v>
      </c>
      <c r="ED31" s="330">
        <v>9285470</v>
      </c>
      <c r="EE31" s="326">
        <v>0</v>
      </c>
      <c r="EF31" s="331">
        <v>0</v>
      </c>
      <c r="EG31" s="328">
        <v>0</v>
      </c>
      <c r="EH31" s="326">
        <v>0</v>
      </c>
      <c r="EI31" s="327">
        <v>103280</v>
      </c>
      <c r="EJ31" s="327">
        <v>214508</v>
      </c>
      <c r="EK31" s="327">
        <v>61649</v>
      </c>
      <c r="EL31" s="327">
        <v>332854</v>
      </c>
      <c r="EM31" s="327">
        <v>161238</v>
      </c>
      <c r="EN31" s="331">
        <v>873529</v>
      </c>
      <c r="EO31" s="330">
        <v>873529</v>
      </c>
      <c r="EP31" s="326">
        <v>0</v>
      </c>
      <c r="EQ31" s="327">
        <v>0</v>
      </c>
      <c r="ER31" s="331">
        <v>0</v>
      </c>
      <c r="ES31" s="332">
        <v>0</v>
      </c>
      <c r="ET31" s="327">
        <v>0</v>
      </c>
      <c r="EU31" s="327">
        <v>0</v>
      </c>
      <c r="EV31" s="327">
        <v>0</v>
      </c>
      <c r="EW31" s="327">
        <v>0</v>
      </c>
      <c r="EX31" s="327">
        <v>0</v>
      </c>
      <c r="EY31" s="328">
        <v>0</v>
      </c>
      <c r="EZ31" s="330">
        <v>0</v>
      </c>
      <c r="FA31" s="326">
        <v>0</v>
      </c>
      <c r="FB31" s="327">
        <v>0</v>
      </c>
      <c r="FC31" s="331">
        <v>0</v>
      </c>
      <c r="FD31" s="332">
        <v>0</v>
      </c>
      <c r="FE31" s="327">
        <v>0</v>
      </c>
      <c r="FF31" s="327">
        <v>0</v>
      </c>
      <c r="FG31" s="327">
        <v>0</v>
      </c>
      <c r="FH31" s="327">
        <v>0</v>
      </c>
      <c r="FI31" s="327">
        <v>0</v>
      </c>
      <c r="FJ31" s="328">
        <v>0</v>
      </c>
      <c r="FK31" s="330">
        <v>0</v>
      </c>
      <c r="FL31" s="326">
        <v>884941</v>
      </c>
      <c r="FM31" s="327">
        <v>1223664</v>
      </c>
      <c r="FN31" s="328">
        <v>2108605</v>
      </c>
      <c r="FO31" s="326">
        <v>0</v>
      </c>
      <c r="FP31" s="327">
        <v>1227882</v>
      </c>
      <c r="FQ31" s="327">
        <v>3220785</v>
      </c>
      <c r="FR31" s="327">
        <v>2048109</v>
      </c>
      <c r="FS31" s="327">
        <v>1685452</v>
      </c>
      <c r="FT31" s="327">
        <v>1891712</v>
      </c>
      <c r="FU31" s="328">
        <v>10073940</v>
      </c>
      <c r="FV31" s="330">
        <v>12182545</v>
      </c>
      <c r="FW31" s="333">
        <v>398939</v>
      </c>
      <c r="FX31" s="327">
        <v>722256</v>
      </c>
      <c r="FY31" s="331">
        <v>1121195</v>
      </c>
      <c r="FZ31" s="332">
        <v>0</v>
      </c>
      <c r="GA31" s="327">
        <v>1046201</v>
      </c>
      <c r="GB31" s="327">
        <v>3097043</v>
      </c>
      <c r="GC31" s="327">
        <v>1908447</v>
      </c>
      <c r="GD31" s="327">
        <v>1649452</v>
      </c>
      <c r="GE31" s="327">
        <v>1891712</v>
      </c>
      <c r="GF31" s="328">
        <v>9592855</v>
      </c>
      <c r="GG31" s="334">
        <v>10714050</v>
      </c>
      <c r="GH31" s="333">
        <v>0</v>
      </c>
      <c r="GI31" s="327">
        <v>77418</v>
      </c>
      <c r="GJ31" s="331">
        <v>77418</v>
      </c>
      <c r="GK31" s="332">
        <v>0</v>
      </c>
      <c r="GL31" s="327">
        <v>122106</v>
      </c>
      <c r="GM31" s="327">
        <v>21780</v>
      </c>
      <c r="GN31" s="327">
        <v>75240</v>
      </c>
      <c r="GO31" s="327">
        <v>0</v>
      </c>
      <c r="GP31" s="327">
        <v>0</v>
      </c>
      <c r="GQ31" s="328">
        <v>219126</v>
      </c>
      <c r="GR31" s="330">
        <v>296544</v>
      </c>
      <c r="GS31" s="326">
        <v>486002</v>
      </c>
      <c r="GT31" s="327">
        <v>423990</v>
      </c>
      <c r="GU31" s="328">
        <v>909992</v>
      </c>
      <c r="GV31" s="326">
        <v>0</v>
      </c>
      <c r="GW31" s="327">
        <v>59575</v>
      </c>
      <c r="GX31" s="327">
        <v>101962</v>
      </c>
      <c r="GY31" s="327">
        <v>64422</v>
      </c>
      <c r="GZ31" s="327">
        <v>36000</v>
      </c>
      <c r="HA31" s="327">
        <v>0</v>
      </c>
      <c r="HB31" s="331">
        <v>261959</v>
      </c>
      <c r="HC31" s="330">
        <v>1171951</v>
      </c>
      <c r="HD31" s="326">
        <v>597395</v>
      </c>
      <c r="HE31" s="327">
        <v>405191</v>
      </c>
      <c r="HF31" s="331">
        <v>1002586</v>
      </c>
      <c r="HG31" s="332">
        <v>0</v>
      </c>
      <c r="HH31" s="327">
        <v>4950209</v>
      </c>
      <c r="HI31" s="327">
        <v>3953263</v>
      </c>
      <c r="HJ31" s="327">
        <v>5700919</v>
      </c>
      <c r="HK31" s="327">
        <v>7643496</v>
      </c>
      <c r="HL31" s="327">
        <v>3076668</v>
      </c>
      <c r="HM31" s="328">
        <v>25324555</v>
      </c>
      <c r="HN31" s="329">
        <v>26327141</v>
      </c>
      <c r="HO31" s="333">
        <v>418177</v>
      </c>
      <c r="HP31" s="327">
        <v>655145</v>
      </c>
      <c r="HQ31" s="328">
        <v>1073322</v>
      </c>
      <c r="HR31" s="326">
        <v>0</v>
      </c>
      <c r="HS31" s="327">
        <v>3880428</v>
      </c>
      <c r="HT31" s="327">
        <v>4397610</v>
      </c>
      <c r="HU31" s="327">
        <v>2772308</v>
      </c>
      <c r="HV31" s="327">
        <v>1649446</v>
      </c>
      <c r="HW31" s="327">
        <v>1394632</v>
      </c>
      <c r="HX31" s="331">
        <v>14094424</v>
      </c>
      <c r="HY31" s="330">
        <v>15167746</v>
      </c>
      <c r="HZ31" s="335">
        <v>0</v>
      </c>
      <c r="IA31" s="336">
        <v>0</v>
      </c>
      <c r="IB31" s="337">
        <v>0</v>
      </c>
      <c r="IC31" s="338">
        <v>0</v>
      </c>
      <c r="ID31" s="336">
        <v>4666396</v>
      </c>
      <c r="IE31" s="339">
        <v>8013474</v>
      </c>
      <c r="IF31" s="337">
        <v>10409610</v>
      </c>
      <c r="IG31" s="336">
        <v>5408692</v>
      </c>
      <c r="IH31" s="337">
        <v>2155099</v>
      </c>
      <c r="II31" s="340">
        <v>30653271</v>
      </c>
      <c r="IJ31" s="341">
        <v>30653271</v>
      </c>
      <c r="IK31" s="342">
        <v>0</v>
      </c>
      <c r="IL31" s="343">
        <v>0</v>
      </c>
      <c r="IM31" s="344">
        <v>0</v>
      </c>
      <c r="IN31" s="404">
        <v>0</v>
      </c>
      <c r="IO31" s="345">
        <v>0</v>
      </c>
      <c r="IP31" s="345">
        <v>0</v>
      </c>
      <c r="IQ31" s="345">
        <v>0</v>
      </c>
      <c r="IR31" s="345">
        <v>512359</v>
      </c>
      <c r="IS31" s="345">
        <v>0</v>
      </c>
      <c r="IT31" s="346">
        <v>512359</v>
      </c>
      <c r="IU31" s="347">
        <v>512359</v>
      </c>
      <c r="IV31" s="348">
        <v>0</v>
      </c>
      <c r="IW31" s="345">
        <v>0</v>
      </c>
      <c r="IX31" s="349">
        <v>0</v>
      </c>
      <c r="IY31" s="413">
        <v>0</v>
      </c>
      <c r="IZ31" s="345">
        <v>0</v>
      </c>
      <c r="JA31" s="345">
        <v>0</v>
      </c>
      <c r="JB31" s="345">
        <v>0</v>
      </c>
      <c r="JC31" s="345">
        <v>0</v>
      </c>
      <c r="JD31" s="345">
        <v>0</v>
      </c>
      <c r="JE31" s="349">
        <v>0</v>
      </c>
      <c r="JF31" s="350">
        <v>0</v>
      </c>
      <c r="JG31" s="348">
        <v>0</v>
      </c>
      <c r="JH31" s="345">
        <v>0</v>
      </c>
      <c r="JI31" s="346">
        <v>0</v>
      </c>
      <c r="JJ31" s="351">
        <v>0</v>
      </c>
      <c r="JK31" s="345">
        <v>2108030</v>
      </c>
      <c r="JL31" s="345">
        <v>2947529</v>
      </c>
      <c r="JM31" s="345">
        <v>2591244</v>
      </c>
      <c r="JN31" s="345">
        <v>1046947</v>
      </c>
      <c r="JO31" s="345">
        <v>917316</v>
      </c>
      <c r="JP31" s="349">
        <v>9611066</v>
      </c>
      <c r="JQ31" s="347">
        <v>9611066</v>
      </c>
      <c r="JR31" s="348">
        <v>0</v>
      </c>
      <c r="JS31" s="345">
        <v>0</v>
      </c>
      <c r="JT31" s="346">
        <v>0</v>
      </c>
      <c r="JU31" s="351">
        <v>0</v>
      </c>
      <c r="JV31" s="345">
        <v>0</v>
      </c>
      <c r="JW31" s="345">
        <v>0</v>
      </c>
      <c r="JX31" s="345">
        <v>0</v>
      </c>
      <c r="JY31" s="345">
        <v>0</v>
      </c>
      <c r="JZ31" s="345">
        <v>0</v>
      </c>
      <c r="KA31" s="349">
        <v>0</v>
      </c>
      <c r="KB31" s="347">
        <v>0</v>
      </c>
      <c r="KC31" s="352">
        <v>0</v>
      </c>
      <c r="KD31" s="353">
        <v>0</v>
      </c>
      <c r="KE31" s="349">
        <v>0</v>
      </c>
      <c r="KF31" s="351">
        <v>0</v>
      </c>
      <c r="KG31" s="345">
        <v>727506</v>
      </c>
      <c r="KH31" s="345">
        <v>1670260</v>
      </c>
      <c r="KI31" s="345">
        <v>1440425</v>
      </c>
      <c r="KJ31" s="345">
        <v>312852</v>
      </c>
      <c r="KK31" s="345">
        <v>642028</v>
      </c>
      <c r="KL31" s="349">
        <v>4793071</v>
      </c>
      <c r="KM31" s="354">
        <v>4793071</v>
      </c>
      <c r="KN31" s="342">
        <v>0</v>
      </c>
      <c r="KO31" s="343">
        <v>0</v>
      </c>
      <c r="KP31" s="344">
        <v>0</v>
      </c>
      <c r="KQ31" s="413">
        <v>0</v>
      </c>
      <c r="KR31" s="345">
        <v>1830860</v>
      </c>
      <c r="KS31" s="345">
        <v>3395685</v>
      </c>
      <c r="KT31" s="345">
        <v>6377941</v>
      </c>
      <c r="KU31" s="345">
        <v>3536534</v>
      </c>
      <c r="KV31" s="345">
        <v>595755</v>
      </c>
      <c r="KW31" s="349">
        <v>15736775</v>
      </c>
      <c r="KX31" s="347">
        <v>15736775</v>
      </c>
      <c r="KY31" s="348">
        <v>0</v>
      </c>
      <c r="KZ31" s="345">
        <v>0</v>
      </c>
      <c r="LA31" s="349">
        <v>0</v>
      </c>
      <c r="LB31" s="413">
        <v>0</v>
      </c>
      <c r="LC31" s="345">
        <v>0</v>
      </c>
      <c r="LD31" s="345">
        <v>0</v>
      </c>
      <c r="LE31" s="345">
        <v>0</v>
      </c>
      <c r="LF31" s="345">
        <v>0</v>
      </c>
      <c r="LG31" s="345">
        <v>0</v>
      </c>
      <c r="LH31" s="349">
        <v>0</v>
      </c>
      <c r="LI31" s="350">
        <v>0</v>
      </c>
      <c r="LJ31" s="348">
        <v>0</v>
      </c>
      <c r="LK31" s="345">
        <v>0</v>
      </c>
      <c r="LL31" s="349">
        <v>0</v>
      </c>
      <c r="LM31" s="413">
        <v>0</v>
      </c>
      <c r="LN31" s="345">
        <v>0</v>
      </c>
      <c r="LO31" s="345">
        <v>0</v>
      </c>
      <c r="LP31" s="345">
        <v>0</v>
      </c>
      <c r="LQ31" s="345">
        <v>0</v>
      </c>
      <c r="LR31" s="345">
        <v>0</v>
      </c>
      <c r="LS31" s="349">
        <v>0</v>
      </c>
      <c r="LT31" s="347">
        <v>0</v>
      </c>
      <c r="LU31" s="348">
        <v>0</v>
      </c>
      <c r="LV31" s="345">
        <v>0</v>
      </c>
      <c r="LW31" s="349">
        <v>0</v>
      </c>
      <c r="LX31" s="413">
        <v>0</v>
      </c>
      <c r="LY31" s="345">
        <v>0</v>
      </c>
      <c r="LZ31" s="345">
        <v>0</v>
      </c>
      <c r="MA31" s="345">
        <v>0</v>
      </c>
      <c r="MB31" s="345">
        <v>0</v>
      </c>
      <c r="MC31" s="345">
        <v>0</v>
      </c>
      <c r="MD31" s="349">
        <v>0</v>
      </c>
      <c r="ME31" s="350">
        <v>0</v>
      </c>
      <c r="MF31" s="348">
        <v>0</v>
      </c>
      <c r="MG31" s="345">
        <v>0</v>
      </c>
      <c r="MH31" s="349">
        <v>0</v>
      </c>
      <c r="MI31" s="413">
        <v>0</v>
      </c>
      <c r="MJ31" s="345">
        <v>1053267</v>
      </c>
      <c r="MK31" s="345">
        <v>6252145</v>
      </c>
      <c r="ML31" s="345">
        <v>15165339</v>
      </c>
      <c r="MM31" s="345">
        <v>26526990</v>
      </c>
      <c r="MN31" s="345">
        <v>19872494</v>
      </c>
      <c r="MO31" s="349">
        <v>68870235</v>
      </c>
      <c r="MP31" s="354">
        <v>68870235</v>
      </c>
      <c r="MQ31" s="348">
        <v>0</v>
      </c>
      <c r="MR31" s="345">
        <v>0</v>
      </c>
      <c r="MS31" s="349">
        <v>0</v>
      </c>
      <c r="MT31" s="413">
        <v>0</v>
      </c>
      <c r="MU31" s="345">
        <v>255994</v>
      </c>
      <c r="MV31" s="345">
        <v>1024633</v>
      </c>
      <c r="MW31" s="345">
        <v>8330262</v>
      </c>
      <c r="MX31" s="345">
        <v>18400015</v>
      </c>
      <c r="MY31" s="345">
        <v>15079457</v>
      </c>
      <c r="MZ31" s="349">
        <v>43090361</v>
      </c>
      <c r="NA31" s="354">
        <v>43090361</v>
      </c>
      <c r="NB31" s="348">
        <v>0</v>
      </c>
      <c r="NC31" s="345">
        <v>0</v>
      </c>
      <c r="ND31" s="349">
        <v>0</v>
      </c>
      <c r="NE31" s="413">
        <v>0</v>
      </c>
      <c r="NF31" s="345">
        <v>556244</v>
      </c>
      <c r="NG31" s="345">
        <v>4924830</v>
      </c>
      <c r="NH31" s="345">
        <v>6835077</v>
      </c>
      <c r="NI31" s="345">
        <v>8126975</v>
      </c>
      <c r="NJ31" s="345">
        <v>4085184</v>
      </c>
      <c r="NK31" s="349">
        <v>24528310</v>
      </c>
      <c r="NL31" s="347">
        <v>24528310</v>
      </c>
      <c r="NM31" s="348">
        <v>0</v>
      </c>
      <c r="NN31" s="345">
        <v>0</v>
      </c>
      <c r="NO31" s="349">
        <v>0</v>
      </c>
      <c r="NP31" s="413">
        <v>0</v>
      </c>
      <c r="NQ31" s="345">
        <v>0</v>
      </c>
      <c r="NR31" s="345">
        <v>0</v>
      </c>
      <c r="NS31" s="345">
        <v>0</v>
      </c>
      <c r="NT31" s="345">
        <v>0</v>
      </c>
      <c r="NU31" s="345">
        <v>0</v>
      </c>
      <c r="NV31" s="349">
        <v>0</v>
      </c>
      <c r="NW31" s="350">
        <v>0</v>
      </c>
      <c r="NX31" s="348">
        <v>0</v>
      </c>
      <c r="NY31" s="345">
        <v>0</v>
      </c>
      <c r="NZ31" s="349">
        <v>0</v>
      </c>
      <c r="OA31" s="413">
        <v>0</v>
      </c>
      <c r="OB31" s="345">
        <v>241029</v>
      </c>
      <c r="OC31" s="345">
        <v>302682</v>
      </c>
      <c r="OD31" s="345">
        <v>0</v>
      </c>
      <c r="OE31" s="345">
        <v>0</v>
      </c>
      <c r="OF31" s="345">
        <v>707853</v>
      </c>
      <c r="OG31" s="349">
        <v>1251564</v>
      </c>
      <c r="OH31" s="350">
        <v>1251564</v>
      </c>
      <c r="OI31" s="348">
        <v>2638828</v>
      </c>
      <c r="OJ31" s="345">
        <v>3297991</v>
      </c>
      <c r="OK31" s="346">
        <v>5936819</v>
      </c>
      <c r="OL31" s="351">
        <v>0</v>
      </c>
      <c r="OM31" s="345">
        <v>27591011</v>
      </c>
      <c r="ON31" s="345">
        <v>49499422</v>
      </c>
      <c r="OO31" s="345">
        <v>54155499</v>
      </c>
      <c r="OP31" s="345">
        <v>54065937</v>
      </c>
      <c r="OQ31" s="345">
        <v>46760772</v>
      </c>
      <c r="OR31" s="349">
        <v>232072641</v>
      </c>
      <c r="OS31" s="354">
        <v>238009460</v>
      </c>
    </row>
    <row r="32" spans="2:409" s="70" customFormat="1" ht="21" customHeight="1" x14ac:dyDescent="0.2">
      <c r="B32" s="410" t="s">
        <v>27</v>
      </c>
      <c r="C32" s="326">
        <v>3299596</v>
      </c>
      <c r="D32" s="327">
        <v>7117111</v>
      </c>
      <c r="E32" s="328">
        <v>10416707</v>
      </c>
      <c r="F32" s="329">
        <v>0</v>
      </c>
      <c r="G32" s="327">
        <v>26450598</v>
      </c>
      <c r="H32" s="327">
        <v>22101788</v>
      </c>
      <c r="I32" s="327">
        <v>21006832</v>
      </c>
      <c r="J32" s="327">
        <v>22976634</v>
      </c>
      <c r="K32" s="327">
        <v>16432204</v>
      </c>
      <c r="L32" s="367">
        <v>108968056</v>
      </c>
      <c r="M32" s="330">
        <v>119384763</v>
      </c>
      <c r="N32" s="326">
        <v>727188</v>
      </c>
      <c r="O32" s="327">
        <v>1709290</v>
      </c>
      <c r="P32" s="328">
        <v>2436478</v>
      </c>
      <c r="Q32" s="326">
        <v>0</v>
      </c>
      <c r="R32" s="327">
        <v>5000979</v>
      </c>
      <c r="S32" s="327">
        <v>5931280</v>
      </c>
      <c r="T32" s="327">
        <v>5388418</v>
      </c>
      <c r="U32" s="327">
        <v>7190395</v>
      </c>
      <c r="V32" s="327">
        <v>7610690</v>
      </c>
      <c r="W32" s="328">
        <v>31121762</v>
      </c>
      <c r="X32" s="330">
        <v>33558240</v>
      </c>
      <c r="Y32" s="326">
        <v>0</v>
      </c>
      <c r="Z32" s="327">
        <v>0</v>
      </c>
      <c r="AA32" s="328">
        <v>0</v>
      </c>
      <c r="AB32" s="326">
        <v>0</v>
      </c>
      <c r="AC32" s="327">
        <v>2409722</v>
      </c>
      <c r="AD32" s="327">
        <v>3043736</v>
      </c>
      <c r="AE32" s="327">
        <v>2705562</v>
      </c>
      <c r="AF32" s="327">
        <v>4354494</v>
      </c>
      <c r="AG32" s="327">
        <v>4350752</v>
      </c>
      <c r="AH32" s="328">
        <v>16864266</v>
      </c>
      <c r="AI32" s="330">
        <v>16864266</v>
      </c>
      <c r="AJ32" s="326">
        <v>0</v>
      </c>
      <c r="AK32" s="327">
        <v>0</v>
      </c>
      <c r="AL32" s="328">
        <v>0</v>
      </c>
      <c r="AM32" s="326">
        <v>0</v>
      </c>
      <c r="AN32" s="327">
        <v>64942</v>
      </c>
      <c r="AO32" s="327">
        <v>153807</v>
      </c>
      <c r="AP32" s="327">
        <v>202057</v>
      </c>
      <c r="AQ32" s="327">
        <v>494579</v>
      </c>
      <c r="AR32" s="327">
        <v>1030867</v>
      </c>
      <c r="AS32" s="328">
        <v>1946252</v>
      </c>
      <c r="AT32" s="330">
        <v>1946252</v>
      </c>
      <c r="AU32" s="326">
        <v>573041</v>
      </c>
      <c r="AV32" s="327">
        <v>1345545</v>
      </c>
      <c r="AW32" s="328">
        <v>1918586</v>
      </c>
      <c r="AX32" s="326">
        <v>0</v>
      </c>
      <c r="AY32" s="327">
        <v>1377244</v>
      </c>
      <c r="AZ32" s="327">
        <v>1962910</v>
      </c>
      <c r="BA32" s="327">
        <v>1548749</v>
      </c>
      <c r="BB32" s="327">
        <v>1472572</v>
      </c>
      <c r="BC32" s="327">
        <v>1606324</v>
      </c>
      <c r="BD32" s="328">
        <v>7967799</v>
      </c>
      <c r="BE32" s="330">
        <v>9886385</v>
      </c>
      <c r="BF32" s="326">
        <v>34637</v>
      </c>
      <c r="BG32" s="327">
        <v>144321</v>
      </c>
      <c r="BH32" s="331">
        <v>178958</v>
      </c>
      <c r="BI32" s="332">
        <v>0</v>
      </c>
      <c r="BJ32" s="327">
        <v>35776</v>
      </c>
      <c r="BK32" s="327">
        <v>0</v>
      </c>
      <c r="BL32" s="327">
        <v>0</v>
      </c>
      <c r="BM32" s="327">
        <v>0</v>
      </c>
      <c r="BN32" s="327">
        <v>36649</v>
      </c>
      <c r="BO32" s="328">
        <v>72425</v>
      </c>
      <c r="BP32" s="330">
        <v>251383</v>
      </c>
      <c r="BQ32" s="326">
        <v>119510</v>
      </c>
      <c r="BR32" s="327">
        <v>219424</v>
      </c>
      <c r="BS32" s="328">
        <v>338934</v>
      </c>
      <c r="BT32" s="326">
        <v>0</v>
      </c>
      <c r="BU32" s="327">
        <v>1113295</v>
      </c>
      <c r="BV32" s="327">
        <v>770827</v>
      </c>
      <c r="BW32" s="327">
        <v>932050</v>
      </c>
      <c r="BX32" s="327">
        <v>868750</v>
      </c>
      <c r="BY32" s="327">
        <v>586098</v>
      </c>
      <c r="BZ32" s="328">
        <v>4271020</v>
      </c>
      <c r="CA32" s="330">
        <v>4609954</v>
      </c>
      <c r="CB32" s="326">
        <v>446005</v>
      </c>
      <c r="CC32" s="327">
        <v>1435008</v>
      </c>
      <c r="CD32" s="328">
        <v>1881013</v>
      </c>
      <c r="CE32" s="326">
        <v>0</v>
      </c>
      <c r="CF32" s="327">
        <v>7693158</v>
      </c>
      <c r="CG32" s="327">
        <v>5747424</v>
      </c>
      <c r="CH32" s="327">
        <v>4691396</v>
      </c>
      <c r="CI32" s="327">
        <v>3419705</v>
      </c>
      <c r="CJ32" s="327">
        <v>1854597</v>
      </c>
      <c r="CK32" s="328">
        <v>23406280</v>
      </c>
      <c r="CL32" s="330">
        <v>25287293</v>
      </c>
      <c r="CM32" s="326">
        <v>0</v>
      </c>
      <c r="CN32" s="327">
        <v>0</v>
      </c>
      <c r="CO32" s="328">
        <v>0</v>
      </c>
      <c r="CP32" s="332">
        <v>0</v>
      </c>
      <c r="CQ32" s="327">
        <v>6265082</v>
      </c>
      <c r="CR32" s="327">
        <v>4008038</v>
      </c>
      <c r="CS32" s="327">
        <v>3212556</v>
      </c>
      <c r="CT32" s="327">
        <v>2736068</v>
      </c>
      <c r="CU32" s="327">
        <v>1442175</v>
      </c>
      <c r="CV32" s="328">
        <v>17663919</v>
      </c>
      <c r="CW32" s="330">
        <v>17663919</v>
      </c>
      <c r="CX32" s="326">
        <v>446005</v>
      </c>
      <c r="CY32" s="327">
        <v>1435008</v>
      </c>
      <c r="CZ32" s="328">
        <v>1881013</v>
      </c>
      <c r="DA32" s="326">
        <v>0</v>
      </c>
      <c r="DB32" s="327">
        <v>1428076</v>
      </c>
      <c r="DC32" s="327">
        <v>1739386</v>
      </c>
      <c r="DD32" s="327">
        <v>1478840</v>
      </c>
      <c r="DE32" s="327">
        <v>683637</v>
      </c>
      <c r="DF32" s="327">
        <v>412422</v>
      </c>
      <c r="DG32" s="328">
        <v>5742361</v>
      </c>
      <c r="DH32" s="330">
        <v>7623374</v>
      </c>
      <c r="DI32" s="326">
        <v>16711</v>
      </c>
      <c r="DJ32" s="327">
        <v>0</v>
      </c>
      <c r="DK32" s="331">
        <v>16711</v>
      </c>
      <c r="DL32" s="332">
        <v>0</v>
      </c>
      <c r="DM32" s="327">
        <v>764138</v>
      </c>
      <c r="DN32" s="327">
        <v>1087793</v>
      </c>
      <c r="DO32" s="327">
        <v>1091819</v>
      </c>
      <c r="DP32" s="327">
        <v>2222795</v>
      </c>
      <c r="DQ32" s="327">
        <v>647366</v>
      </c>
      <c r="DR32" s="328">
        <v>5813911</v>
      </c>
      <c r="DS32" s="330">
        <v>5830622</v>
      </c>
      <c r="DT32" s="326">
        <v>0</v>
      </c>
      <c r="DU32" s="327">
        <v>0</v>
      </c>
      <c r="DV32" s="328">
        <v>0</v>
      </c>
      <c r="DW32" s="326">
        <v>0</v>
      </c>
      <c r="DX32" s="327">
        <v>705915</v>
      </c>
      <c r="DY32" s="327">
        <v>992611</v>
      </c>
      <c r="DZ32" s="327">
        <v>993859</v>
      </c>
      <c r="EA32" s="327">
        <v>2140367</v>
      </c>
      <c r="EB32" s="327">
        <v>647366</v>
      </c>
      <c r="EC32" s="328">
        <v>5480118</v>
      </c>
      <c r="ED32" s="330">
        <v>5480118</v>
      </c>
      <c r="EE32" s="326">
        <v>16711</v>
      </c>
      <c r="EF32" s="331">
        <v>0</v>
      </c>
      <c r="EG32" s="328">
        <v>16711</v>
      </c>
      <c r="EH32" s="326">
        <v>0</v>
      </c>
      <c r="EI32" s="327">
        <v>58223</v>
      </c>
      <c r="EJ32" s="327">
        <v>95182</v>
      </c>
      <c r="EK32" s="327">
        <v>97960</v>
      </c>
      <c r="EL32" s="327">
        <v>82428</v>
      </c>
      <c r="EM32" s="327">
        <v>0</v>
      </c>
      <c r="EN32" s="331">
        <v>333793</v>
      </c>
      <c r="EO32" s="330">
        <v>350504</v>
      </c>
      <c r="EP32" s="326">
        <v>0</v>
      </c>
      <c r="EQ32" s="327">
        <v>0</v>
      </c>
      <c r="ER32" s="331">
        <v>0</v>
      </c>
      <c r="ES32" s="332">
        <v>0</v>
      </c>
      <c r="ET32" s="327">
        <v>0</v>
      </c>
      <c r="EU32" s="327">
        <v>0</v>
      </c>
      <c r="EV32" s="327">
        <v>0</v>
      </c>
      <c r="EW32" s="327">
        <v>0</v>
      </c>
      <c r="EX32" s="327">
        <v>0</v>
      </c>
      <c r="EY32" s="328">
        <v>0</v>
      </c>
      <c r="EZ32" s="330">
        <v>0</v>
      </c>
      <c r="FA32" s="326">
        <v>0</v>
      </c>
      <c r="FB32" s="327">
        <v>0</v>
      </c>
      <c r="FC32" s="331">
        <v>0</v>
      </c>
      <c r="FD32" s="332">
        <v>0</v>
      </c>
      <c r="FE32" s="327">
        <v>0</v>
      </c>
      <c r="FF32" s="327">
        <v>0</v>
      </c>
      <c r="FG32" s="327">
        <v>0</v>
      </c>
      <c r="FH32" s="327">
        <v>0</v>
      </c>
      <c r="FI32" s="327">
        <v>0</v>
      </c>
      <c r="FJ32" s="328">
        <v>0</v>
      </c>
      <c r="FK32" s="330">
        <v>0</v>
      </c>
      <c r="FL32" s="326">
        <v>672213</v>
      </c>
      <c r="FM32" s="327">
        <v>1795673</v>
      </c>
      <c r="FN32" s="328">
        <v>2467886</v>
      </c>
      <c r="FO32" s="326">
        <v>0</v>
      </c>
      <c r="FP32" s="327">
        <v>969816</v>
      </c>
      <c r="FQ32" s="327">
        <v>2036106</v>
      </c>
      <c r="FR32" s="327">
        <v>1718231</v>
      </c>
      <c r="FS32" s="327">
        <v>1446058</v>
      </c>
      <c r="FT32" s="327">
        <v>1213863</v>
      </c>
      <c r="FU32" s="328">
        <v>7384074</v>
      </c>
      <c r="FV32" s="330">
        <v>9851960</v>
      </c>
      <c r="FW32" s="333">
        <v>510318</v>
      </c>
      <c r="FX32" s="327">
        <v>1114635</v>
      </c>
      <c r="FY32" s="331">
        <v>1624953</v>
      </c>
      <c r="FZ32" s="332">
        <v>0</v>
      </c>
      <c r="GA32" s="327">
        <v>666831</v>
      </c>
      <c r="GB32" s="327">
        <v>1995279</v>
      </c>
      <c r="GC32" s="327">
        <v>1681781</v>
      </c>
      <c r="GD32" s="327">
        <v>1355608</v>
      </c>
      <c r="GE32" s="327">
        <v>1213863</v>
      </c>
      <c r="GF32" s="328">
        <v>6913362</v>
      </c>
      <c r="GG32" s="334">
        <v>8538315</v>
      </c>
      <c r="GH32" s="333">
        <v>51915</v>
      </c>
      <c r="GI32" s="327">
        <v>91038</v>
      </c>
      <c r="GJ32" s="331">
        <v>142953</v>
      </c>
      <c r="GK32" s="332">
        <v>0</v>
      </c>
      <c r="GL32" s="327">
        <v>53460</v>
      </c>
      <c r="GM32" s="327">
        <v>25977</v>
      </c>
      <c r="GN32" s="327">
        <v>0</v>
      </c>
      <c r="GO32" s="327">
        <v>0</v>
      </c>
      <c r="GP32" s="327">
        <v>0</v>
      </c>
      <c r="GQ32" s="328">
        <v>79437</v>
      </c>
      <c r="GR32" s="330">
        <v>222390</v>
      </c>
      <c r="GS32" s="326">
        <v>109980</v>
      </c>
      <c r="GT32" s="327">
        <v>590000</v>
      </c>
      <c r="GU32" s="328">
        <v>699980</v>
      </c>
      <c r="GV32" s="326">
        <v>0</v>
      </c>
      <c r="GW32" s="327">
        <v>249525</v>
      </c>
      <c r="GX32" s="327">
        <v>14850</v>
      </c>
      <c r="GY32" s="327">
        <v>36450</v>
      </c>
      <c r="GZ32" s="327">
        <v>90450</v>
      </c>
      <c r="HA32" s="327">
        <v>0</v>
      </c>
      <c r="HB32" s="331">
        <v>391275</v>
      </c>
      <c r="HC32" s="330">
        <v>1091255</v>
      </c>
      <c r="HD32" s="326">
        <v>792611</v>
      </c>
      <c r="HE32" s="327">
        <v>1272958</v>
      </c>
      <c r="HF32" s="331">
        <v>2065569</v>
      </c>
      <c r="HG32" s="332">
        <v>0</v>
      </c>
      <c r="HH32" s="327">
        <v>8623235</v>
      </c>
      <c r="HI32" s="327">
        <v>4897183</v>
      </c>
      <c r="HJ32" s="327">
        <v>6373696</v>
      </c>
      <c r="HK32" s="327">
        <v>7180745</v>
      </c>
      <c r="HL32" s="327">
        <v>4175619</v>
      </c>
      <c r="HM32" s="328">
        <v>31250478</v>
      </c>
      <c r="HN32" s="329">
        <v>33316047</v>
      </c>
      <c r="HO32" s="333">
        <v>644868</v>
      </c>
      <c r="HP32" s="327">
        <v>904182</v>
      </c>
      <c r="HQ32" s="328">
        <v>1549050</v>
      </c>
      <c r="HR32" s="326">
        <v>0</v>
      </c>
      <c r="HS32" s="327">
        <v>3399272</v>
      </c>
      <c r="HT32" s="327">
        <v>2402002</v>
      </c>
      <c r="HU32" s="327">
        <v>1743272</v>
      </c>
      <c r="HV32" s="327">
        <v>1516936</v>
      </c>
      <c r="HW32" s="327">
        <v>930069</v>
      </c>
      <c r="HX32" s="331">
        <v>9991551</v>
      </c>
      <c r="HY32" s="330">
        <v>11540601</v>
      </c>
      <c r="HZ32" s="358">
        <v>0</v>
      </c>
      <c r="IA32" s="356">
        <v>0</v>
      </c>
      <c r="IB32" s="358">
        <v>0</v>
      </c>
      <c r="IC32" s="355">
        <v>0</v>
      </c>
      <c r="ID32" s="356">
        <v>6008625</v>
      </c>
      <c r="IE32" s="357">
        <v>4451990</v>
      </c>
      <c r="IF32" s="358">
        <v>7341241</v>
      </c>
      <c r="IG32" s="356">
        <v>5974716</v>
      </c>
      <c r="IH32" s="358">
        <v>3632188</v>
      </c>
      <c r="II32" s="359">
        <v>27408760</v>
      </c>
      <c r="IJ32" s="358">
        <v>27408760</v>
      </c>
      <c r="IK32" s="342">
        <v>0</v>
      </c>
      <c r="IL32" s="343">
        <v>0</v>
      </c>
      <c r="IM32" s="344">
        <v>0</v>
      </c>
      <c r="IN32" s="404">
        <v>0</v>
      </c>
      <c r="IO32" s="345">
        <v>38286</v>
      </c>
      <c r="IP32" s="345">
        <v>0</v>
      </c>
      <c r="IQ32" s="345">
        <v>89584</v>
      </c>
      <c r="IR32" s="345">
        <v>0</v>
      </c>
      <c r="IS32" s="345">
        <v>0</v>
      </c>
      <c r="IT32" s="346">
        <v>127870</v>
      </c>
      <c r="IU32" s="347">
        <v>127870</v>
      </c>
      <c r="IV32" s="348">
        <v>0</v>
      </c>
      <c r="IW32" s="345">
        <v>0</v>
      </c>
      <c r="IX32" s="349">
        <v>0</v>
      </c>
      <c r="IY32" s="413">
        <v>0</v>
      </c>
      <c r="IZ32" s="345">
        <v>0</v>
      </c>
      <c r="JA32" s="345">
        <v>0</v>
      </c>
      <c r="JB32" s="345">
        <v>0</v>
      </c>
      <c r="JC32" s="345">
        <v>0</v>
      </c>
      <c r="JD32" s="345">
        <v>0</v>
      </c>
      <c r="JE32" s="349">
        <v>0</v>
      </c>
      <c r="JF32" s="350">
        <v>0</v>
      </c>
      <c r="JG32" s="348">
        <v>0</v>
      </c>
      <c r="JH32" s="345">
        <v>0</v>
      </c>
      <c r="JI32" s="346">
        <v>0</v>
      </c>
      <c r="JJ32" s="351">
        <v>0</v>
      </c>
      <c r="JK32" s="345">
        <v>1732976</v>
      </c>
      <c r="JL32" s="345">
        <v>808966</v>
      </c>
      <c r="JM32" s="345">
        <v>383701</v>
      </c>
      <c r="JN32" s="345">
        <v>143719</v>
      </c>
      <c r="JO32" s="345">
        <v>259042</v>
      </c>
      <c r="JP32" s="349">
        <v>3328404</v>
      </c>
      <c r="JQ32" s="347">
        <v>3328404</v>
      </c>
      <c r="JR32" s="348">
        <v>0</v>
      </c>
      <c r="JS32" s="345">
        <v>0</v>
      </c>
      <c r="JT32" s="346">
        <v>0</v>
      </c>
      <c r="JU32" s="351">
        <v>0</v>
      </c>
      <c r="JV32" s="345">
        <v>239294</v>
      </c>
      <c r="JW32" s="345">
        <v>124652</v>
      </c>
      <c r="JX32" s="345">
        <v>333609</v>
      </c>
      <c r="JY32" s="345">
        <v>242044</v>
      </c>
      <c r="JZ32" s="345">
        <v>0</v>
      </c>
      <c r="KA32" s="349">
        <v>939599</v>
      </c>
      <c r="KB32" s="347">
        <v>939599</v>
      </c>
      <c r="KC32" s="352">
        <v>0</v>
      </c>
      <c r="KD32" s="353">
        <v>0</v>
      </c>
      <c r="KE32" s="349">
        <v>0</v>
      </c>
      <c r="KF32" s="351">
        <v>0</v>
      </c>
      <c r="KG32" s="345">
        <v>1131139</v>
      </c>
      <c r="KH32" s="345">
        <v>943216</v>
      </c>
      <c r="KI32" s="345">
        <v>2012933</v>
      </c>
      <c r="KJ32" s="345">
        <v>476460</v>
      </c>
      <c r="KK32" s="345">
        <v>164417</v>
      </c>
      <c r="KL32" s="349">
        <v>4728165</v>
      </c>
      <c r="KM32" s="354">
        <v>4728165</v>
      </c>
      <c r="KN32" s="342">
        <v>0</v>
      </c>
      <c r="KO32" s="343">
        <v>0</v>
      </c>
      <c r="KP32" s="344">
        <v>0</v>
      </c>
      <c r="KQ32" s="413">
        <v>0</v>
      </c>
      <c r="KR32" s="345">
        <v>2470976</v>
      </c>
      <c r="KS32" s="345">
        <v>1986035</v>
      </c>
      <c r="KT32" s="345">
        <v>2596032</v>
      </c>
      <c r="KU32" s="345">
        <v>1403737</v>
      </c>
      <c r="KV32" s="345">
        <v>954197</v>
      </c>
      <c r="KW32" s="349">
        <v>9410977</v>
      </c>
      <c r="KX32" s="347">
        <v>9410977</v>
      </c>
      <c r="KY32" s="348">
        <v>0</v>
      </c>
      <c r="KZ32" s="345">
        <v>0</v>
      </c>
      <c r="LA32" s="349">
        <v>0</v>
      </c>
      <c r="LB32" s="413">
        <v>0</v>
      </c>
      <c r="LC32" s="345">
        <v>0</v>
      </c>
      <c r="LD32" s="345">
        <v>0</v>
      </c>
      <c r="LE32" s="345">
        <v>0</v>
      </c>
      <c r="LF32" s="345">
        <v>0</v>
      </c>
      <c r="LG32" s="345">
        <v>0</v>
      </c>
      <c r="LH32" s="349">
        <v>0</v>
      </c>
      <c r="LI32" s="350">
        <v>0</v>
      </c>
      <c r="LJ32" s="348">
        <v>0</v>
      </c>
      <c r="LK32" s="345">
        <v>0</v>
      </c>
      <c r="LL32" s="349">
        <v>0</v>
      </c>
      <c r="LM32" s="413">
        <v>0</v>
      </c>
      <c r="LN32" s="345">
        <v>0</v>
      </c>
      <c r="LO32" s="345">
        <v>0</v>
      </c>
      <c r="LP32" s="345">
        <v>1650843</v>
      </c>
      <c r="LQ32" s="345">
        <v>3090907</v>
      </c>
      <c r="LR32" s="345">
        <v>1906955</v>
      </c>
      <c r="LS32" s="349">
        <v>6648705</v>
      </c>
      <c r="LT32" s="347">
        <v>6648705</v>
      </c>
      <c r="LU32" s="348">
        <v>0</v>
      </c>
      <c r="LV32" s="345">
        <v>0</v>
      </c>
      <c r="LW32" s="349">
        <v>0</v>
      </c>
      <c r="LX32" s="413">
        <v>0</v>
      </c>
      <c r="LY32" s="345">
        <v>395954</v>
      </c>
      <c r="LZ32" s="345">
        <v>589121</v>
      </c>
      <c r="MA32" s="345">
        <v>274539</v>
      </c>
      <c r="MB32" s="345">
        <v>617849</v>
      </c>
      <c r="MC32" s="345">
        <v>347577</v>
      </c>
      <c r="MD32" s="349">
        <v>2225040</v>
      </c>
      <c r="ME32" s="350">
        <v>2225040</v>
      </c>
      <c r="MF32" s="348">
        <v>0</v>
      </c>
      <c r="MG32" s="345">
        <v>0</v>
      </c>
      <c r="MH32" s="349">
        <v>0</v>
      </c>
      <c r="MI32" s="413">
        <v>0</v>
      </c>
      <c r="MJ32" s="345">
        <v>2147630</v>
      </c>
      <c r="MK32" s="345">
        <v>4470997</v>
      </c>
      <c r="ML32" s="345">
        <v>12175831</v>
      </c>
      <c r="MM32" s="345">
        <v>25396785</v>
      </c>
      <c r="MN32" s="345">
        <v>16150041</v>
      </c>
      <c r="MO32" s="349">
        <v>60341284</v>
      </c>
      <c r="MP32" s="354">
        <v>60341284</v>
      </c>
      <c r="MQ32" s="348">
        <v>0</v>
      </c>
      <c r="MR32" s="345">
        <v>0</v>
      </c>
      <c r="MS32" s="349">
        <v>0</v>
      </c>
      <c r="MT32" s="413">
        <v>0</v>
      </c>
      <c r="MU32" s="345">
        <v>500274</v>
      </c>
      <c r="MV32" s="345">
        <v>466565</v>
      </c>
      <c r="MW32" s="345">
        <v>6811828</v>
      </c>
      <c r="MX32" s="345">
        <v>17405591</v>
      </c>
      <c r="MY32" s="345">
        <v>9396101</v>
      </c>
      <c r="MZ32" s="349">
        <v>34580359</v>
      </c>
      <c r="NA32" s="354">
        <v>34580359</v>
      </c>
      <c r="NB32" s="348">
        <v>0</v>
      </c>
      <c r="NC32" s="345">
        <v>0</v>
      </c>
      <c r="ND32" s="349">
        <v>0</v>
      </c>
      <c r="NE32" s="413">
        <v>0</v>
      </c>
      <c r="NF32" s="345">
        <v>1647356</v>
      </c>
      <c r="NG32" s="345">
        <v>4004432</v>
      </c>
      <c r="NH32" s="345">
        <v>5364003</v>
      </c>
      <c r="NI32" s="345">
        <v>7593193</v>
      </c>
      <c r="NJ32" s="345">
        <v>5064341</v>
      </c>
      <c r="NK32" s="349">
        <v>23673325</v>
      </c>
      <c r="NL32" s="347">
        <v>23673325</v>
      </c>
      <c r="NM32" s="348">
        <v>0</v>
      </c>
      <c r="NN32" s="345">
        <v>0</v>
      </c>
      <c r="NO32" s="349">
        <v>0</v>
      </c>
      <c r="NP32" s="413">
        <v>0</v>
      </c>
      <c r="NQ32" s="345">
        <v>0</v>
      </c>
      <c r="NR32" s="345">
        <v>0</v>
      </c>
      <c r="NS32" s="345">
        <v>0</v>
      </c>
      <c r="NT32" s="345">
        <v>0</v>
      </c>
      <c r="NU32" s="345">
        <v>0</v>
      </c>
      <c r="NV32" s="349">
        <v>0</v>
      </c>
      <c r="NW32" s="350">
        <v>0</v>
      </c>
      <c r="NX32" s="348">
        <v>0</v>
      </c>
      <c r="NY32" s="345">
        <v>0</v>
      </c>
      <c r="NZ32" s="349">
        <v>0</v>
      </c>
      <c r="OA32" s="413">
        <v>0</v>
      </c>
      <c r="OB32" s="345">
        <v>0</v>
      </c>
      <c r="OC32" s="345">
        <v>0</v>
      </c>
      <c r="OD32" s="345">
        <v>0</v>
      </c>
      <c r="OE32" s="345">
        <v>398001</v>
      </c>
      <c r="OF32" s="345">
        <v>1689599</v>
      </c>
      <c r="OG32" s="349">
        <v>2087600</v>
      </c>
      <c r="OH32" s="350">
        <v>2087600</v>
      </c>
      <c r="OI32" s="348">
        <v>3299596</v>
      </c>
      <c r="OJ32" s="345">
        <v>7117111</v>
      </c>
      <c r="OK32" s="346">
        <v>10416707</v>
      </c>
      <c r="OL32" s="351">
        <v>0</v>
      </c>
      <c r="OM32" s="345">
        <v>34606853</v>
      </c>
      <c r="ON32" s="345">
        <v>31024775</v>
      </c>
      <c r="OO32" s="345">
        <v>40523904</v>
      </c>
      <c r="OP32" s="345">
        <v>54348135</v>
      </c>
      <c r="OQ32" s="345">
        <v>36214433</v>
      </c>
      <c r="OR32" s="349">
        <v>196718100</v>
      </c>
      <c r="OS32" s="354">
        <v>207134807</v>
      </c>
    </row>
    <row r="33" spans="2:409" s="70" customFormat="1" ht="21" customHeight="1" x14ac:dyDescent="0.2">
      <c r="B33" s="410" t="s">
        <v>28</v>
      </c>
      <c r="C33" s="326">
        <v>147037</v>
      </c>
      <c r="D33" s="327">
        <v>634309</v>
      </c>
      <c r="E33" s="328">
        <v>781346</v>
      </c>
      <c r="F33" s="329">
        <v>0</v>
      </c>
      <c r="G33" s="327">
        <v>5966363</v>
      </c>
      <c r="H33" s="327">
        <v>9209954</v>
      </c>
      <c r="I33" s="327">
        <v>6020197</v>
      </c>
      <c r="J33" s="327">
        <v>5395985</v>
      </c>
      <c r="K33" s="327">
        <v>4776796</v>
      </c>
      <c r="L33" s="367">
        <v>31369295</v>
      </c>
      <c r="M33" s="330">
        <v>32150641</v>
      </c>
      <c r="N33" s="326">
        <v>54094</v>
      </c>
      <c r="O33" s="327">
        <v>100811</v>
      </c>
      <c r="P33" s="328">
        <v>154905</v>
      </c>
      <c r="Q33" s="326">
        <v>0</v>
      </c>
      <c r="R33" s="327">
        <v>1176068</v>
      </c>
      <c r="S33" s="327">
        <v>1684812</v>
      </c>
      <c r="T33" s="327">
        <v>1302588</v>
      </c>
      <c r="U33" s="327">
        <v>1688011</v>
      </c>
      <c r="V33" s="327">
        <v>2569784</v>
      </c>
      <c r="W33" s="328">
        <v>8421263</v>
      </c>
      <c r="X33" s="330">
        <v>8576168</v>
      </c>
      <c r="Y33" s="326">
        <v>0</v>
      </c>
      <c r="Z33" s="327">
        <v>0</v>
      </c>
      <c r="AA33" s="328">
        <v>0</v>
      </c>
      <c r="AB33" s="326">
        <v>0</v>
      </c>
      <c r="AC33" s="327">
        <v>504167</v>
      </c>
      <c r="AD33" s="327">
        <v>928966</v>
      </c>
      <c r="AE33" s="327">
        <v>692359</v>
      </c>
      <c r="AF33" s="327">
        <v>675495</v>
      </c>
      <c r="AG33" s="327">
        <v>1896323</v>
      </c>
      <c r="AH33" s="328">
        <v>4697310</v>
      </c>
      <c r="AI33" s="330">
        <v>4697310</v>
      </c>
      <c r="AJ33" s="326">
        <v>0</v>
      </c>
      <c r="AK33" s="327">
        <v>0</v>
      </c>
      <c r="AL33" s="328">
        <v>0</v>
      </c>
      <c r="AM33" s="326">
        <v>0</v>
      </c>
      <c r="AN33" s="327">
        <v>60647</v>
      </c>
      <c r="AO33" s="327">
        <v>111014</v>
      </c>
      <c r="AP33" s="327">
        <v>0</v>
      </c>
      <c r="AQ33" s="327">
        <v>132889</v>
      </c>
      <c r="AR33" s="327">
        <v>116895</v>
      </c>
      <c r="AS33" s="328">
        <v>421445</v>
      </c>
      <c r="AT33" s="330">
        <v>421445</v>
      </c>
      <c r="AU33" s="326">
        <v>54094</v>
      </c>
      <c r="AV33" s="327">
        <v>88177</v>
      </c>
      <c r="AW33" s="328">
        <v>142271</v>
      </c>
      <c r="AX33" s="326">
        <v>0</v>
      </c>
      <c r="AY33" s="327">
        <v>441195</v>
      </c>
      <c r="AZ33" s="327">
        <v>453220</v>
      </c>
      <c r="BA33" s="327">
        <v>351421</v>
      </c>
      <c r="BB33" s="327">
        <v>705533</v>
      </c>
      <c r="BC33" s="327">
        <v>281722</v>
      </c>
      <c r="BD33" s="328">
        <v>2233091</v>
      </c>
      <c r="BE33" s="330">
        <v>2375362</v>
      </c>
      <c r="BF33" s="326">
        <v>0</v>
      </c>
      <c r="BG33" s="327">
        <v>0</v>
      </c>
      <c r="BH33" s="331">
        <v>0</v>
      </c>
      <c r="BI33" s="332">
        <v>0</v>
      </c>
      <c r="BJ33" s="327">
        <v>23353</v>
      </c>
      <c r="BK33" s="327">
        <v>0</v>
      </c>
      <c r="BL33" s="327">
        <v>91286</v>
      </c>
      <c r="BM33" s="327">
        <v>26747</v>
      </c>
      <c r="BN33" s="327">
        <v>70375</v>
      </c>
      <c r="BO33" s="328">
        <v>211761</v>
      </c>
      <c r="BP33" s="330">
        <v>211761</v>
      </c>
      <c r="BQ33" s="326">
        <v>0</v>
      </c>
      <c r="BR33" s="327">
        <v>12634</v>
      </c>
      <c r="BS33" s="328">
        <v>12634</v>
      </c>
      <c r="BT33" s="326">
        <v>0</v>
      </c>
      <c r="BU33" s="327">
        <v>146706</v>
      </c>
      <c r="BV33" s="327">
        <v>191612</v>
      </c>
      <c r="BW33" s="327">
        <v>167522</v>
      </c>
      <c r="BX33" s="327">
        <v>147347</v>
      </c>
      <c r="BY33" s="327">
        <v>204469</v>
      </c>
      <c r="BZ33" s="328">
        <v>857656</v>
      </c>
      <c r="CA33" s="330">
        <v>870290</v>
      </c>
      <c r="CB33" s="326">
        <v>21456</v>
      </c>
      <c r="CC33" s="327">
        <v>210200</v>
      </c>
      <c r="CD33" s="328">
        <v>231656</v>
      </c>
      <c r="CE33" s="326">
        <v>0</v>
      </c>
      <c r="CF33" s="327">
        <v>2163865</v>
      </c>
      <c r="CG33" s="327">
        <v>3893174</v>
      </c>
      <c r="CH33" s="327">
        <v>2667882</v>
      </c>
      <c r="CI33" s="327">
        <v>1829231</v>
      </c>
      <c r="CJ33" s="327">
        <v>743577</v>
      </c>
      <c r="CK33" s="328">
        <v>11297729</v>
      </c>
      <c r="CL33" s="330">
        <v>11529385</v>
      </c>
      <c r="CM33" s="326">
        <v>0</v>
      </c>
      <c r="CN33" s="327">
        <v>0</v>
      </c>
      <c r="CO33" s="328">
        <v>0</v>
      </c>
      <c r="CP33" s="332">
        <v>0</v>
      </c>
      <c r="CQ33" s="327">
        <v>1647929</v>
      </c>
      <c r="CR33" s="327">
        <v>2861762</v>
      </c>
      <c r="CS33" s="327">
        <v>2025846</v>
      </c>
      <c r="CT33" s="327">
        <v>1129201</v>
      </c>
      <c r="CU33" s="327">
        <v>447111</v>
      </c>
      <c r="CV33" s="328">
        <v>8111849</v>
      </c>
      <c r="CW33" s="330">
        <v>8111849</v>
      </c>
      <c r="CX33" s="326">
        <v>21456</v>
      </c>
      <c r="CY33" s="327">
        <v>210200</v>
      </c>
      <c r="CZ33" s="328">
        <v>231656</v>
      </c>
      <c r="DA33" s="326">
        <v>0</v>
      </c>
      <c r="DB33" s="327">
        <v>515936</v>
      </c>
      <c r="DC33" s="327">
        <v>1031412</v>
      </c>
      <c r="DD33" s="327">
        <v>642036</v>
      </c>
      <c r="DE33" s="327">
        <v>700030</v>
      </c>
      <c r="DF33" s="327">
        <v>296466</v>
      </c>
      <c r="DG33" s="328">
        <v>3185880</v>
      </c>
      <c r="DH33" s="330">
        <v>3417536</v>
      </c>
      <c r="DI33" s="326">
        <v>0</v>
      </c>
      <c r="DJ33" s="327">
        <v>23344</v>
      </c>
      <c r="DK33" s="331">
        <v>23344</v>
      </c>
      <c r="DL33" s="332">
        <v>0</v>
      </c>
      <c r="DM33" s="327">
        <v>121828</v>
      </c>
      <c r="DN33" s="327">
        <v>293572</v>
      </c>
      <c r="DO33" s="327">
        <v>389300</v>
      </c>
      <c r="DP33" s="327">
        <v>393515</v>
      </c>
      <c r="DQ33" s="327">
        <v>350053</v>
      </c>
      <c r="DR33" s="328">
        <v>1548268</v>
      </c>
      <c r="DS33" s="330">
        <v>1571612</v>
      </c>
      <c r="DT33" s="326">
        <v>0</v>
      </c>
      <c r="DU33" s="327">
        <v>23344</v>
      </c>
      <c r="DV33" s="328">
        <v>23344</v>
      </c>
      <c r="DW33" s="326">
        <v>0</v>
      </c>
      <c r="DX33" s="327">
        <v>100852</v>
      </c>
      <c r="DY33" s="327">
        <v>293572</v>
      </c>
      <c r="DZ33" s="327">
        <v>213618</v>
      </c>
      <c r="EA33" s="327">
        <v>253060</v>
      </c>
      <c r="EB33" s="327">
        <v>312795</v>
      </c>
      <c r="EC33" s="328">
        <v>1173897</v>
      </c>
      <c r="ED33" s="330">
        <v>1197241</v>
      </c>
      <c r="EE33" s="326">
        <v>0</v>
      </c>
      <c r="EF33" s="331">
        <v>0</v>
      </c>
      <c r="EG33" s="328">
        <v>0</v>
      </c>
      <c r="EH33" s="326">
        <v>0</v>
      </c>
      <c r="EI33" s="327">
        <v>20976</v>
      </c>
      <c r="EJ33" s="327">
        <v>0</v>
      </c>
      <c r="EK33" s="327">
        <v>175682</v>
      </c>
      <c r="EL33" s="327">
        <v>140455</v>
      </c>
      <c r="EM33" s="327">
        <v>37258</v>
      </c>
      <c r="EN33" s="331">
        <v>374371</v>
      </c>
      <c r="EO33" s="330">
        <v>374371</v>
      </c>
      <c r="EP33" s="326">
        <v>0</v>
      </c>
      <c r="EQ33" s="327">
        <v>0</v>
      </c>
      <c r="ER33" s="331">
        <v>0</v>
      </c>
      <c r="ES33" s="332">
        <v>0</v>
      </c>
      <c r="ET33" s="327">
        <v>0</v>
      </c>
      <c r="EU33" s="327">
        <v>0</v>
      </c>
      <c r="EV33" s="327">
        <v>0</v>
      </c>
      <c r="EW33" s="327">
        <v>0</v>
      </c>
      <c r="EX33" s="327">
        <v>0</v>
      </c>
      <c r="EY33" s="328">
        <v>0</v>
      </c>
      <c r="EZ33" s="330">
        <v>0</v>
      </c>
      <c r="FA33" s="326">
        <v>0</v>
      </c>
      <c r="FB33" s="327">
        <v>0</v>
      </c>
      <c r="FC33" s="331">
        <v>0</v>
      </c>
      <c r="FD33" s="332">
        <v>0</v>
      </c>
      <c r="FE33" s="327">
        <v>0</v>
      </c>
      <c r="FF33" s="327">
        <v>0</v>
      </c>
      <c r="FG33" s="327">
        <v>0</v>
      </c>
      <c r="FH33" s="327">
        <v>0</v>
      </c>
      <c r="FI33" s="327">
        <v>0</v>
      </c>
      <c r="FJ33" s="328">
        <v>0</v>
      </c>
      <c r="FK33" s="330">
        <v>0</v>
      </c>
      <c r="FL33" s="326">
        <v>30042</v>
      </c>
      <c r="FM33" s="327">
        <v>161680</v>
      </c>
      <c r="FN33" s="328">
        <v>191722</v>
      </c>
      <c r="FO33" s="326">
        <v>0</v>
      </c>
      <c r="FP33" s="327">
        <v>502646</v>
      </c>
      <c r="FQ33" s="327">
        <v>958617</v>
      </c>
      <c r="FR33" s="327">
        <v>500423</v>
      </c>
      <c r="FS33" s="327">
        <v>525930</v>
      </c>
      <c r="FT33" s="327">
        <v>327221</v>
      </c>
      <c r="FU33" s="328">
        <v>2814837</v>
      </c>
      <c r="FV33" s="330">
        <v>3006559</v>
      </c>
      <c r="FW33" s="333">
        <v>30042</v>
      </c>
      <c r="FX33" s="327">
        <v>161680</v>
      </c>
      <c r="FY33" s="331">
        <v>191722</v>
      </c>
      <c r="FZ33" s="332">
        <v>0</v>
      </c>
      <c r="GA33" s="327">
        <v>277154</v>
      </c>
      <c r="GB33" s="327">
        <v>937990</v>
      </c>
      <c r="GC33" s="327">
        <v>500423</v>
      </c>
      <c r="GD33" s="327">
        <v>525930</v>
      </c>
      <c r="GE33" s="327">
        <v>327221</v>
      </c>
      <c r="GF33" s="328">
        <v>2568718</v>
      </c>
      <c r="GG33" s="334">
        <v>2760440</v>
      </c>
      <c r="GH33" s="333">
        <v>0</v>
      </c>
      <c r="GI33" s="327">
        <v>0</v>
      </c>
      <c r="GJ33" s="331">
        <v>0</v>
      </c>
      <c r="GK33" s="332">
        <v>0</v>
      </c>
      <c r="GL33" s="327">
        <v>53212</v>
      </c>
      <c r="GM33" s="327">
        <v>20627</v>
      </c>
      <c r="GN33" s="327">
        <v>0</v>
      </c>
      <c r="GO33" s="327">
        <v>0</v>
      </c>
      <c r="GP33" s="327">
        <v>0</v>
      </c>
      <c r="GQ33" s="328">
        <v>73839</v>
      </c>
      <c r="GR33" s="330">
        <v>73839</v>
      </c>
      <c r="GS33" s="326">
        <v>0</v>
      </c>
      <c r="GT33" s="327">
        <v>0</v>
      </c>
      <c r="GU33" s="328">
        <v>0</v>
      </c>
      <c r="GV33" s="326">
        <v>0</v>
      </c>
      <c r="GW33" s="327">
        <v>172280</v>
      </c>
      <c r="GX33" s="327">
        <v>0</v>
      </c>
      <c r="GY33" s="327">
        <v>0</v>
      </c>
      <c r="GZ33" s="327">
        <v>0</v>
      </c>
      <c r="HA33" s="327">
        <v>0</v>
      </c>
      <c r="HB33" s="331">
        <v>172280</v>
      </c>
      <c r="HC33" s="330">
        <v>172280</v>
      </c>
      <c r="HD33" s="326">
        <v>0</v>
      </c>
      <c r="HE33" s="327">
        <v>0</v>
      </c>
      <c r="HF33" s="331">
        <v>0</v>
      </c>
      <c r="HG33" s="332">
        <v>0</v>
      </c>
      <c r="HH33" s="327">
        <v>874844</v>
      </c>
      <c r="HI33" s="327">
        <v>1229449</v>
      </c>
      <c r="HJ33" s="327">
        <v>402366</v>
      </c>
      <c r="HK33" s="327">
        <v>490106</v>
      </c>
      <c r="HL33" s="327">
        <v>484319</v>
      </c>
      <c r="HM33" s="328">
        <v>3481084</v>
      </c>
      <c r="HN33" s="329">
        <v>3481084</v>
      </c>
      <c r="HO33" s="333">
        <v>41445</v>
      </c>
      <c r="HP33" s="327">
        <v>138274</v>
      </c>
      <c r="HQ33" s="328">
        <v>179719</v>
      </c>
      <c r="HR33" s="326">
        <v>0</v>
      </c>
      <c r="HS33" s="327">
        <v>1127112</v>
      </c>
      <c r="HT33" s="327">
        <v>1150330</v>
      </c>
      <c r="HU33" s="327">
        <v>757638</v>
      </c>
      <c r="HV33" s="327">
        <v>469192</v>
      </c>
      <c r="HW33" s="327">
        <v>301842</v>
      </c>
      <c r="HX33" s="331">
        <v>3806114</v>
      </c>
      <c r="HY33" s="330">
        <v>3985833</v>
      </c>
      <c r="HZ33" s="335">
        <v>0</v>
      </c>
      <c r="IA33" s="336">
        <v>0</v>
      </c>
      <c r="IB33" s="337">
        <v>0</v>
      </c>
      <c r="IC33" s="338">
        <v>0</v>
      </c>
      <c r="ID33" s="336">
        <v>1669024</v>
      </c>
      <c r="IE33" s="339">
        <v>1713492</v>
      </c>
      <c r="IF33" s="337">
        <v>1670125</v>
      </c>
      <c r="IG33" s="336">
        <v>1459858</v>
      </c>
      <c r="IH33" s="337">
        <v>1486510</v>
      </c>
      <c r="II33" s="340">
        <v>7999009</v>
      </c>
      <c r="IJ33" s="341">
        <v>7999009</v>
      </c>
      <c r="IK33" s="342">
        <v>0</v>
      </c>
      <c r="IL33" s="343">
        <v>0</v>
      </c>
      <c r="IM33" s="344">
        <v>0</v>
      </c>
      <c r="IN33" s="404">
        <v>0</v>
      </c>
      <c r="IO33" s="345">
        <v>0</v>
      </c>
      <c r="IP33" s="345">
        <v>0</v>
      </c>
      <c r="IQ33" s="345">
        <v>0</v>
      </c>
      <c r="IR33" s="345">
        <v>0</v>
      </c>
      <c r="IS33" s="345">
        <v>249633</v>
      </c>
      <c r="IT33" s="346">
        <v>249633</v>
      </c>
      <c r="IU33" s="347">
        <v>249633</v>
      </c>
      <c r="IV33" s="348">
        <v>0</v>
      </c>
      <c r="IW33" s="345">
        <v>0</v>
      </c>
      <c r="IX33" s="349">
        <v>0</v>
      </c>
      <c r="IY33" s="413">
        <v>0</v>
      </c>
      <c r="IZ33" s="345">
        <v>0</v>
      </c>
      <c r="JA33" s="345">
        <v>0</v>
      </c>
      <c r="JB33" s="345">
        <v>0</v>
      </c>
      <c r="JC33" s="345">
        <v>0</v>
      </c>
      <c r="JD33" s="345">
        <v>0</v>
      </c>
      <c r="JE33" s="349">
        <v>0</v>
      </c>
      <c r="JF33" s="350">
        <v>0</v>
      </c>
      <c r="JG33" s="348">
        <v>0</v>
      </c>
      <c r="JH33" s="345">
        <v>0</v>
      </c>
      <c r="JI33" s="346">
        <v>0</v>
      </c>
      <c r="JJ33" s="351">
        <v>0</v>
      </c>
      <c r="JK33" s="345">
        <v>787495</v>
      </c>
      <c r="JL33" s="345">
        <v>434923</v>
      </c>
      <c r="JM33" s="345">
        <v>331946</v>
      </c>
      <c r="JN33" s="345">
        <v>139771</v>
      </c>
      <c r="JO33" s="345">
        <v>47157</v>
      </c>
      <c r="JP33" s="349">
        <v>1741292</v>
      </c>
      <c r="JQ33" s="347">
        <v>1741292</v>
      </c>
      <c r="JR33" s="348">
        <v>0</v>
      </c>
      <c r="JS33" s="345">
        <v>0</v>
      </c>
      <c r="JT33" s="346">
        <v>0</v>
      </c>
      <c r="JU33" s="351">
        <v>0</v>
      </c>
      <c r="JV33" s="345">
        <v>329649</v>
      </c>
      <c r="JW33" s="345">
        <v>203965</v>
      </c>
      <c r="JX33" s="345">
        <v>209487</v>
      </c>
      <c r="JY33" s="345">
        <v>335742</v>
      </c>
      <c r="JZ33" s="345">
        <v>0</v>
      </c>
      <c r="KA33" s="349">
        <v>1078843</v>
      </c>
      <c r="KB33" s="347">
        <v>1078843</v>
      </c>
      <c r="KC33" s="352">
        <v>0</v>
      </c>
      <c r="KD33" s="353">
        <v>0</v>
      </c>
      <c r="KE33" s="349">
        <v>0</v>
      </c>
      <c r="KF33" s="351">
        <v>0</v>
      </c>
      <c r="KG33" s="345">
        <v>0</v>
      </c>
      <c r="KH33" s="345">
        <v>0</v>
      </c>
      <c r="KI33" s="345">
        <v>0</v>
      </c>
      <c r="KJ33" s="345">
        <v>0</v>
      </c>
      <c r="KK33" s="345">
        <v>0</v>
      </c>
      <c r="KL33" s="349">
        <v>0</v>
      </c>
      <c r="KM33" s="354">
        <v>0</v>
      </c>
      <c r="KN33" s="342">
        <v>0</v>
      </c>
      <c r="KO33" s="343">
        <v>0</v>
      </c>
      <c r="KP33" s="344">
        <v>0</v>
      </c>
      <c r="KQ33" s="413">
        <v>0</v>
      </c>
      <c r="KR33" s="345">
        <v>551880</v>
      </c>
      <c r="KS33" s="345">
        <v>1074604</v>
      </c>
      <c r="KT33" s="345">
        <v>1128692</v>
      </c>
      <c r="KU33" s="345">
        <v>633003</v>
      </c>
      <c r="KV33" s="345">
        <v>1189720</v>
      </c>
      <c r="KW33" s="349">
        <v>4577899</v>
      </c>
      <c r="KX33" s="347">
        <v>4577899</v>
      </c>
      <c r="KY33" s="348">
        <v>0</v>
      </c>
      <c r="KZ33" s="345">
        <v>0</v>
      </c>
      <c r="LA33" s="349">
        <v>0</v>
      </c>
      <c r="LB33" s="413">
        <v>0</v>
      </c>
      <c r="LC33" s="345">
        <v>0</v>
      </c>
      <c r="LD33" s="345">
        <v>0</v>
      </c>
      <c r="LE33" s="345">
        <v>0</v>
      </c>
      <c r="LF33" s="345">
        <v>0</v>
      </c>
      <c r="LG33" s="345">
        <v>0</v>
      </c>
      <c r="LH33" s="349">
        <v>0</v>
      </c>
      <c r="LI33" s="350">
        <v>0</v>
      </c>
      <c r="LJ33" s="348">
        <v>0</v>
      </c>
      <c r="LK33" s="345">
        <v>0</v>
      </c>
      <c r="LL33" s="349">
        <v>0</v>
      </c>
      <c r="LM33" s="413">
        <v>0</v>
      </c>
      <c r="LN33" s="345">
        <v>0</v>
      </c>
      <c r="LO33" s="345">
        <v>0</v>
      </c>
      <c r="LP33" s="345">
        <v>0</v>
      </c>
      <c r="LQ33" s="345">
        <v>351342</v>
      </c>
      <c r="LR33" s="345">
        <v>0</v>
      </c>
      <c r="LS33" s="349">
        <v>351342</v>
      </c>
      <c r="LT33" s="347">
        <v>351342</v>
      </c>
      <c r="LU33" s="348">
        <v>0</v>
      </c>
      <c r="LV33" s="345">
        <v>0</v>
      </c>
      <c r="LW33" s="349">
        <v>0</v>
      </c>
      <c r="LX33" s="413">
        <v>0</v>
      </c>
      <c r="LY33" s="345">
        <v>0</v>
      </c>
      <c r="LZ33" s="345">
        <v>0</v>
      </c>
      <c r="MA33" s="345">
        <v>0</v>
      </c>
      <c r="MB33" s="345">
        <v>0</v>
      </c>
      <c r="MC33" s="345">
        <v>0</v>
      </c>
      <c r="MD33" s="349">
        <v>0</v>
      </c>
      <c r="ME33" s="350">
        <v>0</v>
      </c>
      <c r="MF33" s="348">
        <v>0</v>
      </c>
      <c r="MG33" s="345">
        <v>0</v>
      </c>
      <c r="MH33" s="349">
        <v>0</v>
      </c>
      <c r="MI33" s="413">
        <v>0</v>
      </c>
      <c r="MJ33" s="345">
        <v>854909</v>
      </c>
      <c r="MK33" s="345">
        <v>3222537</v>
      </c>
      <c r="ML33" s="345">
        <v>5204322</v>
      </c>
      <c r="MM33" s="345">
        <v>8603771</v>
      </c>
      <c r="MN33" s="345">
        <v>6532691</v>
      </c>
      <c r="MO33" s="349">
        <v>24418230</v>
      </c>
      <c r="MP33" s="354">
        <v>24418230</v>
      </c>
      <c r="MQ33" s="348">
        <v>0</v>
      </c>
      <c r="MR33" s="345">
        <v>0</v>
      </c>
      <c r="MS33" s="349">
        <v>0</v>
      </c>
      <c r="MT33" s="413">
        <v>0</v>
      </c>
      <c r="MU33" s="345">
        <v>0</v>
      </c>
      <c r="MV33" s="345">
        <v>1158766</v>
      </c>
      <c r="MW33" s="345">
        <v>3027808</v>
      </c>
      <c r="MX33" s="345">
        <v>5867326</v>
      </c>
      <c r="MY33" s="345">
        <v>5178918</v>
      </c>
      <c r="MZ33" s="349">
        <v>15232818</v>
      </c>
      <c r="NA33" s="354">
        <v>15232818</v>
      </c>
      <c r="NB33" s="348">
        <v>0</v>
      </c>
      <c r="NC33" s="345">
        <v>0</v>
      </c>
      <c r="ND33" s="349">
        <v>0</v>
      </c>
      <c r="NE33" s="413">
        <v>0</v>
      </c>
      <c r="NF33" s="345">
        <v>854909</v>
      </c>
      <c r="NG33" s="345">
        <v>2063771</v>
      </c>
      <c r="NH33" s="345">
        <v>2176514</v>
      </c>
      <c r="NI33" s="345">
        <v>2736445</v>
      </c>
      <c r="NJ33" s="345">
        <v>894650</v>
      </c>
      <c r="NK33" s="349">
        <v>8726289</v>
      </c>
      <c r="NL33" s="347">
        <v>8726289</v>
      </c>
      <c r="NM33" s="348">
        <v>0</v>
      </c>
      <c r="NN33" s="345">
        <v>0</v>
      </c>
      <c r="NO33" s="349">
        <v>0</v>
      </c>
      <c r="NP33" s="413">
        <v>0</v>
      </c>
      <c r="NQ33" s="345">
        <v>0</v>
      </c>
      <c r="NR33" s="345">
        <v>0</v>
      </c>
      <c r="NS33" s="345">
        <v>0</v>
      </c>
      <c r="NT33" s="345">
        <v>0</v>
      </c>
      <c r="NU33" s="345">
        <v>0</v>
      </c>
      <c r="NV33" s="349">
        <v>0</v>
      </c>
      <c r="NW33" s="350">
        <v>0</v>
      </c>
      <c r="NX33" s="348">
        <v>0</v>
      </c>
      <c r="NY33" s="345">
        <v>0</v>
      </c>
      <c r="NZ33" s="349">
        <v>0</v>
      </c>
      <c r="OA33" s="413">
        <v>0</v>
      </c>
      <c r="OB33" s="345">
        <v>0</v>
      </c>
      <c r="OC33" s="345">
        <v>0</v>
      </c>
      <c r="OD33" s="345">
        <v>0</v>
      </c>
      <c r="OE33" s="345">
        <v>0</v>
      </c>
      <c r="OF33" s="345">
        <v>459123</v>
      </c>
      <c r="OG33" s="349">
        <v>459123</v>
      </c>
      <c r="OH33" s="350">
        <v>459123</v>
      </c>
      <c r="OI33" s="348">
        <v>147037</v>
      </c>
      <c r="OJ33" s="345">
        <v>634309</v>
      </c>
      <c r="OK33" s="346">
        <v>781346</v>
      </c>
      <c r="OL33" s="351">
        <v>0</v>
      </c>
      <c r="OM33" s="345">
        <v>8490296</v>
      </c>
      <c r="ON33" s="345">
        <v>14145983</v>
      </c>
      <c r="OO33" s="345">
        <v>12894644</v>
      </c>
      <c r="OP33" s="345">
        <v>15459614</v>
      </c>
      <c r="OQ33" s="345">
        <v>12795997</v>
      </c>
      <c r="OR33" s="349">
        <v>63786534</v>
      </c>
      <c r="OS33" s="354">
        <v>64567880</v>
      </c>
    </row>
    <row r="34" spans="2:409" s="70" customFormat="1" ht="21" customHeight="1" x14ac:dyDescent="0.2">
      <c r="B34" s="410" t="s">
        <v>29</v>
      </c>
      <c r="C34" s="326">
        <v>496575</v>
      </c>
      <c r="D34" s="327">
        <v>1218601</v>
      </c>
      <c r="E34" s="328">
        <v>1715176</v>
      </c>
      <c r="F34" s="329">
        <v>0</v>
      </c>
      <c r="G34" s="327">
        <v>8102634</v>
      </c>
      <c r="H34" s="327">
        <v>10527818</v>
      </c>
      <c r="I34" s="327">
        <v>10265022</v>
      </c>
      <c r="J34" s="327">
        <v>11008181</v>
      </c>
      <c r="K34" s="327">
        <v>6423749</v>
      </c>
      <c r="L34" s="367">
        <v>46327404</v>
      </c>
      <c r="M34" s="330">
        <v>48042580</v>
      </c>
      <c r="N34" s="326">
        <v>77582</v>
      </c>
      <c r="O34" s="327">
        <v>260304</v>
      </c>
      <c r="P34" s="328">
        <v>337886</v>
      </c>
      <c r="Q34" s="326">
        <v>0</v>
      </c>
      <c r="R34" s="327">
        <v>2130506</v>
      </c>
      <c r="S34" s="327">
        <v>2986103</v>
      </c>
      <c r="T34" s="327">
        <v>2248435</v>
      </c>
      <c r="U34" s="327">
        <v>3779692</v>
      </c>
      <c r="V34" s="327">
        <v>3464415</v>
      </c>
      <c r="W34" s="328">
        <v>14609151</v>
      </c>
      <c r="X34" s="330">
        <v>14947037</v>
      </c>
      <c r="Y34" s="326">
        <v>0</v>
      </c>
      <c r="Z34" s="327">
        <v>0</v>
      </c>
      <c r="AA34" s="328">
        <v>0</v>
      </c>
      <c r="AB34" s="326">
        <v>0</v>
      </c>
      <c r="AC34" s="327">
        <v>927032</v>
      </c>
      <c r="AD34" s="327">
        <v>1474141</v>
      </c>
      <c r="AE34" s="327">
        <v>1325858</v>
      </c>
      <c r="AF34" s="327">
        <v>2644705</v>
      </c>
      <c r="AG34" s="327">
        <v>2098624</v>
      </c>
      <c r="AH34" s="328">
        <v>8470360</v>
      </c>
      <c r="AI34" s="330">
        <v>8470360</v>
      </c>
      <c r="AJ34" s="326">
        <v>0</v>
      </c>
      <c r="AK34" s="327">
        <v>0</v>
      </c>
      <c r="AL34" s="328">
        <v>0</v>
      </c>
      <c r="AM34" s="326">
        <v>0</v>
      </c>
      <c r="AN34" s="327">
        <v>0</v>
      </c>
      <c r="AO34" s="327">
        <v>105759</v>
      </c>
      <c r="AP34" s="327">
        <v>13240</v>
      </c>
      <c r="AQ34" s="327">
        <v>146662</v>
      </c>
      <c r="AR34" s="327">
        <v>328751</v>
      </c>
      <c r="AS34" s="328">
        <v>594412</v>
      </c>
      <c r="AT34" s="330">
        <v>594412</v>
      </c>
      <c r="AU34" s="326">
        <v>22698</v>
      </c>
      <c r="AV34" s="327">
        <v>217646</v>
      </c>
      <c r="AW34" s="328">
        <v>240344</v>
      </c>
      <c r="AX34" s="326">
        <v>0</v>
      </c>
      <c r="AY34" s="327">
        <v>753299</v>
      </c>
      <c r="AZ34" s="327">
        <v>960328</v>
      </c>
      <c r="BA34" s="327">
        <v>548311</v>
      </c>
      <c r="BB34" s="327">
        <v>531055</v>
      </c>
      <c r="BC34" s="327">
        <v>830067</v>
      </c>
      <c r="BD34" s="328">
        <v>3623060</v>
      </c>
      <c r="BE34" s="330">
        <v>3863404</v>
      </c>
      <c r="BF34" s="326">
        <v>0</v>
      </c>
      <c r="BG34" s="327">
        <v>30094</v>
      </c>
      <c r="BH34" s="331">
        <v>30094</v>
      </c>
      <c r="BI34" s="332">
        <v>0</v>
      </c>
      <c r="BJ34" s="327">
        <v>104304</v>
      </c>
      <c r="BK34" s="327">
        <v>93408</v>
      </c>
      <c r="BL34" s="327">
        <v>66319</v>
      </c>
      <c r="BM34" s="327">
        <v>94444</v>
      </c>
      <c r="BN34" s="327">
        <v>0</v>
      </c>
      <c r="BO34" s="328">
        <v>358475</v>
      </c>
      <c r="BP34" s="330">
        <v>388569</v>
      </c>
      <c r="BQ34" s="326">
        <v>54884</v>
      </c>
      <c r="BR34" s="327">
        <v>12564</v>
      </c>
      <c r="BS34" s="328">
        <v>67448</v>
      </c>
      <c r="BT34" s="326">
        <v>0</v>
      </c>
      <c r="BU34" s="327">
        <v>345871</v>
      </c>
      <c r="BV34" s="327">
        <v>352467</v>
      </c>
      <c r="BW34" s="327">
        <v>294707</v>
      </c>
      <c r="BX34" s="327">
        <v>362826</v>
      </c>
      <c r="BY34" s="327">
        <v>206973</v>
      </c>
      <c r="BZ34" s="328">
        <v>1562844</v>
      </c>
      <c r="CA34" s="330">
        <v>1630292</v>
      </c>
      <c r="CB34" s="326">
        <v>45275</v>
      </c>
      <c r="CC34" s="327">
        <v>296882</v>
      </c>
      <c r="CD34" s="328">
        <v>342157</v>
      </c>
      <c r="CE34" s="326">
        <v>0</v>
      </c>
      <c r="CF34" s="327">
        <v>2398380</v>
      </c>
      <c r="CG34" s="327">
        <v>3319906</v>
      </c>
      <c r="CH34" s="327">
        <v>3098921</v>
      </c>
      <c r="CI34" s="327">
        <v>2270477</v>
      </c>
      <c r="CJ34" s="327">
        <v>599116</v>
      </c>
      <c r="CK34" s="328">
        <v>11686800</v>
      </c>
      <c r="CL34" s="330">
        <v>12028957</v>
      </c>
      <c r="CM34" s="326">
        <v>0</v>
      </c>
      <c r="CN34" s="327">
        <v>0</v>
      </c>
      <c r="CO34" s="328">
        <v>0</v>
      </c>
      <c r="CP34" s="332">
        <v>0</v>
      </c>
      <c r="CQ34" s="327">
        <v>1981090</v>
      </c>
      <c r="CR34" s="327">
        <v>2508855</v>
      </c>
      <c r="CS34" s="327">
        <v>2146010</v>
      </c>
      <c r="CT34" s="327">
        <v>1918104</v>
      </c>
      <c r="CU34" s="327">
        <v>462386</v>
      </c>
      <c r="CV34" s="328">
        <v>9016445</v>
      </c>
      <c r="CW34" s="330">
        <v>9016445</v>
      </c>
      <c r="CX34" s="326">
        <v>45275</v>
      </c>
      <c r="CY34" s="327">
        <v>296882</v>
      </c>
      <c r="CZ34" s="328">
        <v>342157</v>
      </c>
      <c r="DA34" s="326">
        <v>0</v>
      </c>
      <c r="DB34" s="327">
        <v>417290</v>
      </c>
      <c r="DC34" s="327">
        <v>811051</v>
      </c>
      <c r="DD34" s="327">
        <v>952911</v>
      </c>
      <c r="DE34" s="327">
        <v>352373</v>
      </c>
      <c r="DF34" s="327">
        <v>136730</v>
      </c>
      <c r="DG34" s="328">
        <v>2670355</v>
      </c>
      <c r="DH34" s="330">
        <v>3012512</v>
      </c>
      <c r="DI34" s="326">
        <v>0</v>
      </c>
      <c r="DJ34" s="327">
        <v>0</v>
      </c>
      <c r="DK34" s="331">
        <v>0</v>
      </c>
      <c r="DL34" s="332">
        <v>0</v>
      </c>
      <c r="DM34" s="327">
        <v>212096</v>
      </c>
      <c r="DN34" s="327">
        <v>286140</v>
      </c>
      <c r="DO34" s="327">
        <v>1879502</v>
      </c>
      <c r="DP34" s="327">
        <v>589593</v>
      </c>
      <c r="DQ34" s="327">
        <v>668304</v>
      </c>
      <c r="DR34" s="328">
        <v>3635635</v>
      </c>
      <c r="DS34" s="330">
        <v>3635635</v>
      </c>
      <c r="DT34" s="326">
        <v>0</v>
      </c>
      <c r="DU34" s="327">
        <v>0</v>
      </c>
      <c r="DV34" s="328">
        <v>0</v>
      </c>
      <c r="DW34" s="326">
        <v>0</v>
      </c>
      <c r="DX34" s="327">
        <v>212096</v>
      </c>
      <c r="DY34" s="327">
        <v>266202</v>
      </c>
      <c r="DZ34" s="327">
        <v>961068</v>
      </c>
      <c r="EA34" s="327">
        <v>589593</v>
      </c>
      <c r="EB34" s="327">
        <v>668304</v>
      </c>
      <c r="EC34" s="328">
        <v>2697263</v>
      </c>
      <c r="ED34" s="330">
        <v>2697263</v>
      </c>
      <c r="EE34" s="326">
        <v>0</v>
      </c>
      <c r="EF34" s="331">
        <v>0</v>
      </c>
      <c r="EG34" s="328">
        <v>0</v>
      </c>
      <c r="EH34" s="326">
        <v>0</v>
      </c>
      <c r="EI34" s="327">
        <v>0</v>
      </c>
      <c r="EJ34" s="327">
        <v>19938</v>
      </c>
      <c r="EK34" s="327">
        <v>918434</v>
      </c>
      <c r="EL34" s="327">
        <v>0</v>
      </c>
      <c r="EM34" s="327">
        <v>0</v>
      </c>
      <c r="EN34" s="331">
        <v>938372</v>
      </c>
      <c r="EO34" s="330">
        <v>938372</v>
      </c>
      <c r="EP34" s="326">
        <v>0</v>
      </c>
      <c r="EQ34" s="327">
        <v>0</v>
      </c>
      <c r="ER34" s="331">
        <v>0</v>
      </c>
      <c r="ES34" s="332">
        <v>0</v>
      </c>
      <c r="ET34" s="327">
        <v>0</v>
      </c>
      <c r="EU34" s="327">
        <v>0</v>
      </c>
      <c r="EV34" s="327">
        <v>0</v>
      </c>
      <c r="EW34" s="327">
        <v>0</v>
      </c>
      <c r="EX34" s="327">
        <v>0</v>
      </c>
      <c r="EY34" s="328">
        <v>0</v>
      </c>
      <c r="EZ34" s="330">
        <v>0</v>
      </c>
      <c r="FA34" s="326">
        <v>0</v>
      </c>
      <c r="FB34" s="327">
        <v>0</v>
      </c>
      <c r="FC34" s="331">
        <v>0</v>
      </c>
      <c r="FD34" s="332">
        <v>0</v>
      </c>
      <c r="FE34" s="327">
        <v>0</v>
      </c>
      <c r="FF34" s="327">
        <v>0</v>
      </c>
      <c r="FG34" s="327">
        <v>0</v>
      </c>
      <c r="FH34" s="327">
        <v>0</v>
      </c>
      <c r="FI34" s="327">
        <v>0</v>
      </c>
      <c r="FJ34" s="328">
        <v>0</v>
      </c>
      <c r="FK34" s="330">
        <v>0</v>
      </c>
      <c r="FL34" s="326">
        <v>177570</v>
      </c>
      <c r="FM34" s="327">
        <v>438464</v>
      </c>
      <c r="FN34" s="328">
        <v>616034</v>
      </c>
      <c r="FO34" s="326">
        <v>0</v>
      </c>
      <c r="FP34" s="327">
        <v>624114</v>
      </c>
      <c r="FQ34" s="327">
        <v>1470014</v>
      </c>
      <c r="FR34" s="327">
        <v>878863</v>
      </c>
      <c r="FS34" s="327">
        <v>982320</v>
      </c>
      <c r="FT34" s="327">
        <v>532980</v>
      </c>
      <c r="FU34" s="328">
        <v>4488291</v>
      </c>
      <c r="FV34" s="330">
        <v>5104325</v>
      </c>
      <c r="FW34" s="333">
        <v>177570</v>
      </c>
      <c r="FX34" s="327">
        <v>280064</v>
      </c>
      <c r="FY34" s="331">
        <v>457634</v>
      </c>
      <c r="FZ34" s="332">
        <v>0</v>
      </c>
      <c r="GA34" s="327">
        <v>453294</v>
      </c>
      <c r="GB34" s="327">
        <v>1120814</v>
      </c>
      <c r="GC34" s="327">
        <v>759250</v>
      </c>
      <c r="GD34" s="327">
        <v>982320</v>
      </c>
      <c r="GE34" s="327">
        <v>532980</v>
      </c>
      <c r="GF34" s="328">
        <v>3848658</v>
      </c>
      <c r="GG34" s="334">
        <v>4306292</v>
      </c>
      <c r="GH34" s="333">
        <v>0</v>
      </c>
      <c r="GI34" s="327">
        <v>60390</v>
      </c>
      <c r="GJ34" s="331">
        <v>60390</v>
      </c>
      <c r="GK34" s="332">
        <v>0</v>
      </c>
      <c r="GL34" s="327">
        <v>90000</v>
      </c>
      <c r="GM34" s="327">
        <v>169200</v>
      </c>
      <c r="GN34" s="327">
        <v>119613</v>
      </c>
      <c r="GO34" s="327">
        <v>0</v>
      </c>
      <c r="GP34" s="327">
        <v>0</v>
      </c>
      <c r="GQ34" s="328">
        <v>378813</v>
      </c>
      <c r="GR34" s="330">
        <v>439203</v>
      </c>
      <c r="GS34" s="326">
        <v>0</v>
      </c>
      <c r="GT34" s="327">
        <v>98010</v>
      </c>
      <c r="GU34" s="328">
        <v>98010</v>
      </c>
      <c r="GV34" s="326">
        <v>0</v>
      </c>
      <c r="GW34" s="327">
        <v>80820</v>
      </c>
      <c r="GX34" s="327">
        <v>180000</v>
      </c>
      <c r="GY34" s="327">
        <v>0</v>
      </c>
      <c r="GZ34" s="327">
        <v>0</v>
      </c>
      <c r="HA34" s="327">
        <v>0</v>
      </c>
      <c r="HB34" s="331">
        <v>260820</v>
      </c>
      <c r="HC34" s="330">
        <v>358830</v>
      </c>
      <c r="HD34" s="326">
        <v>59128</v>
      </c>
      <c r="HE34" s="327">
        <v>0</v>
      </c>
      <c r="HF34" s="331">
        <v>59128</v>
      </c>
      <c r="HG34" s="332">
        <v>0</v>
      </c>
      <c r="HH34" s="327">
        <v>1413443</v>
      </c>
      <c r="HI34" s="327">
        <v>1026794</v>
      </c>
      <c r="HJ34" s="327">
        <v>1030675</v>
      </c>
      <c r="HK34" s="327">
        <v>2608571</v>
      </c>
      <c r="HL34" s="327">
        <v>743285</v>
      </c>
      <c r="HM34" s="328">
        <v>6822768</v>
      </c>
      <c r="HN34" s="329">
        <v>6881896</v>
      </c>
      <c r="HO34" s="333">
        <v>137020</v>
      </c>
      <c r="HP34" s="327">
        <v>222951</v>
      </c>
      <c r="HQ34" s="328">
        <v>359971</v>
      </c>
      <c r="HR34" s="326">
        <v>0</v>
      </c>
      <c r="HS34" s="327">
        <v>1324095</v>
      </c>
      <c r="HT34" s="327">
        <v>1438861</v>
      </c>
      <c r="HU34" s="327">
        <v>1128626</v>
      </c>
      <c r="HV34" s="327">
        <v>777528</v>
      </c>
      <c r="HW34" s="327">
        <v>415649</v>
      </c>
      <c r="HX34" s="331">
        <v>5084759</v>
      </c>
      <c r="HY34" s="330">
        <v>5444730</v>
      </c>
      <c r="HZ34" s="358">
        <v>55116</v>
      </c>
      <c r="IA34" s="356">
        <v>0</v>
      </c>
      <c r="IB34" s="358">
        <v>55116</v>
      </c>
      <c r="IC34" s="355">
        <v>0</v>
      </c>
      <c r="ID34" s="356">
        <v>2917334</v>
      </c>
      <c r="IE34" s="357">
        <v>4322868</v>
      </c>
      <c r="IF34" s="358">
        <v>7487096</v>
      </c>
      <c r="IG34" s="356">
        <v>7221435</v>
      </c>
      <c r="IH34" s="358">
        <v>2415672</v>
      </c>
      <c r="II34" s="359">
        <v>24364405</v>
      </c>
      <c r="IJ34" s="358">
        <v>24419521</v>
      </c>
      <c r="IK34" s="342">
        <v>0</v>
      </c>
      <c r="IL34" s="343">
        <v>0</v>
      </c>
      <c r="IM34" s="344">
        <v>0</v>
      </c>
      <c r="IN34" s="404">
        <v>0</v>
      </c>
      <c r="IO34" s="345">
        <v>110188</v>
      </c>
      <c r="IP34" s="345">
        <v>0</v>
      </c>
      <c r="IQ34" s="345">
        <v>92024</v>
      </c>
      <c r="IR34" s="345">
        <v>0</v>
      </c>
      <c r="IS34" s="345">
        <v>0</v>
      </c>
      <c r="IT34" s="346">
        <v>202212</v>
      </c>
      <c r="IU34" s="347">
        <v>202212</v>
      </c>
      <c r="IV34" s="348">
        <v>0</v>
      </c>
      <c r="IW34" s="345">
        <v>0</v>
      </c>
      <c r="IX34" s="349">
        <v>0</v>
      </c>
      <c r="IY34" s="413">
        <v>0</v>
      </c>
      <c r="IZ34" s="345">
        <v>0</v>
      </c>
      <c r="JA34" s="345">
        <v>0</v>
      </c>
      <c r="JB34" s="345">
        <v>0</v>
      </c>
      <c r="JC34" s="345">
        <v>0</v>
      </c>
      <c r="JD34" s="345">
        <v>0</v>
      </c>
      <c r="JE34" s="349">
        <v>0</v>
      </c>
      <c r="JF34" s="350">
        <v>0</v>
      </c>
      <c r="JG34" s="348">
        <v>0</v>
      </c>
      <c r="JH34" s="345">
        <v>0</v>
      </c>
      <c r="JI34" s="346">
        <v>0</v>
      </c>
      <c r="JJ34" s="351">
        <v>0</v>
      </c>
      <c r="JK34" s="345">
        <v>702171</v>
      </c>
      <c r="JL34" s="345">
        <v>1029408</v>
      </c>
      <c r="JM34" s="345">
        <v>556134</v>
      </c>
      <c r="JN34" s="345">
        <v>628101</v>
      </c>
      <c r="JO34" s="345">
        <v>164178</v>
      </c>
      <c r="JP34" s="349">
        <v>3079992</v>
      </c>
      <c r="JQ34" s="347">
        <v>3079992</v>
      </c>
      <c r="JR34" s="348">
        <v>0</v>
      </c>
      <c r="JS34" s="345">
        <v>0</v>
      </c>
      <c r="JT34" s="346">
        <v>0</v>
      </c>
      <c r="JU34" s="351">
        <v>0</v>
      </c>
      <c r="JV34" s="345">
        <v>213094</v>
      </c>
      <c r="JW34" s="345">
        <v>194507</v>
      </c>
      <c r="JX34" s="345">
        <v>0</v>
      </c>
      <c r="JY34" s="345">
        <v>0</v>
      </c>
      <c r="JZ34" s="345">
        <v>0</v>
      </c>
      <c r="KA34" s="349">
        <v>407601</v>
      </c>
      <c r="KB34" s="347">
        <v>407601</v>
      </c>
      <c r="KC34" s="352">
        <v>55116</v>
      </c>
      <c r="KD34" s="353">
        <v>0</v>
      </c>
      <c r="KE34" s="349">
        <v>55116</v>
      </c>
      <c r="KF34" s="351">
        <v>0</v>
      </c>
      <c r="KG34" s="345">
        <v>302328</v>
      </c>
      <c r="KH34" s="345">
        <v>716320</v>
      </c>
      <c r="KI34" s="345">
        <v>926784</v>
      </c>
      <c r="KJ34" s="345">
        <v>2099196</v>
      </c>
      <c r="KK34" s="345">
        <v>328320</v>
      </c>
      <c r="KL34" s="349">
        <v>4372948</v>
      </c>
      <c r="KM34" s="354">
        <v>4428064</v>
      </c>
      <c r="KN34" s="342">
        <v>0</v>
      </c>
      <c r="KO34" s="343">
        <v>0</v>
      </c>
      <c r="KP34" s="344">
        <v>0</v>
      </c>
      <c r="KQ34" s="413">
        <v>0</v>
      </c>
      <c r="KR34" s="345">
        <v>1589553</v>
      </c>
      <c r="KS34" s="345">
        <v>2382633</v>
      </c>
      <c r="KT34" s="345">
        <v>3027789</v>
      </c>
      <c r="KU34" s="345">
        <v>1137951</v>
      </c>
      <c r="KV34" s="345">
        <v>302256</v>
      </c>
      <c r="KW34" s="349">
        <v>8440182</v>
      </c>
      <c r="KX34" s="347">
        <v>8440182</v>
      </c>
      <c r="KY34" s="348">
        <v>0</v>
      </c>
      <c r="KZ34" s="345">
        <v>0</v>
      </c>
      <c r="LA34" s="349">
        <v>0</v>
      </c>
      <c r="LB34" s="413">
        <v>0</v>
      </c>
      <c r="LC34" s="345">
        <v>0</v>
      </c>
      <c r="LD34" s="345">
        <v>0</v>
      </c>
      <c r="LE34" s="345">
        <v>0</v>
      </c>
      <c r="LF34" s="345">
        <v>0</v>
      </c>
      <c r="LG34" s="345">
        <v>0</v>
      </c>
      <c r="LH34" s="349">
        <v>0</v>
      </c>
      <c r="LI34" s="350">
        <v>0</v>
      </c>
      <c r="LJ34" s="348">
        <v>0</v>
      </c>
      <c r="LK34" s="345">
        <v>0</v>
      </c>
      <c r="LL34" s="349">
        <v>0</v>
      </c>
      <c r="LM34" s="413">
        <v>0</v>
      </c>
      <c r="LN34" s="345">
        <v>0</v>
      </c>
      <c r="LO34" s="345">
        <v>0</v>
      </c>
      <c r="LP34" s="345">
        <v>2884365</v>
      </c>
      <c r="LQ34" s="345">
        <v>3356187</v>
      </c>
      <c r="LR34" s="345">
        <v>1620918</v>
      </c>
      <c r="LS34" s="349">
        <v>7861470</v>
      </c>
      <c r="LT34" s="347">
        <v>7861470</v>
      </c>
      <c r="LU34" s="348">
        <v>0</v>
      </c>
      <c r="LV34" s="345">
        <v>0</v>
      </c>
      <c r="LW34" s="349">
        <v>0</v>
      </c>
      <c r="LX34" s="413">
        <v>0</v>
      </c>
      <c r="LY34" s="345">
        <v>0</v>
      </c>
      <c r="LZ34" s="345">
        <v>0</v>
      </c>
      <c r="MA34" s="345">
        <v>0</v>
      </c>
      <c r="MB34" s="345">
        <v>0</v>
      </c>
      <c r="MC34" s="345">
        <v>0</v>
      </c>
      <c r="MD34" s="349">
        <v>0</v>
      </c>
      <c r="ME34" s="350">
        <v>0</v>
      </c>
      <c r="MF34" s="348">
        <v>0</v>
      </c>
      <c r="MG34" s="345">
        <v>0</v>
      </c>
      <c r="MH34" s="349">
        <v>0</v>
      </c>
      <c r="MI34" s="413">
        <v>0</v>
      </c>
      <c r="MJ34" s="345">
        <v>836883</v>
      </c>
      <c r="MK34" s="345">
        <v>2673528</v>
      </c>
      <c r="ML34" s="345">
        <v>5214031</v>
      </c>
      <c r="MM34" s="345">
        <v>10525789</v>
      </c>
      <c r="MN34" s="345">
        <v>8786877</v>
      </c>
      <c r="MO34" s="349">
        <v>28037108</v>
      </c>
      <c r="MP34" s="354">
        <v>28037108</v>
      </c>
      <c r="MQ34" s="348">
        <v>0</v>
      </c>
      <c r="MR34" s="345">
        <v>0</v>
      </c>
      <c r="MS34" s="349">
        <v>0</v>
      </c>
      <c r="MT34" s="413">
        <v>0</v>
      </c>
      <c r="MU34" s="345">
        <v>0</v>
      </c>
      <c r="MV34" s="345">
        <v>689277</v>
      </c>
      <c r="MW34" s="345">
        <v>1606797</v>
      </c>
      <c r="MX34" s="345">
        <v>6581168</v>
      </c>
      <c r="MY34" s="345">
        <v>6084463</v>
      </c>
      <c r="MZ34" s="349">
        <v>14961705</v>
      </c>
      <c r="NA34" s="354">
        <v>14961705</v>
      </c>
      <c r="NB34" s="348">
        <v>0</v>
      </c>
      <c r="NC34" s="345">
        <v>0</v>
      </c>
      <c r="ND34" s="349">
        <v>0</v>
      </c>
      <c r="NE34" s="413">
        <v>0</v>
      </c>
      <c r="NF34" s="345">
        <v>836883</v>
      </c>
      <c r="NG34" s="345">
        <v>1984251</v>
      </c>
      <c r="NH34" s="345">
        <v>3568239</v>
      </c>
      <c r="NI34" s="345">
        <v>3944621</v>
      </c>
      <c r="NJ34" s="345">
        <v>2702414</v>
      </c>
      <c r="NK34" s="349">
        <v>13036408</v>
      </c>
      <c r="NL34" s="347">
        <v>13036408</v>
      </c>
      <c r="NM34" s="348">
        <v>0</v>
      </c>
      <c r="NN34" s="345">
        <v>0</v>
      </c>
      <c r="NO34" s="349">
        <v>0</v>
      </c>
      <c r="NP34" s="413">
        <v>0</v>
      </c>
      <c r="NQ34" s="345">
        <v>0</v>
      </c>
      <c r="NR34" s="345">
        <v>0</v>
      </c>
      <c r="NS34" s="345">
        <v>0</v>
      </c>
      <c r="NT34" s="345">
        <v>0</v>
      </c>
      <c r="NU34" s="345">
        <v>0</v>
      </c>
      <c r="NV34" s="349">
        <v>0</v>
      </c>
      <c r="NW34" s="350">
        <v>0</v>
      </c>
      <c r="NX34" s="348">
        <v>0</v>
      </c>
      <c r="NY34" s="345">
        <v>0</v>
      </c>
      <c r="NZ34" s="349">
        <v>0</v>
      </c>
      <c r="OA34" s="413">
        <v>0</v>
      </c>
      <c r="OB34" s="345">
        <v>0</v>
      </c>
      <c r="OC34" s="345">
        <v>0</v>
      </c>
      <c r="OD34" s="345">
        <v>38995</v>
      </c>
      <c r="OE34" s="345">
        <v>0</v>
      </c>
      <c r="OF34" s="345">
        <v>0</v>
      </c>
      <c r="OG34" s="349">
        <v>38995</v>
      </c>
      <c r="OH34" s="350">
        <v>38995</v>
      </c>
      <c r="OI34" s="348">
        <v>551691</v>
      </c>
      <c r="OJ34" s="345">
        <v>1218601</v>
      </c>
      <c r="OK34" s="346">
        <v>1770292</v>
      </c>
      <c r="OL34" s="351">
        <v>0</v>
      </c>
      <c r="OM34" s="345">
        <v>11856851</v>
      </c>
      <c r="ON34" s="345">
        <v>17524214</v>
      </c>
      <c r="OO34" s="345">
        <v>22966149</v>
      </c>
      <c r="OP34" s="345">
        <v>28755405</v>
      </c>
      <c r="OQ34" s="345">
        <v>17626298</v>
      </c>
      <c r="OR34" s="349">
        <v>98728917</v>
      </c>
      <c r="OS34" s="354">
        <v>100499209</v>
      </c>
    </row>
    <row r="35" spans="2:409" s="70" customFormat="1" ht="21" customHeight="1" x14ac:dyDescent="0.2">
      <c r="B35" s="410" t="s">
        <v>30</v>
      </c>
      <c r="C35" s="326">
        <v>828762</v>
      </c>
      <c r="D35" s="327">
        <v>1167641</v>
      </c>
      <c r="E35" s="368">
        <v>1996403</v>
      </c>
      <c r="F35" s="370">
        <v>0</v>
      </c>
      <c r="G35" s="369">
        <v>9532831</v>
      </c>
      <c r="H35" s="369">
        <v>8501652</v>
      </c>
      <c r="I35" s="369">
        <v>8675242</v>
      </c>
      <c r="J35" s="369">
        <v>7010180</v>
      </c>
      <c r="K35" s="369">
        <v>4181145</v>
      </c>
      <c r="L35" s="370">
        <v>37901050</v>
      </c>
      <c r="M35" s="330">
        <v>39897453</v>
      </c>
      <c r="N35" s="326">
        <v>151586</v>
      </c>
      <c r="O35" s="327">
        <v>398342</v>
      </c>
      <c r="P35" s="328">
        <v>549928</v>
      </c>
      <c r="Q35" s="326">
        <v>0</v>
      </c>
      <c r="R35" s="327">
        <v>3280380</v>
      </c>
      <c r="S35" s="327">
        <v>2010046</v>
      </c>
      <c r="T35" s="327">
        <v>3571267</v>
      </c>
      <c r="U35" s="327">
        <v>2765865</v>
      </c>
      <c r="V35" s="327">
        <v>2251170</v>
      </c>
      <c r="W35" s="328">
        <v>13878728</v>
      </c>
      <c r="X35" s="330">
        <v>14428656</v>
      </c>
      <c r="Y35" s="326">
        <v>0</v>
      </c>
      <c r="Z35" s="327">
        <v>0</v>
      </c>
      <c r="AA35" s="328">
        <v>0</v>
      </c>
      <c r="AB35" s="326">
        <v>0</v>
      </c>
      <c r="AC35" s="327">
        <v>1638094</v>
      </c>
      <c r="AD35" s="327">
        <v>904167</v>
      </c>
      <c r="AE35" s="327">
        <v>1878212</v>
      </c>
      <c r="AF35" s="327">
        <v>1679640</v>
      </c>
      <c r="AG35" s="327">
        <v>1678875</v>
      </c>
      <c r="AH35" s="328">
        <v>7778988</v>
      </c>
      <c r="AI35" s="330">
        <v>7778988</v>
      </c>
      <c r="AJ35" s="326">
        <v>0</v>
      </c>
      <c r="AK35" s="327">
        <v>0</v>
      </c>
      <c r="AL35" s="328">
        <v>0</v>
      </c>
      <c r="AM35" s="326">
        <v>0</v>
      </c>
      <c r="AN35" s="327">
        <v>0</v>
      </c>
      <c r="AO35" s="327">
        <v>52965</v>
      </c>
      <c r="AP35" s="327">
        <v>279537</v>
      </c>
      <c r="AQ35" s="327">
        <v>245922</v>
      </c>
      <c r="AR35" s="327">
        <v>158855</v>
      </c>
      <c r="AS35" s="328">
        <v>737279</v>
      </c>
      <c r="AT35" s="330">
        <v>737279</v>
      </c>
      <c r="AU35" s="326">
        <v>103967</v>
      </c>
      <c r="AV35" s="327">
        <v>374663</v>
      </c>
      <c r="AW35" s="328">
        <v>478630</v>
      </c>
      <c r="AX35" s="326">
        <v>0</v>
      </c>
      <c r="AY35" s="327">
        <v>868057</v>
      </c>
      <c r="AZ35" s="327">
        <v>705930</v>
      </c>
      <c r="BA35" s="327">
        <v>924203</v>
      </c>
      <c r="BB35" s="327">
        <v>469092</v>
      </c>
      <c r="BC35" s="327">
        <v>333860</v>
      </c>
      <c r="BD35" s="328">
        <v>3301142</v>
      </c>
      <c r="BE35" s="330">
        <v>3779772</v>
      </c>
      <c r="BF35" s="326">
        <v>16695</v>
      </c>
      <c r="BG35" s="327">
        <v>0</v>
      </c>
      <c r="BH35" s="331">
        <v>16695</v>
      </c>
      <c r="BI35" s="332">
        <v>0</v>
      </c>
      <c r="BJ35" s="327">
        <v>166774</v>
      </c>
      <c r="BK35" s="327">
        <v>85915</v>
      </c>
      <c r="BL35" s="327">
        <v>76123</v>
      </c>
      <c r="BM35" s="327">
        <v>0</v>
      </c>
      <c r="BN35" s="327">
        <v>0</v>
      </c>
      <c r="BO35" s="328">
        <v>328812</v>
      </c>
      <c r="BP35" s="330">
        <v>345507</v>
      </c>
      <c r="BQ35" s="326">
        <v>30924</v>
      </c>
      <c r="BR35" s="327">
        <v>23679</v>
      </c>
      <c r="BS35" s="328">
        <v>54603</v>
      </c>
      <c r="BT35" s="326">
        <v>0</v>
      </c>
      <c r="BU35" s="327">
        <v>607455</v>
      </c>
      <c r="BV35" s="327">
        <v>261069</v>
      </c>
      <c r="BW35" s="327">
        <v>413192</v>
      </c>
      <c r="BX35" s="327">
        <v>371211</v>
      </c>
      <c r="BY35" s="327">
        <v>79580</v>
      </c>
      <c r="BZ35" s="328">
        <v>1732507</v>
      </c>
      <c r="CA35" s="330">
        <v>1787110</v>
      </c>
      <c r="CB35" s="326">
        <v>118170</v>
      </c>
      <c r="CC35" s="327">
        <v>210474</v>
      </c>
      <c r="CD35" s="328">
        <v>328644</v>
      </c>
      <c r="CE35" s="326">
        <v>0</v>
      </c>
      <c r="CF35" s="327">
        <v>2148758</v>
      </c>
      <c r="CG35" s="327">
        <v>2590427</v>
      </c>
      <c r="CH35" s="327">
        <v>1408726</v>
      </c>
      <c r="CI35" s="327">
        <v>1040101</v>
      </c>
      <c r="CJ35" s="327">
        <v>389105</v>
      </c>
      <c r="CK35" s="328">
        <v>7577117</v>
      </c>
      <c r="CL35" s="330">
        <v>7905761</v>
      </c>
      <c r="CM35" s="326">
        <v>0</v>
      </c>
      <c r="CN35" s="327">
        <v>0</v>
      </c>
      <c r="CO35" s="328">
        <v>0</v>
      </c>
      <c r="CP35" s="332">
        <v>0</v>
      </c>
      <c r="CQ35" s="327">
        <v>1804370</v>
      </c>
      <c r="CR35" s="327">
        <v>2113819</v>
      </c>
      <c r="CS35" s="327">
        <v>951632</v>
      </c>
      <c r="CT35" s="327">
        <v>777794</v>
      </c>
      <c r="CU35" s="327">
        <v>279723</v>
      </c>
      <c r="CV35" s="328">
        <v>5927338</v>
      </c>
      <c r="CW35" s="330">
        <v>5927338</v>
      </c>
      <c r="CX35" s="326">
        <v>118170</v>
      </c>
      <c r="CY35" s="327">
        <v>210474</v>
      </c>
      <c r="CZ35" s="328">
        <v>328644</v>
      </c>
      <c r="DA35" s="326">
        <v>0</v>
      </c>
      <c r="DB35" s="327">
        <v>344388</v>
      </c>
      <c r="DC35" s="327">
        <v>476608</v>
      </c>
      <c r="DD35" s="327">
        <v>457094</v>
      </c>
      <c r="DE35" s="327">
        <v>262307</v>
      </c>
      <c r="DF35" s="327">
        <v>109382</v>
      </c>
      <c r="DG35" s="328">
        <v>1649779</v>
      </c>
      <c r="DH35" s="330">
        <v>1978423</v>
      </c>
      <c r="DI35" s="326">
        <v>0</v>
      </c>
      <c r="DJ35" s="327">
        <v>52632</v>
      </c>
      <c r="DK35" s="331">
        <v>52632</v>
      </c>
      <c r="DL35" s="332">
        <v>0</v>
      </c>
      <c r="DM35" s="327">
        <v>193224</v>
      </c>
      <c r="DN35" s="327">
        <v>332686</v>
      </c>
      <c r="DO35" s="327">
        <v>1015557</v>
      </c>
      <c r="DP35" s="327">
        <v>288136</v>
      </c>
      <c r="DQ35" s="327">
        <v>344405</v>
      </c>
      <c r="DR35" s="328">
        <v>2174008</v>
      </c>
      <c r="DS35" s="330">
        <v>2226640</v>
      </c>
      <c r="DT35" s="326">
        <v>0</v>
      </c>
      <c r="DU35" s="327">
        <v>52632</v>
      </c>
      <c r="DV35" s="328">
        <v>52632</v>
      </c>
      <c r="DW35" s="326">
        <v>0</v>
      </c>
      <c r="DX35" s="327">
        <v>193224</v>
      </c>
      <c r="DY35" s="327">
        <v>302851</v>
      </c>
      <c r="DZ35" s="327">
        <v>1015557</v>
      </c>
      <c r="EA35" s="327">
        <v>245626</v>
      </c>
      <c r="EB35" s="327">
        <v>289161</v>
      </c>
      <c r="EC35" s="328">
        <v>2046419</v>
      </c>
      <c r="ED35" s="330">
        <v>2099051</v>
      </c>
      <c r="EE35" s="326">
        <v>0</v>
      </c>
      <c r="EF35" s="331">
        <v>0</v>
      </c>
      <c r="EG35" s="328">
        <v>0</v>
      </c>
      <c r="EH35" s="326">
        <v>0</v>
      </c>
      <c r="EI35" s="327">
        <v>0</v>
      </c>
      <c r="EJ35" s="327">
        <v>29835</v>
      </c>
      <c r="EK35" s="327">
        <v>0</v>
      </c>
      <c r="EL35" s="327">
        <v>42510</v>
      </c>
      <c r="EM35" s="327">
        <v>55244</v>
      </c>
      <c r="EN35" s="331">
        <v>127589</v>
      </c>
      <c r="EO35" s="330">
        <v>127589</v>
      </c>
      <c r="EP35" s="326">
        <v>0</v>
      </c>
      <c r="EQ35" s="327">
        <v>0</v>
      </c>
      <c r="ER35" s="331">
        <v>0</v>
      </c>
      <c r="ES35" s="332">
        <v>0</v>
      </c>
      <c r="ET35" s="327">
        <v>0</v>
      </c>
      <c r="EU35" s="327">
        <v>0</v>
      </c>
      <c r="EV35" s="327">
        <v>0</v>
      </c>
      <c r="EW35" s="327">
        <v>0</v>
      </c>
      <c r="EX35" s="327">
        <v>0</v>
      </c>
      <c r="EY35" s="328">
        <v>0</v>
      </c>
      <c r="EZ35" s="330">
        <v>0</v>
      </c>
      <c r="FA35" s="326">
        <v>0</v>
      </c>
      <c r="FB35" s="327">
        <v>0</v>
      </c>
      <c r="FC35" s="331">
        <v>0</v>
      </c>
      <c r="FD35" s="332">
        <v>0</v>
      </c>
      <c r="FE35" s="327">
        <v>0</v>
      </c>
      <c r="FF35" s="327">
        <v>0</v>
      </c>
      <c r="FG35" s="327">
        <v>0</v>
      </c>
      <c r="FH35" s="327">
        <v>0</v>
      </c>
      <c r="FI35" s="327">
        <v>0</v>
      </c>
      <c r="FJ35" s="328">
        <v>0</v>
      </c>
      <c r="FK35" s="330">
        <v>0</v>
      </c>
      <c r="FL35" s="326">
        <v>270949</v>
      </c>
      <c r="FM35" s="327">
        <v>227961</v>
      </c>
      <c r="FN35" s="328">
        <v>498910</v>
      </c>
      <c r="FO35" s="326">
        <v>0</v>
      </c>
      <c r="FP35" s="327">
        <v>520261</v>
      </c>
      <c r="FQ35" s="327">
        <v>1144573</v>
      </c>
      <c r="FR35" s="327">
        <v>1156374</v>
      </c>
      <c r="FS35" s="327">
        <v>459286</v>
      </c>
      <c r="FT35" s="327">
        <v>370571</v>
      </c>
      <c r="FU35" s="328">
        <v>3651065</v>
      </c>
      <c r="FV35" s="330">
        <v>4149975</v>
      </c>
      <c r="FW35" s="333">
        <v>233549</v>
      </c>
      <c r="FX35" s="327">
        <v>227961</v>
      </c>
      <c r="FY35" s="331">
        <v>461510</v>
      </c>
      <c r="FZ35" s="332">
        <v>0</v>
      </c>
      <c r="GA35" s="327">
        <v>482641</v>
      </c>
      <c r="GB35" s="327">
        <v>910645</v>
      </c>
      <c r="GC35" s="327">
        <v>1091014</v>
      </c>
      <c r="GD35" s="327">
        <v>459286</v>
      </c>
      <c r="GE35" s="327">
        <v>370571</v>
      </c>
      <c r="GF35" s="328">
        <v>3314157</v>
      </c>
      <c r="GG35" s="334">
        <v>3775667</v>
      </c>
      <c r="GH35" s="333">
        <v>0</v>
      </c>
      <c r="GI35" s="327">
        <v>0</v>
      </c>
      <c r="GJ35" s="331">
        <v>0</v>
      </c>
      <c r="GK35" s="332">
        <v>0</v>
      </c>
      <c r="GL35" s="327">
        <v>37620</v>
      </c>
      <c r="GM35" s="327">
        <v>19008</v>
      </c>
      <c r="GN35" s="327">
        <v>30800</v>
      </c>
      <c r="GO35" s="327">
        <v>0</v>
      </c>
      <c r="GP35" s="327">
        <v>0</v>
      </c>
      <c r="GQ35" s="328">
        <v>87428</v>
      </c>
      <c r="GR35" s="330">
        <v>87428</v>
      </c>
      <c r="GS35" s="326">
        <v>37400</v>
      </c>
      <c r="GT35" s="327">
        <v>0</v>
      </c>
      <c r="GU35" s="328">
        <v>37400</v>
      </c>
      <c r="GV35" s="326">
        <v>0</v>
      </c>
      <c r="GW35" s="327">
        <v>0</v>
      </c>
      <c r="GX35" s="327">
        <v>214920</v>
      </c>
      <c r="GY35" s="327">
        <v>34560</v>
      </c>
      <c r="GZ35" s="327">
        <v>0</v>
      </c>
      <c r="HA35" s="327">
        <v>0</v>
      </c>
      <c r="HB35" s="331">
        <v>249480</v>
      </c>
      <c r="HC35" s="330">
        <v>286880</v>
      </c>
      <c r="HD35" s="326">
        <v>116937</v>
      </c>
      <c r="HE35" s="327">
        <v>104112</v>
      </c>
      <c r="HF35" s="331">
        <v>221049</v>
      </c>
      <c r="HG35" s="332">
        <v>0</v>
      </c>
      <c r="HH35" s="327">
        <v>2055432</v>
      </c>
      <c r="HI35" s="327">
        <v>1487804</v>
      </c>
      <c r="HJ35" s="327">
        <v>548494</v>
      </c>
      <c r="HK35" s="327">
        <v>2097841</v>
      </c>
      <c r="HL35" s="327">
        <v>555706</v>
      </c>
      <c r="HM35" s="328">
        <v>6745277</v>
      </c>
      <c r="HN35" s="329">
        <v>6966326</v>
      </c>
      <c r="HO35" s="333">
        <v>171120</v>
      </c>
      <c r="HP35" s="327">
        <v>174120</v>
      </c>
      <c r="HQ35" s="328">
        <v>345240</v>
      </c>
      <c r="HR35" s="326">
        <v>0</v>
      </c>
      <c r="HS35" s="327">
        <v>1334776</v>
      </c>
      <c r="HT35" s="327">
        <v>936116</v>
      </c>
      <c r="HU35" s="327">
        <v>974824</v>
      </c>
      <c r="HV35" s="327">
        <v>358951</v>
      </c>
      <c r="HW35" s="327">
        <v>270188</v>
      </c>
      <c r="HX35" s="331">
        <v>3874855</v>
      </c>
      <c r="HY35" s="330">
        <v>4220095</v>
      </c>
      <c r="HZ35" s="335">
        <v>0</v>
      </c>
      <c r="IA35" s="336">
        <v>0</v>
      </c>
      <c r="IB35" s="337">
        <v>0</v>
      </c>
      <c r="IC35" s="338">
        <v>0</v>
      </c>
      <c r="ID35" s="336">
        <v>2573645</v>
      </c>
      <c r="IE35" s="339">
        <v>2658817</v>
      </c>
      <c r="IF35" s="337">
        <v>2344840</v>
      </c>
      <c r="IG35" s="336">
        <v>1398040</v>
      </c>
      <c r="IH35" s="337">
        <v>649305</v>
      </c>
      <c r="II35" s="340">
        <v>9624647</v>
      </c>
      <c r="IJ35" s="341">
        <v>9624647</v>
      </c>
      <c r="IK35" s="342">
        <v>0</v>
      </c>
      <c r="IL35" s="343">
        <v>0</v>
      </c>
      <c r="IM35" s="344">
        <v>0</v>
      </c>
      <c r="IN35" s="404">
        <v>0</v>
      </c>
      <c r="IO35" s="345">
        <v>0</v>
      </c>
      <c r="IP35" s="345">
        <v>245664</v>
      </c>
      <c r="IQ35" s="345">
        <v>49248</v>
      </c>
      <c r="IR35" s="345">
        <v>0</v>
      </c>
      <c r="IS35" s="345">
        <v>0</v>
      </c>
      <c r="IT35" s="346">
        <v>294912</v>
      </c>
      <c r="IU35" s="347">
        <v>294912</v>
      </c>
      <c r="IV35" s="348">
        <v>0</v>
      </c>
      <c r="IW35" s="345">
        <v>0</v>
      </c>
      <c r="IX35" s="349">
        <v>0</v>
      </c>
      <c r="IY35" s="413">
        <v>0</v>
      </c>
      <c r="IZ35" s="345">
        <v>0</v>
      </c>
      <c r="JA35" s="345">
        <v>0</v>
      </c>
      <c r="JB35" s="345">
        <v>0</v>
      </c>
      <c r="JC35" s="345">
        <v>0</v>
      </c>
      <c r="JD35" s="345">
        <v>0</v>
      </c>
      <c r="JE35" s="349">
        <v>0</v>
      </c>
      <c r="JF35" s="350">
        <v>0</v>
      </c>
      <c r="JG35" s="348">
        <v>0</v>
      </c>
      <c r="JH35" s="345">
        <v>0</v>
      </c>
      <c r="JI35" s="346">
        <v>0</v>
      </c>
      <c r="JJ35" s="351">
        <v>0</v>
      </c>
      <c r="JK35" s="345">
        <v>1403123</v>
      </c>
      <c r="JL35" s="345">
        <v>994084</v>
      </c>
      <c r="JM35" s="345">
        <v>1159094</v>
      </c>
      <c r="JN35" s="345">
        <v>0</v>
      </c>
      <c r="JO35" s="345">
        <v>66573</v>
      </c>
      <c r="JP35" s="349">
        <v>3622874</v>
      </c>
      <c r="JQ35" s="347">
        <v>3622874</v>
      </c>
      <c r="JR35" s="348">
        <v>0</v>
      </c>
      <c r="JS35" s="345">
        <v>0</v>
      </c>
      <c r="JT35" s="346">
        <v>0</v>
      </c>
      <c r="JU35" s="351">
        <v>0</v>
      </c>
      <c r="JV35" s="345">
        <v>0</v>
      </c>
      <c r="JW35" s="345">
        <v>29820</v>
      </c>
      <c r="JX35" s="345">
        <v>69829</v>
      </c>
      <c r="JY35" s="345">
        <v>0</v>
      </c>
      <c r="JZ35" s="345">
        <v>0</v>
      </c>
      <c r="KA35" s="349">
        <v>99649</v>
      </c>
      <c r="KB35" s="347">
        <v>99649</v>
      </c>
      <c r="KC35" s="352">
        <v>0</v>
      </c>
      <c r="KD35" s="353">
        <v>0</v>
      </c>
      <c r="KE35" s="349">
        <v>0</v>
      </c>
      <c r="KF35" s="351">
        <v>0</v>
      </c>
      <c r="KG35" s="345">
        <v>110709</v>
      </c>
      <c r="KH35" s="345">
        <v>0</v>
      </c>
      <c r="KI35" s="345">
        <v>278163</v>
      </c>
      <c r="KJ35" s="345">
        <v>252009</v>
      </c>
      <c r="KK35" s="345">
        <v>0</v>
      </c>
      <c r="KL35" s="349">
        <v>640881</v>
      </c>
      <c r="KM35" s="354">
        <v>640881</v>
      </c>
      <c r="KN35" s="342">
        <v>0</v>
      </c>
      <c r="KO35" s="343">
        <v>0</v>
      </c>
      <c r="KP35" s="344">
        <v>0</v>
      </c>
      <c r="KQ35" s="413">
        <v>0</v>
      </c>
      <c r="KR35" s="345">
        <v>1059813</v>
      </c>
      <c r="KS35" s="345">
        <v>1389249</v>
      </c>
      <c r="KT35" s="345">
        <v>788506</v>
      </c>
      <c r="KU35" s="345">
        <v>1146031</v>
      </c>
      <c r="KV35" s="345">
        <v>582732</v>
      </c>
      <c r="KW35" s="349">
        <v>4966331</v>
      </c>
      <c r="KX35" s="347">
        <v>4966331</v>
      </c>
      <c r="KY35" s="348">
        <v>0</v>
      </c>
      <c r="KZ35" s="345">
        <v>0</v>
      </c>
      <c r="LA35" s="349">
        <v>0</v>
      </c>
      <c r="LB35" s="413">
        <v>0</v>
      </c>
      <c r="LC35" s="345">
        <v>0</v>
      </c>
      <c r="LD35" s="345">
        <v>0</v>
      </c>
      <c r="LE35" s="345">
        <v>0</v>
      </c>
      <c r="LF35" s="345">
        <v>0</v>
      </c>
      <c r="LG35" s="345">
        <v>0</v>
      </c>
      <c r="LH35" s="349">
        <v>0</v>
      </c>
      <c r="LI35" s="350">
        <v>0</v>
      </c>
      <c r="LJ35" s="348">
        <v>0</v>
      </c>
      <c r="LK35" s="345">
        <v>0</v>
      </c>
      <c r="LL35" s="349">
        <v>0</v>
      </c>
      <c r="LM35" s="413">
        <v>0</v>
      </c>
      <c r="LN35" s="345">
        <v>0</v>
      </c>
      <c r="LO35" s="345">
        <v>0</v>
      </c>
      <c r="LP35" s="345">
        <v>0</v>
      </c>
      <c r="LQ35" s="345">
        <v>0</v>
      </c>
      <c r="LR35" s="345">
        <v>0</v>
      </c>
      <c r="LS35" s="349">
        <v>0</v>
      </c>
      <c r="LT35" s="347">
        <v>0</v>
      </c>
      <c r="LU35" s="348">
        <v>0</v>
      </c>
      <c r="LV35" s="345">
        <v>0</v>
      </c>
      <c r="LW35" s="349">
        <v>0</v>
      </c>
      <c r="LX35" s="413">
        <v>0</v>
      </c>
      <c r="LY35" s="345">
        <v>0</v>
      </c>
      <c r="LZ35" s="345">
        <v>0</v>
      </c>
      <c r="MA35" s="345">
        <v>0</v>
      </c>
      <c r="MB35" s="345">
        <v>0</v>
      </c>
      <c r="MC35" s="345">
        <v>0</v>
      </c>
      <c r="MD35" s="349">
        <v>0</v>
      </c>
      <c r="ME35" s="350">
        <v>0</v>
      </c>
      <c r="MF35" s="348">
        <v>0</v>
      </c>
      <c r="MG35" s="345">
        <v>0</v>
      </c>
      <c r="MH35" s="349">
        <v>0</v>
      </c>
      <c r="MI35" s="413">
        <v>0</v>
      </c>
      <c r="MJ35" s="345">
        <v>2595956</v>
      </c>
      <c r="MK35" s="345">
        <v>3774255</v>
      </c>
      <c r="ML35" s="345">
        <v>9014543</v>
      </c>
      <c r="MM35" s="345">
        <v>14804450</v>
      </c>
      <c r="MN35" s="345">
        <v>7292919</v>
      </c>
      <c r="MO35" s="349">
        <v>37482123</v>
      </c>
      <c r="MP35" s="354">
        <v>37482123</v>
      </c>
      <c r="MQ35" s="348">
        <v>0</v>
      </c>
      <c r="MR35" s="345">
        <v>0</v>
      </c>
      <c r="MS35" s="349">
        <v>0</v>
      </c>
      <c r="MT35" s="413">
        <v>0</v>
      </c>
      <c r="MU35" s="345">
        <v>0</v>
      </c>
      <c r="MV35" s="345">
        <v>1096585</v>
      </c>
      <c r="MW35" s="345">
        <v>5443473</v>
      </c>
      <c r="MX35" s="345">
        <v>9147164</v>
      </c>
      <c r="MY35" s="345">
        <v>6261652</v>
      </c>
      <c r="MZ35" s="349">
        <v>21948874</v>
      </c>
      <c r="NA35" s="354">
        <v>21948874</v>
      </c>
      <c r="NB35" s="348">
        <v>0</v>
      </c>
      <c r="NC35" s="345">
        <v>0</v>
      </c>
      <c r="ND35" s="349">
        <v>0</v>
      </c>
      <c r="NE35" s="413">
        <v>0</v>
      </c>
      <c r="NF35" s="345">
        <v>2595956</v>
      </c>
      <c r="NG35" s="345">
        <v>2677670</v>
      </c>
      <c r="NH35" s="345">
        <v>3571070</v>
      </c>
      <c r="NI35" s="345">
        <v>5657286</v>
      </c>
      <c r="NJ35" s="345">
        <v>330754</v>
      </c>
      <c r="NK35" s="349">
        <v>14832736</v>
      </c>
      <c r="NL35" s="347">
        <v>14832736</v>
      </c>
      <c r="NM35" s="348">
        <v>0</v>
      </c>
      <c r="NN35" s="345">
        <v>0</v>
      </c>
      <c r="NO35" s="349">
        <v>0</v>
      </c>
      <c r="NP35" s="413">
        <v>0</v>
      </c>
      <c r="NQ35" s="345">
        <v>0</v>
      </c>
      <c r="NR35" s="345">
        <v>0</v>
      </c>
      <c r="NS35" s="345">
        <v>0</v>
      </c>
      <c r="NT35" s="345">
        <v>0</v>
      </c>
      <c r="NU35" s="345">
        <v>0</v>
      </c>
      <c r="NV35" s="349">
        <v>0</v>
      </c>
      <c r="NW35" s="350">
        <v>0</v>
      </c>
      <c r="NX35" s="348">
        <v>0</v>
      </c>
      <c r="NY35" s="345">
        <v>0</v>
      </c>
      <c r="NZ35" s="349">
        <v>0</v>
      </c>
      <c r="OA35" s="413">
        <v>0</v>
      </c>
      <c r="OB35" s="345">
        <v>0</v>
      </c>
      <c r="OC35" s="345">
        <v>0</v>
      </c>
      <c r="OD35" s="345">
        <v>0</v>
      </c>
      <c r="OE35" s="345">
        <v>0</v>
      </c>
      <c r="OF35" s="345">
        <v>700513</v>
      </c>
      <c r="OG35" s="349">
        <v>700513</v>
      </c>
      <c r="OH35" s="350">
        <v>700513</v>
      </c>
      <c r="OI35" s="348">
        <v>828762</v>
      </c>
      <c r="OJ35" s="345">
        <v>1167641</v>
      </c>
      <c r="OK35" s="346">
        <v>1996403</v>
      </c>
      <c r="OL35" s="351">
        <v>0</v>
      </c>
      <c r="OM35" s="345">
        <v>14702432</v>
      </c>
      <c r="ON35" s="345">
        <v>14934724</v>
      </c>
      <c r="OO35" s="345">
        <v>20034625</v>
      </c>
      <c r="OP35" s="345">
        <v>23212670</v>
      </c>
      <c r="OQ35" s="345">
        <v>12123369</v>
      </c>
      <c r="OR35" s="349">
        <v>85007820</v>
      </c>
      <c r="OS35" s="354">
        <v>87004223</v>
      </c>
    </row>
    <row r="36" spans="2:409" s="70" customFormat="1" ht="21" customHeight="1" x14ac:dyDescent="0.2">
      <c r="B36" s="410" t="s">
        <v>31</v>
      </c>
      <c r="C36" s="326">
        <v>551870</v>
      </c>
      <c r="D36" s="327">
        <v>1404758</v>
      </c>
      <c r="E36" s="328">
        <v>1956628</v>
      </c>
      <c r="F36" s="329">
        <v>0</v>
      </c>
      <c r="G36" s="327">
        <v>8092623</v>
      </c>
      <c r="H36" s="327">
        <v>9957981</v>
      </c>
      <c r="I36" s="327">
        <v>8489101</v>
      </c>
      <c r="J36" s="327">
        <v>7303045</v>
      </c>
      <c r="K36" s="327">
        <v>3449571</v>
      </c>
      <c r="L36" s="367">
        <v>37292321</v>
      </c>
      <c r="M36" s="330">
        <v>39248949</v>
      </c>
      <c r="N36" s="326">
        <v>99279</v>
      </c>
      <c r="O36" s="327">
        <v>135527</v>
      </c>
      <c r="P36" s="328">
        <v>234806</v>
      </c>
      <c r="Q36" s="326">
        <v>0</v>
      </c>
      <c r="R36" s="327">
        <v>1531073</v>
      </c>
      <c r="S36" s="327">
        <v>2116386</v>
      </c>
      <c r="T36" s="327">
        <v>2276975</v>
      </c>
      <c r="U36" s="327">
        <v>2442111</v>
      </c>
      <c r="V36" s="327">
        <v>1218534</v>
      </c>
      <c r="W36" s="328">
        <v>9585079</v>
      </c>
      <c r="X36" s="330">
        <v>9819885</v>
      </c>
      <c r="Y36" s="326">
        <v>0</v>
      </c>
      <c r="Z36" s="327">
        <v>0</v>
      </c>
      <c r="AA36" s="328">
        <v>0</v>
      </c>
      <c r="AB36" s="326">
        <v>0</v>
      </c>
      <c r="AC36" s="327">
        <v>538207</v>
      </c>
      <c r="AD36" s="327">
        <v>598413</v>
      </c>
      <c r="AE36" s="327">
        <v>950127</v>
      </c>
      <c r="AF36" s="327">
        <v>1383797</v>
      </c>
      <c r="AG36" s="327">
        <v>192048</v>
      </c>
      <c r="AH36" s="328">
        <v>3662592</v>
      </c>
      <c r="AI36" s="330">
        <v>3662592</v>
      </c>
      <c r="AJ36" s="326">
        <v>0</v>
      </c>
      <c r="AK36" s="327">
        <v>0</v>
      </c>
      <c r="AL36" s="328">
        <v>0</v>
      </c>
      <c r="AM36" s="326">
        <v>0</v>
      </c>
      <c r="AN36" s="327">
        <v>172136</v>
      </c>
      <c r="AO36" s="327">
        <v>339580</v>
      </c>
      <c r="AP36" s="327">
        <v>116598</v>
      </c>
      <c r="AQ36" s="327">
        <v>324639</v>
      </c>
      <c r="AR36" s="327">
        <v>456531</v>
      </c>
      <c r="AS36" s="328">
        <v>1409484</v>
      </c>
      <c r="AT36" s="330">
        <v>1409484</v>
      </c>
      <c r="AU36" s="326">
        <v>62406</v>
      </c>
      <c r="AV36" s="327">
        <v>71018</v>
      </c>
      <c r="AW36" s="328">
        <v>133424</v>
      </c>
      <c r="AX36" s="326">
        <v>0</v>
      </c>
      <c r="AY36" s="327">
        <v>523923</v>
      </c>
      <c r="AZ36" s="327">
        <v>888463</v>
      </c>
      <c r="BA36" s="327">
        <v>943411</v>
      </c>
      <c r="BB36" s="327">
        <v>458788</v>
      </c>
      <c r="BC36" s="327">
        <v>485402</v>
      </c>
      <c r="BD36" s="328">
        <v>3299987</v>
      </c>
      <c r="BE36" s="330">
        <v>3433411</v>
      </c>
      <c r="BF36" s="326">
        <v>0</v>
      </c>
      <c r="BG36" s="327">
        <v>52665</v>
      </c>
      <c r="BH36" s="331">
        <v>52665</v>
      </c>
      <c r="BI36" s="332">
        <v>0</v>
      </c>
      <c r="BJ36" s="327">
        <v>96553</v>
      </c>
      <c r="BK36" s="327">
        <v>35110</v>
      </c>
      <c r="BL36" s="327">
        <v>61767</v>
      </c>
      <c r="BM36" s="327">
        <v>70220</v>
      </c>
      <c r="BN36" s="327">
        <v>0</v>
      </c>
      <c r="BO36" s="328">
        <v>263650</v>
      </c>
      <c r="BP36" s="330">
        <v>316315</v>
      </c>
      <c r="BQ36" s="326">
        <v>36873</v>
      </c>
      <c r="BR36" s="327">
        <v>11844</v>
      </c>
      <c r="BS36" s="328">
        <v>48717</v>
      </c>
      <c r="BT36" s="326">
        <v>0</v>
      </c>
      <c r="BU36" s="327">
        <v>200254</v>
      </c>
      <c r="BV36" s="327">
        <v>254820</v>
      </c>
      <c r="BW36" s="327">
        <v>205072</v>
      </c>
      <c r="BX36" s="327">
        <v>204667</v>
      </c>
      <c r="BY36" s="327">
        <v>84553</v>
      </c>
      <c r="BZ36" s="328">
        <v>949366</v>
      </c>
      <c r="CA36" s="330">
        <v>998083</v>
      </c>
      <c r="CB36" s="326">
        <v>92770</v>
      </c>
      <c r="CC36" s="327">
        <v>85738</v>
      </c>
      <c r="CD36" s="328">
        <v>178508</v>
      </c>
      <c r="CE36" s="326">
        <v>0</v>
      </c>
      <c r="CF36" s="327">
        <v>2317790</v>
      </c>
      <c r="CG36" s="327">
        <v>2897935</v>
      </c>
      <c r="CH36" s="327">
        <v>2117625</v>
      </c>
      <c r="CI36" s="327">
        <v>601394</v>
      </c>
      <c r="CJ36" s="327">
        <v>918152</v>
      </c>
      <c r="CK36" s="328">
        <v>8852896</v>
      </c>
      <c r="CL36" s="330">
        <v>9031404</v>
      </c>
      <c r="CM36" s="326">
        <v>0</v>
      </c>
      <c r="CN36" s="327">
        <v>0</v>
      </c>
      <c r="CO36" s="328">
        <v>0</v>
      </c>
      <c r="CP36" s="332">
        <v>0</v>
      </c>
      <c r="CQ36" s="327">
        <v>1929543</v>
      </c>
      <c r="CR36" s="327">
        <v>2713618</v>
      </c>
      <c r="CS36" s="327">
        <v>1582715</v>
      </c>
      <c r="CT36" s="327">
        <v>345733</v>
      </c>
      <c r="CU36" s="327">
        <v>704469</v>
      </c>
      <c r="CV36" s="328">
        <v>7276078</v>
      </c>
      <c r="CW36" s="330">
        <v>7276078</v>
      </c>
      <c r="CX36" s="326">
        <v>92770</v>
      </c>
      <c r="CY36" s="327">
        <v>85738</v>
      </c>
      <c r="CZ36" s="328">
        <v>178508</v>
      </c>
      <c r="DA36" s="326">
        <v>0</v>
      </c>
      <c r="DB36" s="327">
        <v>388247</v>
      </c>
      <c r="DC36" s="327">
        <v>184317</v>
      </c>
      <c r="DD36" s="327">
        <v>534910</v>
      </c>
      <c r="DE36" s="327">
        <v>255661</v>
      </c>
      <c r="DF36" s="327">
        <v>213683</v>
      </c>
      <c r="DG36" s="328">
        <v>1576818</v>
      </c>
      <c r="DH36" s="330">
        <v>1755326</v>
      </c>
      <c r="DI36" s="326">
        <v>0</v>
      </c>
      <c r="DJ36" s="327">
        <v>21885</v>
      </c>
      <c r="DK36" s="331">
        <v>21885</v>
      </c>
      <c r="DL36" s="332">
        <v>0</v>
      </c>
      <c r="DM36" s="327">
        <v>292274</v>
      </c>
      <c r="DN36" s="327">
        <v>993074</v>
      </c>
      <c r="DO36" s="327">
        <v>832042</v>
      </c>
      <c r="DP36" s="327">
        <v>1608023</v>
      </c>
      <c r="DQ36" s="327">
        <v>160677</v>
      </c>
      <c r="DR36" s="328">
        <v>3886090</v>
      </c>
      <c r="DS36" s="330">
        <v>3907975</v>
      </c>
      <c r="DT36" s="326">
        <v>0</v>
      </c>
      <c r="DU36" s="327">
        <v>21885</v>
      </c>
      <c r="DV36" s="328">
        <v>21885</v>
      </c>
      <c r="DW36" s="326">
        <v>0</v>
      </c>
      <c r="DX36" s="327">
        <v>292274</v>
      </c>
      <c r="DY36" s="327">
        <v>905726</v>
      </c>
      <c r="DZ36" s="327">
        <v>832042</v>
      </c>
      <c r="EA36" s="327">
        <v>1496499</v>
      </c>
      <c r="EB36" s="327">
        <v>100210</v>
      </c>
      <c r="EC36" s="328">
        <v>3626751</v>
      </c>
      <c r="ED36" s="330">
        <v>3648636</v>
      </c>
      <c r="EE36" s="326">
        <v>0</v>
      </c>
      <c r="EF36" s="331">
        <v>0</v>
      </c>
      <c r="EG36" s="328">
        <v>0</v>
      </c>
      <c r="EH36" s="326">
        <v>0</v>
      </c>
      <c r="EI36" s="327">
        <v>0</v>
      </c>
      <c r="EJ36" s="327">
        <v>87348</v>
      </c>
      <c r="EK36" s="327">
        <v>0</v>
      </c>
      <c r="EL36" s="327">
        <v>111524</v>
      </c>
      <c r="EM36" s="327">
        <v>60467</v>
      </c>
      <c r="EN36" s="331">
        <v>259339</v>
      </c>
      <c r="EO36" s="330">
        <v>259339</v>
      </c>
      <c r="EP36" s="326">
        <v>0</v>
      </c>
      <c r="EQ36" s="327">
        <v>0</v>
      </c>
      <c r="ER36" s="331">
        <v>0</v>
      </c>
      <c r="ES36" s="332">
        <v>0</v>
      </c>
      <c r="ET36" s="327">
        <v>0</v>
      </c>
      <c r="EU36" s="327">
        <v>0</v>
      </c>
      <c r="EV36" s="327">
        <v>0</v>
      </c>
      <c r="EW36" s="327">
        <v>0</v>
      </c>
      <c r="EX36" s="327">
        <v>0</v>
      </c>
      <c r="EY36" s="328">
        <v>0</v>
      </c>
      <c r="EZ36" s="330">
        <v>0</v>
      </c>
      <c r="FA36" s="326">
        <v>0</v>
      </c>
      <c r="FB36" s="327">
        <v>0</v>
      </c>
      <c r="FC36" s="331">
        <v>0</v>
      </c>
      <c r="FD36" s="332">
        <v>0</v>
      </c>
      <c r="FE36" s="327">
        <v>0</v>
      </c>
      <c r="FF36" s="327">
        <v>0</v>
      </c>
      <c r="FG36" s="327">
        <v>0</v>
      </c>
      <c r="FH36" s="327">
        <v>0</v>
      </c>
      <c r="FI36" s="327">
        <v>0</v>
      </c>
      <c r="FJ36" s="328">
        <v>0</v>
      </c>
      <c r="FK36" s="330">
        <v>0</v>
      </c>
      <c r="FL36" s="326">
        <v>140554</v>
      </c>
      <c r="FM36" s="327">
        <v>736674</v>
      </c>
      <c r="FN36" s="328">
        <v>877228</v>
      </c>
      <c r="FO36" s="326">
        <v>0</v>
      </c>
      <c r="FP36" s="327">
        <v>489145</v>
      </c>
      <c r="FQ36" s="327">
        <v>1205410</v>
      </c>
      <c r="FR36" s="327">
        <v>870132</v>
      </c>
      <c r="FS36" s="327">
        <v>733889</v>
      </c>
      <c r="FT36" s="327">
        <v>410832</v>
      </c>
      <c r="FU36" s="328">
        <v>3709408</v>
      </c>
      <c r="FV36" s="330">
        <v>4586636</v>
      </c>
      <c r="FW36" s="333">
        <v>140554</v>
      </c>
      <c r="FX36" s="327">
        <v>472974</v>
      </c>
      <c r="FY36" s="331">
        <v>613528</v>
      </c>
      <c r="FZ36" s="332">
        <v>0</v>
      </c>
      <c r="GA36" s="327">
        <v>461980</v>
      </c>
      <c r="GB36" s="327">
        <v>1075810</v>
      </c>
      <c r="GC36" s="327">
        <v>780602</v>
      </c>
      <c r="GD36" s="327">
        <v>733889</v>
      </c>
      <c r="GE36" s="327">
        <v>410832</v>
      </c>
      <c r="GF36" s="328">
        <v>3463113</v>
      </c>
      <c r="GG36" s="334">
        <v>4076641</v>
      </c>
      <c r="GH36" s="333">
        <v>0</v>
      </c>
      <c r="GI36" s="327">
        <v>83700</v>
      </c>
      <c r="GJ36" s="331">
        <v>83700</v>
      </c>
      <c r="GK36" s="332">
        <v>0</v>
      </c>
      <c r="GL36" s="327">
        <v>27165</v>
      </c>
      <c r="GM36" s="327">
        <v>30600</v>
      </c>
      <c r="GN36" s="327">
        <v>44100</v>
      </c>
      <c r="GO36" s="327">
        <v>0</v>
      </c>
      <c r="GP36" s="327">
        <v>0</v>
      </c>
      <c r="GQ36" s="328">
        <v>101865</v>
      </c>
      <c r="GR36" s="330">
        <v>185565</v>
      </c>
      <c r="GS36" s="326">
        <v>0</v>
      </c>
      <c r="GT36" s="327">
        <v>180000</v>
      </c>
      <c r="GU36" s="328">
        <v>180000</v>
      </c>
      <c r="GV36" s="326">
        <v>0</v>
      </c>
      <c r="GW36" s="327">
        <v>0</v>
      </c>
      <c r="GX36" s="327">
        <v>99000</v>
      </c>
      <c r="GY36" s="327">
        <v>45430</v>
      </c>
      <c r="GZ36" s="327">
        <v>0</v>
      </c>
      <c r="HA36" s="327">
        <v>0</v>
      </c>
      <c r="HB36" s="331">
        <v>144430</v>
      </c>
      <c r="HC36" s="330">
        <v>324430</v>
      </c>
      <c r="HD36" s="326">
        <v>88419</v>
      </c>
      <c r="HE36" s="327">
        <v>95393</v>
      </c>
      <c r="HF36" s="331">
        <v>183812</v>
      </c>
      <c r="HG36" s="332">
        <v>0</v>
      </c>
      <c r="HH36" s="327">
        <v>2143374</v>
      </c>
      <c r="HI36" s="327">
        <v>1515616</v>
      </c>
      <c r="HJ36" s="327">
        <v>1467586</v>
      </c>
      <c r="HK36" s="327">
        <v>1334203</v>
      </c>
      <c r="HL36" s="327">
        <v>520209</v>
      </c>
      <c r="HM36" s="328">
        <v>6980988</v>
      </c>
      <c r="HN36" s="329">
        <v>7164800</v>
      </c>
      <c r="HO36" s="333">
        <v>130848</v>
      </c>
      <c r="HP36" s="327">
        <v>329541</v>
      </c>
      <c r="HQ36" s="328">
        <v>460389</v>
      </c>
      <c r="HR36" s="326">
        <v>0</v>
      </c>
      <c r="HS36" s="327">
        <v>1318967</v>
      </c>
      <c r="HT36" s="327">
        <v>1229560</v>
      </c>
      <c r="HU36" s="327">
        <v>924741</v>
      </c>
      <c r="HV36" s="327">
        <v>583425</v>
      </c>
      <c r="HW36" s="327">
        <v>221167</v>
      </c>
      <c r="HX36" s="331">
        <v>4277860</v>
      </c>
      <c r="HY36" s="330">
        <v>4738249</v>
      </c>
      <c r="HZ36" s="358">
        <v>0</v>
      </c>
      <c r="IA36" s="356">
        <v>93095</v>
      </c>
      <c r="IB36" s="358">
        <v>93095</v>
      </c>
      <c r="IC36" s="355">
        <v>0</v>
      </c>
      <c r="ID36" s="356">
        <v>3374415</v>
      </c>
      <c r="IE36" s="357">
        <v>5126791</v>
      </c>
      <c r="IF36" s="358">
        <v>6476277</v>
      </c>
      <c r="IG36" s="356">
        <v>3415473</v>
      </c>
      <c r="IH36" s="358">
        <v>711514</v>
      </c>
      <c r="II36" s="359">
        <v>19104470</v>
      </c>
      <c r="IJ36" s="358">
        <v>19197565</v>
      </c>
      <c r="IK36" s="342">
        <v>0</v>
      </c>
      <c r="IL36" s="343">
        <v>0</v>
      </c>
      <c r="IM36" s="344">
        <v>0</v>
      </c>
      <c r="IN36" s="404">
        <v>0</v>
      </c>
      <c r="IO36" s="345">
        <v>0</v>
      </c>
      <c r="IP36" s="345">
        <v>0</v>
      </c>
      <c r="IQ36" s="345">
        <v>186498</v>
      </c>
      <c r="IR36" s="345">
        <v>0</v>
      </c>
      <c r="IS36" s="345">
        <v>0</v>
      </c>
      <c r="IT36" s="346">
        <v>186498</v>
      </c>
      <c r="IU36" s="347">
        <v>186498</v>
      </c>
      <c r="IV36" s="348">
        <v>0</v>
      </c>
      <c r="IW36" s="345">
        <v>0</v>
      </c>
      <c r="IX36" s="349">
        <v>0</v>
      </c>
      <c r="IY36" s="413">
        <v>0</v>
      </c>
      <c r="IZ36" s="345">
        <v>0</v>
      </c>
      <c r="JA36" s="345">
        <v>0</v>
      </c>
      <c r="JB36" s="345">
        <v>0</v>
      </c>
      <c r="JC36" s="345">
        <v>0</v>
      </c>
      <c r="JD36" s="345">
        <v>0</v>
      </c>
      <c r="JE36" s="349">
        <v>0</v>
      </c>
      <c r="JF36" s="350">
        <v>0</v>
      </c>
      <c r="JG36" s="348">
        <v>0</v>
      </c>
      <c r="JH36" s="345">
        <v>0</v>
      </c>
      <c r="JI36" s="346">
        <v>0</v>
      </c>
      <c r="JJ36" s="351">
        <v>0</v>
      </c>
      <c r="JK36" s="345">
        <v>456010</v>
      </c>
      <c r="JL36" s="345">
        <v>728183</v>
      </c>
      <c r="JM36" s="345">
        <v>498212</v>
      </c>
      <c r="JN36" s="345">
        <v>24129</v>
      </c>
      <c r="JO36" s="345">
        <v>0</v>
      </c>
      <c r="JP36" s="349">
        <v>1706534</v>
      </c>
      <c r="JQ36" s="347">
        <v>1706534</v>
      </c>
      <c r="JR36" s="348">
        <v>0</v>
      </c>
      <c r="JS36" s="345">
        <v>0</v>
      </c>
      <c r="JT36" s="346">
        <v>0</v>
      </c>
      <c r="JU36" s="351">
        <v>0</v>
      </c>
      <c r="JV36" s="345">
        <v>0</v>
      </c>
      <c r="JW36" s="345">
        <v>0</v>
      </c>
      <c r="JX36" s="345">
        <v>185663</v>
      </c>
      <c r="JY36" s="345">
        <v>169981</v>
      </c>
      <c r="JZ36" s="345">
        <v>0</v>
      </c>
      <c r="KA36" s="349">
        <v>355644</v>
      </c>
      <c r="KB36" s="347">
        <v>355644</v>
      </c>
      <c r="KC36" s="352">
        <v>0</v>
      </c>
      <c r="KD36" s="353">
        <v>93095</v>
      </c>
      <c r="KE36" s="349">
        <v>93095</v>
      </c>
      <c r="KF36" s="351">
        <v>0</v>
      </c>
      <c r="KG36" s="345">
        <v>1149354</v>
      </c>
      <c r="KH36" s="345">
        <v>1578485</v>
      </c>
      <c r="KI36" s="345">
        <v>1662829</v>
      </c>
      <c r="KJ36" s="345">
        <v>509528</v>
      </c>
      <c r="KK36" s="345">
        <v>158155</v>
      </c>
      <c r="KL36" s="349">
        <v>5058351</v>
      </c>
      <c r="KM36" s="354">
        <v>5151446</v>
      </c>
      <c r="KN36" s="342">
        <v>0</v>
      </c>
      <c r="KO36" s="343">
        <v>0</v>
      </c>
      <c r="KP36" s="344">
        <v>0</v>
      </c>
      <c r="KQ36" s="413">
        <v>0</v>
      </c>
      <c r="KR36" s="345">
        <v>1769051</v>
      </c>
      <c r="KS36" s="345">
        <v>2820123</v>
      </c>
      <c r="KT36" s="345">
        <v>3943075</v>
      </c>
      <c r="KU36" s="345">
        <v>2711835</v>
      </c>
      <c r="KV36" s="345">
        <v>553359</v>
      </c>
      <c r="KW36" s="349">
        <v>11797443</v>
      </c>
      <c r="KX36" s="347">
        <v>11797443</v>
      </c>
      <c r="KY36" s="348">
        <v>0</v>
      </c>
      <c r="KZ36" s="345">
        <v>0</v>
      </c>
      <c r="LA36" s="349">
        <v>0</v>
      </c>
      <c r="LB36" s="413">
        <v>0</v>
      </c>
      <c r="LC36" s="345">
        <v>0</v>
      </c>
      <c r="LD36" s="345">
        <v>0</v>
      </c>
      <c r="LE36" s="345">
        <v>0</v>
      </c>
      <c r="LF36" s="345">
        <v>0</v>
      </c>
      <c r="LG36" s="345">
        <v>0</v>
      </c>
      <c r="LH36" s="349">
        <v>0</v>
      </c>
      <c r="LI36" s="350">
        <v>0</v>
      </c>
      <c r="LJ36" s="348">
        <v>0</v>
      </c>
      <c r="LK36" s="345">
        <v>0</v>
      </c>
      <c r="LL36" s="349">
        <v>0</v>
      </c>
      <c r="LM36" s="413">
        <v>0</v>
      </c>
      <c r="LN36" s="345">
        <v>0</v>
      </c>
      <c r="LO36" s="345">
        <v>0</v>
      </c>
      <c r="LP36" s="345">
        <v>0</v>
      </c>
      <c r="LQ36" s="345">
        <v>0</v>
      </c>
      <c r="LR36" s="345">
        <v>0</v>
      </c>
      <c r="LS36" s="349">
        <v>0</v>
      </c>
      <c r="LT36" s="347">
        <v>0</v>
      </c>
      <c r="LU36" s="348">
        <v>0</v>
      </c>
      <c r="LV36" s="345">
        <v>0</v>
      </c>
      <c r="LW36" s="349">
        <v>0</v>
      </c>
      <c r="LX36" s="413">
        <v>0</v>
      </c>
      <c r="LY36" s="345">
        <v>0</v>
      </c>
      <c r="LZ36" s="345">
        <v>0</v>
      </c>
      <c r="MA36" s="345">
        <v>0</v>
      </c>
      <c r="MB36" s="345">
        <v>0</v>
      </c>
      <c r="MC36" s="345">
        <v>0</v>
      </c>
      <c r="MD36" s="349">
        <v>0</v>
      </c>
      <c r="ME36" s="350">
        <v>0</v>
      </c>
      <c r="MF36" s="348">
        <v>0</v>
      </c>
      <c r="MG36" s="345">
        <v>0</v>
      </c>
      <c r="MH36" s="349">
        <v>0</v>
      </c>
      <c r="MI36" s="413">
        <v>0</v>
      </c>
      <c r="MJ36" s="345">
        <v>992186</v>
      </c>
      <c r="MK36" s="345">
        <v>2606204</v>
      </c>
      <c r="ML36" s="345">
        <v>10120905</v>
      </c>
      <c r="MM36" s="345">
        <v>10339302</v>
      </c>
      <c r="MN36" s="345">
        <v>8132862</v>
      </c>
      <c r="MO36" s="349">
        <v>32191459</v>
      </c>
      <c r="MP36" s="354">
        <v>32191459</v>
      </c>
      <c r="MQ36" s="348">
        <v>0</v>
      </c>
      <c r="MR36" s="345">
        <v>0</v>
      </c>
      <c r="MS36" s="349">
        <v>0</v>
      </c>
      <c r="MT36" s="413">
        <v>0</v>
      </c>
      <c r="MU36" s="345">
        <v>198426</v>
      </c>
      <c r="MV36" s="345">
        <v>218667</v>
      </c>
      <c r="MW36" s="345">
        <v>7468178</v>
      </c>
      <c r="MX36" s="345">
        <v>6642706</v>
      </c>
      <c r="MY36" s="345">
        <v>6154724</v>
      </c>
      <c r="MZ36" s="349">
        <v>20682701</v>
      </c>
      <c r="NA36" s="354">
        <v>20682701</v>
      </c>
      <c r="NB36" s="348">
        <v>0</v>
      </c>
      <c r="NC36" s="345">
        <v>0</v>
      </c>
      <c r="ND36" s="349">
        <v>0</v>
      </c>
      <c r="NE36" s="413">
        <v>0</v>
      </c>
      <c r="NF36" s="345">
        <v>514547</v>
      </c>
      <c r="NG36" s="345">
        <v>2387537</v>
      </c>
      <c r="NH36" s="345">
        <v>2652727</v>
      </c>
      <c r="NI36" s="345">
        <v>2938552</v>
      </c>
      <c r="NJ36" s="345">
        <v>1478295</v>
      </c>
      <c r="NK36" s="349">
        <v>9971658</v>
      </c>
      <c r="NL36" s="347">
        <v>9971658</v>
      </c>
      <c r="NM36" s="348">
        <v>0</v>
      </c>
      <c r="NN36" s="345">
        <v>0</v>
      </c>
      <c r="NO36" s="349">
        <v>0</v>
      </c>
      <c r="NP36" s="413">
        <v>0</v>
      </c>
      <c r="NQ36" s="345">
        <v>0</v>
      </c>
      <c r="NR36" s="345">
        <v>0</v>
      </c>
      <c r="NS36" s="345">
        <v>0</v>
      </c>
      <c r="NT36" s="345">
        <v>0</v>
      </c>
      <c r="NU36" s="345">
        <v>0</v>
      </c>
      <c r="NV36" s="349">
        <v>0</v>
      </c>
      <c r="NW36" s="350">
        <v>0</v>
      </c>
      <c r="NX36" s="348">
        <v>0</v>
      </c>
      <c r="NY36" s="345">
        <v>0</v>
      </c>
      <c r="NZ36" s="349">
        <v>0</v>
      </c>
      <c r="OA36" s="413">
        <v>0</v>
      </c>
      <c r="OB36" s="345">
        <v>279213</v>
      </c>
      <c r="OC36" s="345">
        <v>0</v>
      </c>
      <c r="OD36" s="345">
        <v>0</v>
      </c>
      <c r="OE36" s="345">
        <v>758044</v>
      </c>
      <c r="OF36" s="345">
        <v>499843</v>
      </c>
      <c r="OG36" s="349">
        <v>1537100</v>
      </c>
      <c r="OH36" s="350">
        <v>1537100</v>
      </c>
      <c r="OI36" s="348">
        <v>551870</v>
      </c>
      <c r="OJ36" s="345">
        <v>1497853</v>
      </c>
      <c r="OK36" s="346">
        <v>2049723</v>
      </c>
      <c r="OL36" s="351">
        <v>0</v>
      </c>
      <c r="OM36" s="345">
        <v>12459224</v>
      </c>
      <c r="ON36" s="345">
        <v>17690976</v>
      </c>
      <c r="OO36" s="345">
        <v>25086283</v>
      </c>
      <c r="OP36" s="345">
        <v>21057820</v>
      </c>
      <c r="OQ36" s="345">
        <v>12293947</v>
      </c>
      <c r="OR36" s="349">
        <v>88588250</v>
      </c>
      <c r="OS36" s="354">
        <v>90637973</v>
      </c>
    </row>
    <row r="37" spans="2:409" s="70" customFormat="1" ht="21" customHeight="1" x14ac:dyDescent="0.2">
      <c r="B37" s="410" t="s">
        <v>32</v>
      </c>
      <c r="C37" s="326">
        <v>1188621</v>
      </c>
      <c r="D37" s="327">
        <v>1757895</v>
      </c>
      <c r="E37" s="368">
        <v>2946516</v>
      </c>
      <c r="F37" s="370">
        <v>0</v>
      </c>
      <c r="G37" s="369">
        <v>9878915</v>
      </c>
      <c r="H37" s="369">
        <v>11484936</v>
      </c>
      <c r="I37" s="369">
        <v>7284735</v>
      </c>
      <c r="J37" s="369">
        <v>9531484</v>
      </c>
      <c r="K37" s="369">
        <v>6522281</v>
      </c>
      <c r="L37" s="370">
        <v>44702351</v>
      </c>
      <c r="M37" s="330">
        <v>47648867</v>
      </c>
      <c r="N37" s="326">
        <v>296504</v>
      </c>
      <c r="O37" s="327">
        <v>337107</v>
      </c>
      <c r="P37" s="328">
        <v>633611</v>
      </c>
      <c r="Q37" s="326">
        <v>0</v>
      </c>
      <c r="R37" s="327">
        <v>2560925</v>
      </c>
      <c r="S37" s="327">
        <v>3389180</v>
      </c>
      <c r="T37" s="327">
        <v>1904013</v>
      </c>
      <c r="U37" s="327">
        <v>2316440</v>
      </c>
      <c r="V37" s="327">
        <v>3083977</v>
      </c>
      <c r="W37" s="328">
        <v>13254535</v>
      </c>
      <c r="X37" s="330">
        <v>13888146</v>
      </c>
      <c r="Y37" s="326">
        <v>0</v>
      </c>
      <c r="Z37" s="327">
        <v>0</v>
      </c>
      <c r="AA37" s="328">
        <v>0</v>
      </c>
      <c r="AB37" s="326">
        <v>0</v>
      </c>
      <c r="AC37" s="327">
        <v>1113162</v>
      </c>
      <c r="AD37" s="327">
        <v>1516077</v>
      </c>
      <c r="AE37" s="327">
        <v>980253</v>
      </c>
      <c r="AF37" s="327">
        <v>837919</v>
      </c>
      <c r="AG37" s="327">
        <v>1669692</v>
      </c>
      <c r="AH37" s="328">
        <v>6117103</v>
      </c>
      <c r="AI37" s="330">
        <v>6117103</v>
      </c>
      <c r="AJ37" s="326">
        <v>0</v>
      </c>
      <c r="AK37" s="327">
        <v>0</v>
      </c>
      <c r="AL37" s="328">
        <v>0</v>
      </c>
      <c r="AM37" s="326">
        <v>0</v>
      </c>
      <c r="AN37" s="327">
        <v>0</v>
      </c>
      <c r="AO37" s="327">
        <v>0</v>
      </c>
      <c r="AP37" s="327">
        <v>100045</v>
      </c>
      <c r="AQ37" s="327">
        <v>373830</v>
      </c>
      <c r="AR37" s="327">
        <v>376264</v>
      </c>
      <c r="AS37" s="328">
        <v>850139</v>
      </c>
      <c r="AT37" s="330">
        <v>850139</v>
      </c>
      <c r="AU37" s="326">
        <v>267551</v>
      </c>
      <c r="AV37" s="327">
        <v>202377</v>
      </c>
      <c r="AW37" s="328">
        <v>469928</v>
      </c>
      <c r="AX37" s="326">
        <v>0</v>
      </c>
      <c r="AY37" s="327">
        <v>959755</v>
      </c>
      <c r="AZ37" s="327">
        <v>1448891</v>
      </c>
      <c r="BA37" s="327">
        <v>420341</v>
      </c>
      <c r="BB37" s="327">
        <v>464661</v>
      </c>
      <c r="BC37" s="327">
        <v>653212</v>
      </c>
      <c r="BD37" s="328">
        <v>3946860</v>
      </c>
      <c r="BE37" s="330">
        <v>4416788</v>
      </c>
      <c r="BF37" s="326">
        <v>0</v>
      </c>
      <c r="BG37" s="327">
        <v>33390</v>
      </c>
      <c r="BH37" s="331">
        <v>33390</v>
      </c>
      <c r="BI37" s="332">
        <v>0</v>
      </c>
      <c r="BJ37" s="327">
        <v>168249</v>
      </c>
      <c r="BK37" s="327">
        <v>0</v>
      </c>
      <c r="BL37" s="327">
        <v>0</v>
      </c>
      <c r="BM37" s="327">
        <v>125812</v>
      </c>
      <c r="BN37" s="327">
        <v>39375</v>
      </c>
      <c r="BO37" s="328">
        <v>333436</v>
      </c>
      <c r="BP37" s="330">
        <v>366826</v>
      </c>
      <c r="BQ37" s="326">
        <v>28953</v>
      </c>
      <c r="BR37" s="327">
        <v>101340</v>
      </c>
      <c r="BS37" s="328">
        <v>130293</v>
      </c>
      <c r="BT37" s="326">
        <v>0</v>
      </c>
      <c r="BU37" s="327">
        <v>319759</v>
      </c>
      <c r="BV37" s="327">
        <v>424212</v>
      </c>
      <c r="BW37" s="327">
        <v>403374</v>
      </c>
      <c r="BX37" s="327">
        <v>514218</v>
      </c>
      <c r="BY37" s="327">
        <v>345434</v>
      </c>
      <c r="BZ37" s="328">
        <v>2006997</v>
      </c>
      <c r="CA37" s="330">
        <v>2137290</v>
      </c>
      <c r="CB37" s="326">
        <v>113962</v>
      </c>
      <c r="CC37" s="327">
        <v>162670</v>
      </c>
      <c r="CD37" s="328">
        <v>276632</v>
      </c>
      <c r="CE37" s="326">
        <v>0</v>
      </c>
      <c r="CF37" s="327">
        <v>3042407</v>
      </c>
      <c r="CG37" s="327">
        <v>3593110</v>
      </c>
      <c r="CH37" s="327">
        <v>2327742</v>
      </c>
      <c r="CI37" s="327">
        <v>2014697</v>
      </c>
      <c r="CJ37" s="327">
        <v>840718</v>
      </c>
      <c r="CK37" s="328">
        <v>11818674</v>
      </c>
      <c r="CL37" s="330">
        <v>12095306</v>
      </c>
      <c r="CM37" s="326">
        <v>0</v>
      </c>
      <c r="CN37" s="327">
        <v>0</v>
      </c>
      <c r="CO37" s="328">
        <v>0</v>
      </c>
      <c r="CP37" s="332">
        <v>0</v>
      </c>
      <c r="CQ37" s="327">
        <v>2593939</v>
      </c>
      <c r="CR37" s="327">
        <v>2830040</v>
      </c>
      <c r="CS37" s="327">
        <v>2099339</v>
      </c>
      <c r="CT37" s="327">
        <v>1767815</v>
      </c>
      <c r="CU37" s="327">
        <v>697292</v>
      </c>
      <c r="CV37" s="328">
        <v>9988425</v>
      </c>
      <c r="CW37" s="330">
        <v>9988425</v>
      </c>
      <c r="CX37" s="326">
        <v>113962</v>
      </c>
      <c r="CY37" s="327">
        <v>162670</v>
      </c>
      <c r="CZ37" s="328">
        <v>276632</v>
      </c>
      <c r="DA37" s="326">
        <v>0</v>
      </c>
      <c r="DB37" s="327">
        <v>448468</v>
      </c>
      <c r="DC37" s="327">
        <v>763070</v>
      </c>
      <c r="DD37" s="327">
        <v>228403</v>
      </c>
      <c r="DE37" s="327">
        <v>246882</v>
      </c>
      <c r="DF37" s="327">
        <v>143426</v>
      </c>
      <c r="DG37" s="328">
        <v>1830249</v>
      </c>
      <c r="DH37" s="330">
        <v>2106881</v>
      </c>
      <c r="DI37" s="326">
        <v>0</v>
      </c>
      <c r="DJ37" s="327">
        <v>86814</v>
      </c>
      <c r="DK37" s="331">
        <v>86814</v>
      </c>
      <c r="DL37" s="332">
        <v>0</v>
      </c>
      <c r="DM37" s="327">
        <v>350346</v>
      </c>
      <c r="DN37" s="327">
        <v>733897</v>
      </c>
      <c r="DO37" s="327">
        <v>823724</v>
      </c>
      <c r="DP37" s="327">
        <v>953047</v>
      </c>
      <c r="DQ37" s="327">
        <v>224024</v>
      </c>
      <c r="DR37" s="328">
        <v>3085038</v>
      </c>
      <c r="DS37" s="330">
        <v>3171852</v>
      </c>
      <c r="DT37" s="326">
        <v>0</v>
      </c>
      <c r="DU37" s="327">
        <v>86814</v>
      </c>
      <c r="DV37" s="328">
        <v>86814</v>
      </c>
      <c r="DW37" s="326">
        <v>0</v>
      </c>
      <c r="DX37" s="327">
        <v>350346</v>
      </c>
      <c r="DY37" s="327">
        <v>520140</v>
      </c>
      <c r="DZ37" s="327">
        <v>823724</v>
      </c>
      <c r="EA37" s="327">
        <v>953047</v>
      </c>
      <c r="EB37" s="327">
        <v>98130</v>
      </c>
      <c r="EC37" s="328">
        <v>2745387</v>
      </c>
      <c r="ED37" s="330">
        <v>2832201</v>
      </c>
      <c r="EE37" s="326">
        <v>0</v>
      </c>
      <c r="EF37" s="331">
        <v>0</v>
      </c>
      <c r="EG37" s="328">
        <v>0</v>
      </c>
      <c r="EH37" s="326">
        <v>0</v>
      </c>
      <c r="EI37" s="327">
        <v>0</v>
      </c>
      <c r="EJ37" s="327">
        <v>213757</v>
      </c>
      <c r="EK37" s="327">
        <v>0</v>
      </c>
      <c r="EL37" s="327">
        <v>0</v>
      </c>
      <c r="EM37" s="327">
        <v>125894</v>
      </c>
      <c r="EN37" s="331">
        <v>339651</v>
      </c>
      <c r="EO37" s="330">
        <v>339651</v>
      </c>
      <c r="EP37" s="326">
        <v>0</v>
      </c>
      <c r="EQ37" s="327">
        <v>0</v>
      </c>
      <c r="ER37" s="331">
        <v>0</v>
      </c>
      <c r="ES37" s="332">
        <v>0</v>
      </c>
      <c r="ET37" s="327">
        <v>0</v>
      </c>
      <c r="EU37" s="327">
        <v>0</v>
      </c>
      <c r="EV37" s="327">
        <v>0</v>
      </c>
      <c r="EW37" s="327">
        <v>0</v>
      </c>
      <c r="EX37" s="327">
        <v>0</v>
      </c>
      <c r="EY37" s="328">
        <v>0</v>
      </c>
      <c r="EZ37" s="330">
        <v>0</v>
      </c>
      <c r="FA37" s="326">
        <v>0</v>
      </c>
      <c r="FB37" s="327">
        <v>0</v>
      </c>
      <c r="FC37" s="331">
        <v>0</v>
      </c>
      <c r="FD37" s="332">
        <v>0</v>
      </c>
      <c r="FE37" s="327">
        <v>0</v>
      </c>
      <c r="FF37" s="327">
        <v>0</v>
      </c>
      <c r="FG37" s="327">
        <v>0</v>
      </c>
      <c r="FH37" s="327">
        <v>0</v>
      </c>
      <c r="FI37" s="327">
        <v>0</v>
      </c>
      <c r="FJ37" s="328">
        <v>0</v>
      </c>
      <c r="FK37" s="330">
        <v>0</v>
      </c>
      <c r="FL37" s="326">
        <v>417080</v>
      </c>
      <c r="FM37" s="327">
        <v>485074</v>
      </c>
      <c r="FN37" s="328">
        <v>902154</v>
      </c>
      <c r="FO37" s="326">
        <v>0</v>
      </c>
      <c r="FP37" s="327">
        <v>792724</v>
      </c>
      <c r="FQ37" s="327">
        <v>1166774</v>
      </c>
      <c r="FR37" s="327">
        <v>653767</v>
      </c>
      <c r="FS37" s="327">
        <v>799126</v>
      </c>
      <c r="FT37" s="327">
        <v>516532</v>
      </c>
      <c r="FU37" s="328">
        <v>3928923</v>
      </c>
      <c r="FV37" s="330">
        <v>4831077</v>
      </c>
      <c r="FW37" s="333">
        <v>209746</v>
      </c>
      <c r="FX37" s="327">
        <v>450424</v>
      </c>
      <c r="FY37" s="331">
        <v>660170</v>
      </c>
      <c r="FZ37" s="332">
        <v>0</v>
      </c>
      <c r="GA37" s="327">
        <v>792724</v>
      </c>
      <c r="GB37" s="327">
        <v>1166774</v>
      </c>
      <c r="GC37" s="327">
        <v>653767</v>
      </c>
      <c r="GD37" s="327">
        <v>740941</v>
      </c>
      <c r="GE37" s="327">
        <v>516532</v>
      </c>
      <c r="GF37" s="328">
        <v>3870738</v>
      </c>
      <c r="GG37" s="334">
        <v>4530908</v>
      </c>
      <c r="GH37" s="333">
        <v>24255</v>
      </c>
      <c r="GI37" s="327">
        <v>34650</v>
      </c>
      <c r="GJ37" s="331">
        <v>58905</v>
      </c>
      <c r="GK37" s="332">
        <v>0</v>
      </c>
      <c r="GL37" s="327">
        <v>0</v>
      </c>
      <c r="GM37" s="327">
        <v>0</v>
      </c>
      <c r="GN37" s="327">
        <v>0</v>
      </c>
      <c r="GO37" s="327">
        <v>31185</v>
      </c>
      <c r="GP37" s="327">
        <v>0</v>
      </c>
      <c r="GQ37" s="328">
        <v>31185</v>
      </c>
      <c r="GR37" s="330">
        <v>90090</v>
      </c>
      <c r="GS37" s="326">
        <v>183079</v>
      </c>
      <c r="GT37" s="327">
        <v>0</v>
      </c>
      <c r="GU37" s="328">
        <v>183079</v>
      </c>
      <c r="GV37" s="326">
        <v>0</v>
      </c>
      <c r="GW37" s="327">
        <v>0</v>
      </c>
      <c r="GX37" s="327">
        <v>0</v>
      </c>
      <c r="GY37" s="327">
        <v>0</v>
      </c>
      <c r="GZ37" s="327">
        <v>27000</v>
      </c>
      <c r="HA37" s="327">
        <v>0</v>
      </c>
      <c r="HB37" s="331">
        <v>27000</v>
      </c>
      <c r="HC37" s="330">
        <v>210079</v>
      </c>
      <c r="HD37" s="326">
        <v>188695</v>
      </c>
      <c r="HE37" s="327">
        <v>407770</v>
      </c>
      <c r="HF37" s="331">
        <v>596465</v>
      </c>
      <c r="HG37" s="332">
        <v>0</v>
      </c>
      <c r="HH37" s="327">
        <v>1061165</v>
      </c>
      <c r="HI37" s="327">
        <v>1035549</v>
      </c>
      <c r="HJ37" s="327">
        <v>702388</v>
      </c>
      <c r="HK37" s="327">
        <v>2824160</v>
      </c>
      <c r="HL37" s="327">
        <v>1479348</v>
      </c>
      <c r="HM37" s="328">
        <v>7102610</v>
      </c>
      <c r="HN37" s="329">
        <v>7699075</v>
      </c>
      <c r="HO37" s="333">
        <v>172380</v>
      </c>
      <c r="HP37" s="327">
        <v>278460</v>
      </c>
      <c r="HQ37" s="328">
        <v>450840</v>
      </c>
      <c r="HR37" s="326">
        <v>0</v>
      </c>
      <c r="HS37" s="327">
        <v>2071348</v>
      </c>
      <c r="HT37" s="327">
        <v>1566426</v>
      </c>
      <c r="HU37" s="327">
        <v>873101</v>
      </c>
      <c r="HV37" s="327">
        <v>624014</v>
      </c>
      <c r="HW37" s="327">
        <v>377682</v>
      </c>
      <c r="HX37" s="331">
        <v>5512571</v>
      </c>
      <c r="HY37" s="330">
        <v>5963411</v>
      </c>
      <c r="HZ37" s="335">
        <v>54558</v>
      </c>
      <c r="IA37" s="336">
        <v>230094</v>
      </c>
      <c r="IB37" s="337">
        <v>284652</v>
      </c>
      <c r="IC37" s="338">
        <v>0</v>
      </c>
      <c r="ID37" s="336">
        <v>5322400</v>
      </c>
      <c r="IE37" s="339">
        <v>4301840</v>
      </c>
      <c r="IF37" s="337">
        <v>5528777</v>
      </c>
      <c r="IG37" s="336">
        <v>4709038</v>
      </c>
      <c r="IH37" s="337">
        <v>2148355</v>
      </c>
      <c r="II37" s="340">
        <v>22010410</v>
      </c>
      <c r="IJ37" s="341">
        <v>22295062</v>
      </c>
      <c r="IK37" s="342">
        <v>0</v>
      </c>
      <c r="IL37" s="343">
        <v>0</v>
      </c>
      <c r="IM37" s="344">
        <v>0</v>
      </c>
      <c r="IN37" s="404">
        <v>0</v>
      </c>
      <c r="IO37" s="345">
        <v>53403</v>
      </c>
      <c r="IP37" s="345">
        <v>423998</v>
      </c>
      <c r="IQ37" s="345">
        <v>194742</v>
      </c>
      <c r="IR37" s="345">
        <v>208728</v>
      </c>
      <c r="IS37" s="345">
        <v>0</v>
      </c>
      <c r="IT37" s="346">
        <v>880871</v>
      </c>
      <c r="IU37" s="347">
        <v>880871</v>
      </c>
      <c r="IV37" s="348">
        <v>0</v>
      </c>
      <c r="IW37" s="345">
        <v>0</v>
      </c>
      <c r="IX37" s="349">
        <v>0</v>
      </c>
      <c r="IY37" s="413">
        <v>0</v>
      </c>
      <c r="IZ37" s="345">
        <v>0</v>
      </c>
      <c r="JA37" s="345">
        <v>0</v>
      </c>
      <c r="JB37" s="345">
        <v>0</v>
      </c>
      <c r="JC37" s="345">
        <v>0</v>
      </c>
      <c r="JD37" s="345">
        <v>0</v>
      </c>
      <c r="JE37" s="349">
        <v>0</v>
      </c>
      <c r="JF37" s="350">
        <v>0</v>
      </c>
      <c r="JG37" s="348">
        <v>0</v>
      </c>
      <c r="JH37" s="345">
        <v>0</v>
      </c>
      <c r="JI37" s="346">
        <v>0</v>
      </c>
      <c r="JJ37" s="351">
        <v>0</v>
      </c>
      <c r="JK37" s="345">
        <v>2345149</v>
      </c>
      <c r="JL37" s="345">
        <v>1999992</v>
      </c>
      <c r="JM37" s="345">
        <v>966221</v>
      </c>
      <c r="JN37" s="345">
        <v>391975</v>
      </c>
      <c r="JO37" s="345">
        <v>339309</v>
      </c>
      <c r="JP37" s="349">
        <v>6042646</v>
      </c>
      <c r="JQ37" s="347">
        <v>6042646</v>
      </c>
      <c r="JR37" s="348">
        <v>0</v>
      </c>
      <c r="JS37" s="345">
        <v>0</v>
      </c>
      <c r="JT37" s="346">
        <v>0</v>
      </c>
      <c r="JU37" s="351">
        <v>0</v>
      </c>
      <c r="JV37" s="345">
        <v>445358</v>
      </c>
      <c r="JW37" s="345">
        <v>0</v>
      </c>
      <c r="JX37" s="345">
        <v>448070</v>
      </c>
      <c r="JY37" s="345">
        <v>0</v>
      </c>
      <c r="JZ37" s="345">
        <v>168013</v>
      </c>
      <c r="KA37" s="349">
        <v>1061441</v>
      </c>
      <c r="KB37" s="347">
        <v>1061441</v>
      </c>
      <c r="KC37" s="352">
        <v>54558</v>
      </c>
      <c r="KD37" s="353">
        <v>90891</v>
      </c>
      <c r="KE37" s="349">
        <v>145449</v>
      </c>
      <c r="KF37" s="351">
        <v>0</v>
      </c>
      <c r="KG37" s="345">
        <v>1638930</v>
      </c>
      <c r="KH37" s="345">
        <v>1287135</v>
      </c>
      <c r="KI37" s="345">
        <v>795384</v>
      </c>
      <c r="KJ37" s="345">
        <v>867096</v>
      </c>
      <c r="KK37" s="345">
        <v>0</v>
      </c>
      <c r="KL37" s="349">
        <v>4588545</v>
      </c>
      <c r="KM37" s="354">
        <v>4733994</v>
      </c>
      <c r="KN37" s="342">
        <v>0</v>
      </c>
      <c r="KO37" s="343">
        <v>139203</v>
      </c>
      <c r="KP37" s="344">
        <v>139203</v>
      </c>
      <c r="KQ37" s="413">
        <v>0</v>
      </c>
      <c r="KR37" s="345">
        <v>839560</v>
      </c>
      <c r="KS37" s="345">
        <v>590715</v>
      </c>
      <c r="KT37" s="345">
        <v>897181</v>
      </c>
      <c r="KU37" s="345">
        <v>1182889</v>
      </c>
      <c r="KV37" s="345">
        <v>0</v>
      </c>
      <c r="KW37" s="349">
        <v>3510345</v>
      </c>
      <c r="KX37" s="347">
        <v>3649548</v>
      </c>
      <c r="KY37" s="348">
        <v>0</v>
      </c>
      <c r="KZ37" s="345">
        <v>0</v>
      </c>
      <c r="LA37" s="349">
        <v>0</v>
      </c>
      <c r="LB37" s="413">
        <v>0</v>
      </c>
      <c r="LC37" s="345">
        <v>0</v>
      </c>
      <c r="LD37" s="345">
        <v>0</v>
      </c>
      <c r="LE37" s="345">
        <v>0</v>
      </c>
      <c r="LF37" s="345">
        <v>0</v>
      </c>
      <c r="LG37" s="345">
        <v>0</v>
      </c>
      <c r="LH37" s="349">
        <v>0</v>
      </c>
      <c r="LI37" s="350">
        <v>0</v>
      </c>
      <c r="LJ37" s="348">
        <v>0</v>
      </c>
      <c r="LK37" s="345">
        <v>0</v>
      </c>
      <c r="LL37" s="349">
        <v>0</v>
      </c>
      <c r="LM37" s="413">
        <v>0</v>
      </c>
      <c r="LN37" s="345">
        <v>0</v>
      </c>
      <c r="LO37" s="345">
        <v>0</v>
      </c>
      <c r="LP37" s="345">
        <v>2227179</v>
      </c>
      <c r="LQ37" s="345">
        <v>2058350</v>
      </c>
      <c r="LR37" s="345">
        <v>1641033</v>
      </c>
      <c r="LS37" s="349">
        <v>5926562</v>
      </c>
      <c r="LT37" s="347">
        <v>5926562</v>
      </c>
      <c r="LU37" s="348">
        <v>0</v>
      </c>
      <c r="LV37" s="345">
        <v>0</v>
      </c>
      <c r="LW37" s="349">
        <v>0</v>
      </c>
      <c r="LX37" s="413">
        <v>0</v>
      </c>
      <c r="LY37" s="345">
        <v>0</v>
      </c>
      <c r="LZ37" s="345">
        <v>0</v>
      </c>
      <c r="MA37" s="345">
        <v>0</v>
      </c>
      <c r="MB37" s="345">
        <v>0</v>
      </c>
      <c r="MC37" s="345">
        <v>0</v>
      </c>
      <c r="MD37" s="349">
        <v>0</v>
      </c>
      <c r="ME37" s="350">
        <v>0</v>
      </c>
      <c r="MF37" s="348">
        <v>0</v>
      </c>
      <c r="MG37" s="345">
        <v>0</v>
      </c>
      <c r="MH37" s="349">
        <v>0</v>
      </c>
      <c r="MI37" s="413">
        <v>0</v>
      </c>
      <c r="MJ37" s="345">
        <v>2739424</v>
      </c>
      <c r="MK37" s="345">
        <v>2110780</v>
      </c>
      <c r="ML37" s="345">
        <v>5140564</v>
      </c>
      <c r="MM37" s="345">
        <v>13565427</v>
      </c>
      <c r="MN37" s="345">
        <v>7220750</v>
      </c>
      <c r="MO37" s="349">
        <v>30776945</v>
      </c>
      <c r="MP37" s="354">
        <v>30776945</v>
      </c>
      <c r="MQ37" s="348">
        <v>0</v>
      </c>
      <c r="MR37" s="345">
        <v>0</v>
      </c>
      <c r="MS37" s="349">
        <v>0</v>
      </c>
      <c r="MT37" s="413">
        <v>0</v>
      </c>
      <c r="MU37" s="345">
        <v>496282</v>
      </c>
      <c r="MV37" s="345">
        <v>0</v>
      </c>
      <c r="MW37" s="345">
        <v>3252655</v>
      </c>
      <c r="MX37" s="345">
        <v>8796879</v>
      </c>
      <c r="MY37" s="345">
        <v>4401226</v>
      </c>
      <c r="MZ37" s="349">
        <v>16947042</v>
      </c>
      <c r="NA37" s="354">
        <v>16947042</v>
      </c>
      <c r="NB37" s="348">
        <v>0</v>
      </c>
      <c r="NC37" s="345">
        <v>0</v>
      </c>
      <c r="ND37" s="349">
        <v>0</v>
      </c>
      <c r="NE37" s="413">
        <v>0</v>
      </c>
      <c r="NF37" s="345">
        <v>1690692</v>
      </c>
      <c r="NG37" s="345">
        <v>2110780</v>
      </c>
      <c r="NH37" s="345">
        <v>1887909</v>
      </c>
      <c r="NI37" s="345">
        <v>4768548</v>
      </c>
      <c r="NJ37" s="345">
        <v>1181139</v>
      </c>
      <c r="NK37" s="349">
        <v>11639068</v>
      </c>
      <c r="NL37" s="347">
        <v>11639068</v>
      </c>
      <c r="NM37" s="348">
        <v>0</v>
      </c>
      <c r="NN37" s="345">
        <v>0</v>
      </c>
      <c r="NO37" s="349">
        <v>0</v>
      </c>
      <c r="NP37" s="413">
        <v>0</v>
      </c>
      <c r="NQ37" s="345">
        <v>0</v>
      </c>
      <c r="NR37" s="345">
        <v>0</v>
      </c>
      <c r="NS37" s="345">
        <v>0</v>
      </c>
      <c r="NT37" s="345">
        <v>0</v>
      </c>
      <c r="NU37" s="345">
        <v>0</v>
      </c>
      <c r="NV37" s="349">
        <v>0</v>
      </c>
      <c r="NW37" s="350">
        <v>0</v>
      </c>
      <c r="NX37" s="348">
        <v>0</v>
      </c>
      <c r="NY37" s="345">
        <v>0</v>
      </c>
      <c r="NZ37" s="349">
        <v>0</v>
      </c>
      <c r="OA37" s="413">
        <v>0</v>
      </c>
      <c r="OB37" s="345">
        <v>552450</v>
      </c>
      <c r="OC37" s="345">
        <v>0</v>
      </c>
      <c r="OD37" s="345">
        <v>0</v>
      </c>
      <c r="OE37" s="345">
        <v>0</v>
      </c>
      <c r="OF37" s="345">
        <v>1638385</v>
      </c>
      <c r="OG37" s="349">
        <v>2190835</v>
      </c>
      <c r="OH37" s="350">
        <v>2190835</v>
      </c>
      <c r="OI37" s="348">
        <v>1243179</v>
      </c>
      <c r="OJ37" s="345">
        <v>1987989</v>
      </c>
      <c r="OK37" s="346">
        <v>3231168</v>
      </c>
      <c r="OL37" s="351">
        <v>0</v>
      </c>
      <c r="OM37" s="345">
        <v>17940739</v>
      </c>
      <c r="ON37" s="345">
        <v>17897556</v>
      </c>
      <c r="OO37" s="345">
        <v>17954076</v>
      </c>
      <c r="OP37" s="345">
        <v>27805949</v>
      </c>
      <c r="OQ37" s="345">
        <v>15891386</v>
      </c>
      <c r="OR37" s="349">
        <v>97489706</v>
      </c>
      <c r="OS37" s="354">
        <v>100720874</v>
      </c>
    </row>
    <row r="38" spans="2:409" s="70" customFormat="1" ht="21" customHeight="1" x14ac:dyDescent="0.2">
      <c r="B38" s="410" t="s">
        <v>33</v>
      </c>
      <c r="C38" s="326">
        <v>969826</v>
      </c>
      <c r="D38" s="327">
        <v>1676588</v>
      </c>
      <c r="E38" s="328">
        <v>2646414</v>
      </c>
      <c r="F38" s="329">
        <v>0</v>
      </c>
      <c r="G38" s="327">
        <v>11578599</v>
      </c>
      <c r="H38" s="327">
        <v>9105855</v>
      </c>
      <c r="I38" s="327">
        <v>9889949</v>
      </c>
      <c r="J38" s="327">
        <v>3597213</v>
      </c>
      <c r="K38" s="327">
        <v>4248292</v>
      </c>
      <c r="L38" s="367">
        <v>38419908</v>
      </c>
      <c r="M38" s="330">
        <v>41066322</v>
      </c>
      <c r="N38" s="326">
        <v>370911</v>
      </c>
      <c r="O38" s="327">
        <v>635857</v>
      </c>
      <c r="P38" s="328">
        <v>1006768</v>
      </c>
      <c r="Q38" s="326">
        <v>0</v>
      </c>
      <c r="R38" s="327">
        <v>3816484</v>
      </c>
      <c r="S38" s="327">
        <v>2577685</v>
      </c>
      <c r="T38" s="327">
        <v>2800404</v>
      </c>
      <c r="U38" s="327">
        <v>1357600</v>
      </c>
      <c r="V38" s="327">
        <v>1258278</v>
      </c>
      <c r="W38" s="328">
        <v>11810451</v>
      </c>
      <c r="X38" s="330">
        <v>12817219</v>
      </c>
      <c r="Y38" s="326">
        <v>0</v>
      </c>
      <c r="Z38" s="327">
        <v>0</v>
      </c>
      <c r="AA38" s="328">
        <v>0</v>
      </c>
      <c r="AB38" s="326">
        <v>0</v>
      </c>
      <c r="AC38" s="327">
        <v>1085839</v>
      </c>
      <c r="AD38" s="327">
        <v>903971</v>
      </c>
      <c r="AE38" s="327">
        <v>1706318</v>
      </c>
      <c r="AF38" s="327">
        <v>714323</v>
      </c>
      <c r="AG38" s="327">
        <v>674368</v>
      </c>
      <c r="AH38" s="328">
        <v>5084819</v>
      </c>
      <c r="AI38" s="330">
        <v>5084819</v>
      </c>
      <c r="AJ38" s="326">
        <v>0</v>
      </c>
      <c r="AK38" s="327">
        <v>0</v>
      </c>
      <c r="AL38" s="328">
        <v>0</v>
      </c>
      <c r="AM38" s="326">
        <v>0</v>
      </c>
      <c r="AN38" s="327">
        <v>38907</v>
      </c>
      <c r="AO38" s="327">
        <v>51876</v>
      </c>
      <c r="AP38" s="327">
        <v>0</v>
      </c>
      <c r="AQ38" s="327">
        <v>50906</v>
      </c>
      <c r="AR38" s="327">
        <v>194576</v>
      </c>
      <c r="AS38" s="328">
        <v>336265</v>
      </c>
      <c r="AT38" s="330">
        <v>336265</v>
      </c>
      <c r="AU38" s="326">
        <v>45239</v>
      </c>
      <c r="AV38" s="327">
        <v>91527</v>
      </c>
      <c r="AW38" s="328">
        <v>136766</v>
      </c>
      <c r="AX38" s="326">
        <v>0</v>
      </c>
      <c r="AY38" s="327">
        <v>708112</v>
      </c>
      <c r="AZ38" s="327">
        <v>468424</v>
      </c>
      <c r="BA38" s="327">
        <v>306021</v>
      </c>
      <c r="BB38" s="327">
        <v>146593</v>
      </c>
      <c r="BC38" s="327">
        <v>82273</v>
      </c>
      <c r="BD38" s="328">
        <v>1711423</v>
      </c>
      <c r="BE38" s="330">
        <v>1848189</v>
      </c>
      <c r="BF38" s="326">
        <v>193847</v>
      </c>
      <c r="BG38" s="327">
        <v>462817</v>
      </c>
      <c r="BH38" s="331">
        <v>656664</v>
      </c>
      <c r="BI38" s="332">
        <v>0</v>
      </c>
      <c r="BJ38" s="327">
        <v>1475910</v>
      </c>
      <c r="BK38" s="327">
        <v>653011</v>
      </c>
      <c r="BL38" s="327">
        <v>244305</v>
      </c>
      <c r="BM38" s="327">
        <v>275700</v>
      </c>
      <c r="BN38" s="327">
        <v>126893</v>
      </c>
      <c r="BO38" s="328">
        <v>2775819</v>
      </c>
      <c r="BP38" s="330">
        <v>3432483</v>
      </c>
      <c r="BQ38" s="326">
        <v>131825</v>
      </c>
      <c r="BR38" s="327">
        <v>81513</v>
      </c>
      <c r="BS38" s="328">
        <v>213338</v>
      </c>
      <c r="BT38" s="326">
        <v>0</v>
      </c>
      <c r="BU38" s="327">
        <v>507716</v>
      </c>
      <c r="BV38" s="327">
        <v>500403</v>
      </c>
      <c r="BW38" s="327">
        <v>543760</v>
      </c>
      <c r="BX38" s="327">
        <v>170078</v>
      </c>
      <c r="BY38" s="327">
        <v>180168</v>
      </c>
      <c r="BZ38" s="328">
        <v>1902125</v>
      </c>
      <c r="CA38" s="330">
        <v>2115463</v>
      </c>
      <c r="CB38" s="326">
        <v>113042</v>
      </c>
      <c r="CC38" s="327">
        <v>524556</v>
      </c>
      <c r="CD38" s="328">
        <v>637598</v>
      </c>
      <c r="CE38" s="326">
        <v>0</v>
      </c>
      <c r="CF38" s="327">
        <v>1967662</v>
      </c>
      <c r="CG38" s="327">
        <v>1424281</v>
      </c>
      <c r="CH38" s="327">
        <v>870996</v>
      </c>
      <c r="CI38" s="327">
        <v>444704</v>
      </c>
      <c r="CJ38" s="327">
        <v>320923</v>
      </c>
      <c r="CK38" s="328">
        <v>5028566</v>
      </c>
      <c r="CL38" s="330">
        <v>5666164</v>
      </c>
      <c r="CM38" s="326">
        <v>0</v>
      </c>
      <c r="CN38" s="327">
        <v>0</v>
      </c>
      <c r="CO38" s="328">
        <v>0</v>
      </c>
      <c r="CP38" s="332">
        <v>0</v>
      </c>
      <c r="CQ38" s="327">
        <v>501880</v>
      </c>
      <c r="CR38" s="327">
        <v>589762</v>
      </c>
      <c r="CS38" s="327">
        <v>458817</v>
      </c>
      <c r="CT38" s="327">
        <v>203431</v>
      </c>
      <c r="CU38" s="327">
        <v>173972</v>
      </c>
      <c r="CV38" s="328">
        <v>1927862</v>
      </c>
      <c r="CW38" s="330">
        <v>1927862</v>
      </c>
      <c r="CX38" s="326">
        <v>113042</v>
      </c>
      <c r="CY38" s="327">
        <v>524556</v>
      </c>
      <c r="CZ38" s="328">
        <v>637598</v>
      </c>
      <c r="DA38" s="326">
        <v>0</v>
      </c>
      <c r="DB38" s="327">
        <v>1465782</v>
      </c>
      <c r="DC38" s="327">
        <v>834519</v>
      </c>
      <c r="DD38" s="327">
        <v>412179</v>
      </c>
      <c r="DE38" s="327">
        <v>241273</v>
      </c>
      <c r="DF38" s="327">
        <v>146951</v>
      </c>
      <c r="DG38" s="328">
        <v>3100704</v>
      </c>
      <c r="DH38" s="330">
        <v>3738302</v>
      </c>
      <c r="DI38" s="326">
        <v>0</v>
      </c>
      <c r="DJ38" s="327">
        <v>0</v>
      </c>
      <c r="DK38" s="331">
        <v>0</v>
      </c>
      <c r="DL38" s="332">
        <v>0</v>
      </c>
      <c r="DM38" s="327">
        <v>308844</v>
      </c>
      <c r="DN38" s="327">
        <v>717550</v>
      </c>
      <c r="DO38" s="327">
        <v>862110</v>
      </c>
      <c r="DP38" s="327">
        <v>601174</v>
      </c>
      <c r="DQ38" s="327">
        <v>817397</v>
      </c>
      <c r="DR38" s="328">
        <v>3307075</v>
      </c>
      <c r="DS38" s="330">
        <v>3307075</v>
      </c>
      <c r="DT38" s="326">
        <v>0</v>
      </c>
      <c r="DU38" s="327">
        <v>0</v>
      </c>
      <c r="DV38" s="328">
        <v>0</v>
      </c>
      <c r="DW38" s="326">
        <v>0</v>
      </c>
      <c r="DX38" s="327">
        <v>224786</v>
      </c>
      <c r="DY38" s="327">
        <v>717550</v>
      </c>
      <c r="DZ38" s="327">
        <v>862110</v>
      </c>
      <c r="EA38" s="327">
        <v>601174</v>
      </c>
      <c r="EB38" s="327">
        <v>787537</v>
      </c>
      <c r="EC38" s="328">
        <v>3193157</v>
      </c>
      <c r="ED38" s="330">
        <v>3193157</v>
      </c>
      <c r="EE38" s="326">
        <v>0</v>
      </c>
      <c r="EF38" s="331">
        <v>0</v>
      </c>
      <c r="EG38" s="328">
        <v>0</v>
      </c>
      <c r="EH38" s="326">
        <v>0</v>
      </c>
      <c r="EI38" s="327">
        <v>84058</v>
      </c>
      <c r="EJ38" s="327">
        <v>0</v>
      </c>
      <c r="EK38" s="327">
        <v>0</v>
      </c>
      <c r="EL38" s="327">
        <v>0</v>
      </c>
      <c r="EM38" s="327">
        <v>29860</v>
      </c>
      <c r="EN38" s="331">
        <v>113918</v>
      </c>
      <c r="EO38" s="330">
        <v>113918</v>
      </c>
      <c r="EP38" s="326">
        <v>0</v>
      </c>
      <c r="EQ38" s="327">
        <v>0</v>
      </c>
      <c r="ER38" s="331">
        <v>0</v>
      </c>
      <c r="ES38" s="332">
        <v>0</v>
      </c>
      <c r="ET38" s="327">
        <v>0</v>
      </c>
      <c r="EU38" s="327">
        <v>0</v>
      </c>
      <c r="EV38" s="327">
        <v>0</v>
      </c>
      <c r="EW38" s="327">
        <v>0</v>
      </c>
      <c r="EX38" s="327">
        <v>0</v>
      </c>
      <c r="EY38" s="328">
        <v>0</v>
      </c>
      <c r="EZ38" s="330">
        <v>0</v>
      </c>
      <c r="FA38" s="326">
        <v>0</v>
      </c>
      <c r="FB38" s="327">
        <v>0</v>
      </c>
      <c r="FC38" s="331">
        <v>0</v>
      </c>
      <c r="FD38" s="332">
        <v>0</v>
      </c>
      <c r="FE38" s="327">
        <v>0</v>
      </c>
      <c r="FF38" s="327">
        <v>0</v>
      </c>
      <c r="FG38" s="327">
        <v>0</v>
      </c>
      <c r="FH38" s="327">
        <v>0</v>
      </c>
      <c r="FI38" s="327">
        <v>0</v>
      </c>
      <c r="FJ38" s="328">
        <v>0</v>
      </c>
      <c r="FK38" s="330">
        <v>0</v>
      </c>
      <c r="FL38" s="326">
        <v>153361</v>
      </c>
      <c r="FM38" s="327">
        <v>188277</v>
      </c>
      <c r="FN38" s="328">
        <v>341638</v>
      </c>
      <c r="FO38" s="326">
        <v>0</v>
      </c>
      <c r="FP38" s="327">
        <v>633703</v>
      </c>
      <c r="FQ38" s="327">
        <v>552217</v>
      </c>
      <c r="FR38" s="327">
        <v>368234</v>
      </c>
      <c r="FS38" s="327">
        <v>239483</v>
      </c>
      <c r="FT38" s="327">
        <v>301536</v>
      </c>
      <c r="FU38" s="328">
        <v>2095173</v>
      </c>
      <c r="FV38" s="330">
        <v>2436811</v>
      </c>
      <c r="FW38" s="333">
        <v>125641</v>
      </c>
      <c r="FX38" s="327">
        <v>188277</v>
      </c>
      <c r="FY38" s="331">
        <v>313918</v>
      </c>
      <c r="FZ38" s="332">
        <v>0</v>
      </c>
      <c r="GA38" s="327">
        <v>589167</v>
      </c>
      <c r="GB38" s="327">
        <v>552217</v>
      </c>
      <c r="GC38" s="327">
        <v>341069</v>
      </c>
      <c r="GD38" s="327">
        <v>239483</v>
      </c>
      <c r="GE38" s="327">
        <v>301536</v>
      </c>
      <c r="GF38" s="328">
        <v>2023472</v>
      </c>
      <c r="GG38" s="334">
        <v>2337390</v>
      </c>
      <c r="GH38" s="333">
        <v>27720</v>
      </c>
      <c r="GI38" s="327">
        <v>0</v>
      </c>
      <c r="GJ38" s="331">
        <v>27720</v>
      </c>
      <c r="GK38" s="332">
        <v>0</v>
      </c>
      <c r="GL38" s="327">
        <v>44536</v>
      </c>
      <c r="GM38" s="327">
        <v>0</v>
      </c>
      <c r="GN38" s="327">
        <v>27165</v>
      </c>
      <c r="GO38" s="327">
        <v>0</v>
      </c>
      <c r="GP38" s="327">
        <v>0</v>
      </c>
      <c r="GQ38" s="328">
        <v>71701</v>
      </c>
      <c r="GR38" s="330">
        <v>99421</v>
      </c>
      <c r="GS38" s="326">
        <v>0</v>
      </c>
      <c r="GT38" s="327">
        <v>0</v>
      </c>
      <c r="GU38" s="328">
        <v>0</v>
      </c>
      <c r="GV38" s="326">
        <v>0</v>
      </c>
      <c r="GW38" s="327">
        <v>0</v>
      </c>
      <c r="GX38" s="327">
        <v>0</v>
      </c>
      <c r="GY38" s="327">
        <v>0</v>
      </c>
      <c r="GZ38" s="327">
        <v>0</v>
      </c>
      <c r="HA38" s="327">
        <v>0</v>
      </c>
      <c r="HB38" s="331">
        <v>0</v>
      </c>
      <c r="HC38" s="330">
        <v>0</v>
      </c>
      <c r="HD38" s="326">
        <v>196626</v>
      </c>
      <c r="HE38" s="327">
        <v>106810</v>
      </c>
      <c r="HF38" s="331">
        <v>303436</v>
      </c>
      <c r="HG38" s="332">
        <v>0</v>
      </c>
      <c r="HH38" s="327">
        <v>3096584</v>
      </c>
      <c r="HI38" s="327">
        <v>3016040</v>
      </c>
      <c r="HJ38" s="327">
        <v>4438661</v>
      </c>
      <c r="HK38" s="327">
        <v>583677</v>
      </c>
      <c r="HL38" s="327">
        <v>1301725</v>
      </c>
      <c r="HM38" s="328">
        <v>12436687</v>
      </c>
      <c r="HN38" s="329">
        <v>12740123</v>
      </c>
      <c r="HO38" s="333">
        <v>135886</v>
      </c>
      <c r="HP38" s="327">
        <v>221088</v>
      </c>
      <c r="HQ38" s="328">
        <v>356974</v>
      </c>
      <c r="HR38" s="326">
        <v>0</v>
      </c>
      <c r="HS38" s="327">
        <v>1755322</v>
      </c>
      <c r="HT38" s="327">
        <v>818082</v>
      </c>
      <c r="HU38" s="327">
        <v>549544</v>
      </c>
      <c r="HV38" s="327">
        <v>370575</v>
      </c>
      <c r="HW38" s="327">
        <v>248433</v>
      </c>
      <c r="HX38" s="331">
        <v>3741956</v>
      </c>
      <c r="HY38" s="330">
        <v>4098930</v>
      </c>
      <c r="HZ38" s="358">
        <v>0</v>
      </c>
      <c r="IA38" s="356">
        <v>250800</v>
      </c>
      <c r="IB38" s="358">
        <v>250800</v>
      </c>
      <c r="IC38" s="338">
        <v>0</v>
      </c>
      <c r="ID38" s="336">
        <v>1896383</v>
      </c>
      <c r="IE38" s="339">
        <v>1367352</v>
      </c>
      <c r="IF38" s="337">
        <v>2756808</v>
      </c>
      <c r="IG38" s="336">
        <v>869661</v>
      </c>
      <c r="IH38" s="337">
        <v>378709</v>
      </c>
      <c r="II38" s="340">
        <v>7268913</v>
      </c>
      <c r="IJ38" s="358">
        <v>7519713</v>
      </c>
      <c r="IK38" s="342">
        <v>0</v>
      </c>
      <c r="IL38" s="343">
        <v>0</v>
      </c>
      <c r="IM38" s="344">
        <v>0</v>
      </c>
      <c r="IN38" s="404">
        <v>0</v>
      </c>
      <c r="IO38" s="345">
        <v>0</v>
      </c>
      <c r="IP38" s="345">
        <v>0</v>
      </c>
      <c r="IQ38" s="345">
        <v>0</v>
      </c>
      <c r="IR38" s="345">
        <v>0</v>
      </c>
      <c r="IS38" s="345">
        <v>0</v>
      </c>
      <c r="IT38" s="346">
        <v>0</v>
      </c>
      <c r="IU38" s="347">
        <v>0</v>
      </c>
      <c r="IV38" s="348">
        <v>0</v>
      </c>
      <c r="IW38" s="345">
        <v>0</v>
      </c>
      <c r="IX38" s="349">
        <v>0</v>
      </c>
      <c r="IY38" s="413">
        <v>0</v>
      </c>
      <c r="IZ38" s="345">
        <v>0</v>
      </c>
      <c r="JA38" s="345">
        <v>0</v>
      </c>
      <c r="JB38" s="345">
        <v>0</v>
      </c>
      <c r="JC38" s="345">
        <v>0</v>
      </c>
      <c r="JD38" s="345">
        <v>0</v>
      </c>
      <c r="JE38" s="349">
        <v>0</v>
      </c>
      <c r="JF38" s="350">
        <v>0</v>
      </c>
      <c r="JG38" s="348">
        <v>0</v>
      </c>
      <c r="JH38" s="345">
        <v>0</v>
      </c>
      <c r="JI38" s="346">
        <v>0</v>
      </c>
      <c r="JJ38" s="351">
        <v>0</v>
      </c>
      <c r="JK38" s="345">
        <v>1366603</v>
      </c>
      <c r="JL38" s="345">
        <v>814246</v>
      </c>
      <c r="JM38" s="345">
        <v>543657</v>
      </c>
      <c r="JN38" s="345">
        <v>0</v>
      </c>
      <c r="JO38" s="345">
        <v>83155</v>
      </c>
      <c r="JP38" s="349">
        <v>2807661</v>
      </c>
      <c r="JQ38" s="347">
        <v>2807661</v>
      </c>
      <c r="JR38" s="348">
        <v>0</v>
      </c>
      <c r="JS38" s="345">
        <v>0</v>
      </c>
      <c r="JT38" s="346">
        <v>0</v>
      </c>
      <c r="JU38" s="351">
        <v>0</v>
      </c>
      <c r="JV38" s="345">
        <v>0</v>
      </c>
      <c r="JW38" s="345">
        <v>0</v>
      </c>
      <c r="JX38" s="345">
        <v>0</v>
      </c>
      <c r="JY38" s="345">
        <v>0</v>
      </c>
      <c r="JZ38" s="345">
        <v>0</v>
      </c>
      <c r="KA38" s="349">
        <v>0</v>
      </c>
      <c r="KB38" s="347">
        <v>0</v>
      </c>
      <c r="KC38" s="352">
        <v>0</v>
      </c>
      <c r="KD38" s="353">
        <v>0</v>
      </c>
      <c r="KE38" s="349">
        <v>0</v>
      </c>
      <c r="KF38" s="351">
        <v>0</v>
      </c>
      <c r="KG38" s="345">
        <v>0</v>
      </c>
      <c r="KH38" s="345">
        <v>0</v>
      </c>
      <c r="KI38" s="345">
        <v>0</v>
      </c>
      <c r="KJ38" s="345">
        <v>0</v>
      </c>
      <c r="KK38" s="345">
        <v>0</v>
      </c>
      <c r="KL38" s="349">
        <v>0</v>
      </c>
      <c r="KM38" s="354">
        <v>0</v>
      </c>
      <c r="KN38" s="342">
        <v>0</v>
      </c>
      <c r="KO38" s="343">
        <v>250800</v>
      </c>
      <c r="KP38" s="344">
        <v>250800</v>
      </c>
      <c r="KQ38" s="413">
        <v>0</v>
      </c>
      <c r="KR38" s="345">
        <v>529780</v>
      </c>
      <c r="KS38" s="345">
        <v>553106</v>
      </c>
      <c r="KT38" s="345">
        <v>2213151</v>
      </c>
      <c r="KU38" s="345">
        <v>869661</v>
      </c>
      <c r="KV38" s="345">
        <v>295554</v>
      </c>
      <c r="KW38" s="349">
        <v>4461252</v>
      </c>
      <c r="KX38" s="347">
        <v>4712052</v>
      </c>
      <c r="KY38" s="348">
        <v>0</v>
      </c>
      <c r="KZ38" s="345">
        <v>0</v>
      </c>
      <c r="LA38" s="349">
        <v>0</v>
      </c>
      <c r="LB38" s="413">
        <v>0</v>
      </c>
      <c r="LC38" s="345">
        <v>0</v>
      </c>
      <c r="LD38" s="345">
        <v>0</v>
      </c>
      <c r="LE38" s="345">
        <v>0</v>
      </c>
      <c r="LF38" s="345">
        <v>0</v>
      </c>
      <c r="LG38" s="345">
        <v>0</v>
      </c>
      <c r="LH38" s="349">
        <v>0</v>
      </c>
      <c r="LI38" s="350">
        <v>0</v>
      </c>
      <c r="LJ38" s="348">
        <v>0</v>
      </c>
      <c r="LK38" s="345">
        <v>0</v>
      </c>
      <c r="LL38" s="349">
        <v>0</v>
      </c>
      <c r="LM38" s="413">
        <v>0</v>
      </c>
      <c r="LN38" s="345">
        <v>0</v>
      </c>
      <c r="LO38" s="345">
        <v>0</v>
      </c>
      <c r="LP38" s="345">
        <v>0</v>
      </c>
      <c r="LQ38" s="345">
        <v>0</v>
      </c>
      <c r="LR38" s="345">
        <v>0</v>
      </c>
      <c r="LS38" s="349">
        <v>0</v>
      </c>
      <c r="LT38" s="347">
        <v>0</v>
      </c>
      <c r="LU38" s="348">
        <v>0</v>
      </c>
      <c r="LV38" s="345">
        <v>0</v>
      </c>
      <c r="LW38" s="349">
        <v>0</v>
      </c>
      <c r="LX38" s="413">
        <v>0</v>
      </c>
      <c r="LY38" s="345">
        <v>0</v>
      </c>
      <c r="LZ38" s="345">
        <v>0</v>
      </c>
      <c r="MA38" s="345">
        <v>0</v>
      </c>
      <c r="MB38" s="345">
        <v>0</v>
      </c>
      <c r="MC38" s="345">
        <v>0</v>
      </c>
      <c r="MD38" s="349">
        <v>0</v>
      </c>
      <c r="ME38" s="350">
        <v>0</v>
      </c>
      <c r="MF38" s="348">
        <v>0</v>
      </c>
      <c r="MG38" s="345">
        <v>0</v>
      </c>
      <c r="MH38" s="349">
        <v>0</v>
      </c>
      <c r="MI38" s="413">
        <v>0</v>
      </c>
      <c r="MJ38" s="345">
        <v>2544385</v>
      </c>
      <c r="MK38" s="345">
        <v>6962389</v>
      </c>
      <c r="ML38" s="345">
        <v>15785618</v>
      </c>
      <c r="MM38" s="345">
        <v>15303050</v>
      </c>
      <c r="MN38" s="345">
        <v>11746538</v>
      </c>
      <c r="MO38" s="349">
        <v>52341980</v>
      </c>
      <c r="MP38" s="354">
        <v>52341980</v>
      </c>
      <c r="MQ38" s="348">
        <v>0</v>
      </c>
      <c r="MR38" s="345">
        <v>0</v>
      </c>
      <c r="MS38" s="349">
        <v>0</v>
      </c>
      <c r="MT38" s="413">
        <v>0</v>
      </c>
      <c r="MU38" s="345">
        <v>212160</v>
      </c>
      <c r="MV38" s="345">
        <v>1159743</v>
      </c>
      <c r="MW38" s="345">
        <v>8138178</v>
      </c>
      <c r="MX38" s="345">
        <v>7863360</v>
      </c>
      <c r="MY38" s="345">
        <v>4973913</v>
      </c>
      <c r="MZ38" s="349">
        <v>22347354</v>
      </c>
      <c r="NA38" s="354">
        <v>22347354</v>
      </c>
      <c r="NB38" s="348">
        <v>0</v>
      </c>
      <c r="NC38" s="345">
        <v>0</v>
      </c>
      <c r="ND38" s="349">
        <v>0</v>
      </c>
      <c r="NE38" s="413">
        <v>0</v>
      </c>
      <c r="NF38" s="345">
        <v>2332225</v>
      </c>
      <c r="NG38" s="345">
        <v>3990103</v>
      </c>
      <c r="NH38" s="345">
        <v>4121941</v>
      </c>
      <c r="NI38" s="345">
        <v>4097287</v>
      </c>
      <c r="NJ38" s="345">
        <v>2293223</v>
      </c>
      <c r="NK38" s="349">
        <v>16834779</v>
      </c>
      <c r="NL38" s="347">
        <v>16834779</v>
      </c>
      <c r="NM38" s="348">
        <v>0</v>
      </c>
      <c r="NN38" s="345">
        <v>0</v>
      </c>
      <c r="NO38" s="349">
        <v>0</v>
      </c>
      <c r="NP38" s="413">
        <v>0</v>
      </c>
      <c r="NQ38" s="345">
        <v>0</v>
      </c>
      <c r="NR38" s="345">
        <v>0</v>
      </c>
      <c r="NS38" s="345">
        <v>0</v>
      </c>
      <c r="NT38" s="345">
        <v>0</v>
      </c>
      <c r="NU38" s="345">
        <v>0</v>
      </c>
      <c r="NV38" s="349">
        <v>0</v>
      </c>
      <c r="NW38" s="350">
        <v>0</v>
      </c>
      <c r="NX38" s="348">
        <v>0</v>
      </c>
      <c r="NY38" s="345">
        <v>0</v>
      </c>
      <c r="NZ38" s="349">
        <v>0</v>
      </c>
      <c r="OA38" s="413">
        <v>0</v>
      </c>
      <c r="OB38" s="345">
        <v>0</v>
      </c>
      <c r="OC38" s="345">
        <v>1812543</v>
      </c>
      <c r="OD38" s="345">
        <v>3525499</v>
      </c>
      <c r="OE38" s="345">
        <v>3342403</v>
      </c>
      <c r="OF38" s="345">
        <v>4479402</v>
      </c>
      <c r="OG38" s="349">
        <v>13159847</v>
      </c>
      <c r="OH38" s="350">
        <v>13159847</v>
      </c>
      <c r="OI38" s="348">
        <v>969826</v>
      </c>
      <c r="OJ38" s="345">
        <v>1927388</v>
      </c>
      <c r="OK38" s="346">
        <v>2897214</v>
      </c>
      <c r="OL38" s="351">
        <v>0</v>
      </c>
      <c r="OM38" s="345">
        <v>16019367</v>
      </c>
      <c r="ON38" s="345">
        <v>17435596</v>
      </c>
      <c r="OO38" s="345">
        <v>28432375</v>
      </c>
      <c r="OP38" s="345">
        <v>19769924</v>
      </c>
      <c r="OQ38" s="345">
        <v>16373539</v>
      </c>
      <c r="OR38" s="349">
        <v>98030801</v>
      </c>
      <c r="OS38" s="354">
        <v>100928015</v>
      </c>
    </row>
    <row r="39" spans="2:409" s="70" customFormat="1" ht="21" customHeight="1" x14ac:dyDescent="0.2">
      <c r="B39" s="410" t="s">
        <v>34</v>
      </c>
      <c r="C39" s="326">
        <v>751940</v>
      </c>
      <c r="D39" s="327">
        <v>1052862</v>
      </c>
      <c r="E39" s="368">
        <v>1804802</v>
      </c>
      <c r="F39" s="370">
        <v>0</v>
      </c>
      <c r="G39" s="369">
        <v>6970463</v>
      </c>
      <c r="H39" s="369">
        <v>6139648</v>
      </c>
      <c r="I39" s="369">
        <v>5225448</v>
      </c>
      <c r="J39" s="369">
        <v>6154143</v>
      </c>
      <c r="K39" s="369">
        <v>3966009</v>
      </c>
      <c r="L39" s="370">
        <v>28455711</v>
      </c>
      <c r="M39" s="330">
        <v>30260513</v>
      </c>
      <c r="N39" s="326">
        <v>266484</v>
      </c>
      <c r="O39" s="327">
        <v>281781</v>
      </c>
      <c r="P39" s="328">
        <v>548265</v>
      </c>
      <c r="Q39" s="326">
        <v>0</v>
      </c>
      <c r="R39" s="327">
        <v>1295580</v>
      </c>
      <c r="S39" s="327">
        <v>2132914</v>
      </c>
      <c r="T39" s="327">
        <v>1327069</v>
      </c>
      <c r="U39" s="327">
        <v>1528176</v>
      </c>
      <c r="V39" s="327">
        <v>2253983</v>
      </c>
      <c r="W39" s="328">
        <v>8537722</v>
      </c>
      <c r="X39" s="330">
        <v>9085987</v>
      </c>
      <c r="Y39" s="326">
        <v>0</v>
      </c>
      <c r="Z39" s="327">
        <v>0</v>
      </c>
      <c r="AA39" s="328">
        <v>0</v>
      </c>
      <c r="AB39" s="326">
        <v>0</v>
      </c>
      <c r="AC39" s="327">
        <v>293627</v>
      </c>
      <c r="AD39" s="327">
        <v>1188749</v>
      </c>
      <c r="AE39" s="327">
        <v>717038</v>
      </c>
      <c r="AF39" s="327">
        <v>847824</v>
      </c>
      <c r="AG39" s="327">
        <v>810332</v>
      </c>
      <c r="AH39" s="328">
        <v>3857570</v>
      </c>
      <c r="AI39" s="330">
        <v>3857570</v>
      </c>
      <c r="AJ39" s="326">
        <v>0</v>
      </c>
      <c r="AK39" s="327">
        <v>0</v>
      </c>
      <c r="AL39" s="328">
        <v>0</v>
      </c>
      <c r="AM39" s="326">
        <v>0</v>
      </c>
      <c r="AN39" s="327">
        <v>0</v>
      </c>
      <c r="AO39" s="327">
        <v>0</v>
      </c>
      <c r="AP39" s="327">
        <v>0</v>
      </c>
      <c r="AQ39" s="327">
        <v>53987</v>
      </c>
      <c r="AR39" s="327">
        <v>428346</v>
      </c>
      <c r="AS39" s="328">
        <v>482333</v>
      </c>
      <c r="AT39" s="330">
        <v>482333</v>
      </c>
      <c r="AU39" s="326">
        <v>121728</v>
      </c>
      <c r="AV39" s="327">
        <v>216765</v>
      </c>
      <c r="AW39" s="328">
        <v>338493</v>
      </c>
      <c r="AX39" s="326">
        <v>0</v>
      </c>
      <c r="AY39" s="327">
        <v>516937</v>
      </c>
      <c r="AZ39" s="327">
        <v>519600</v>
      </c>
      <c r="BA39" s="327">
        <v>314949</v>
      </c>
      <c r="BB39" s="327">
        <v>143463</v>
      </c>
      <c r="BC39" s="327">
        <v>576084</v>
      </c>
      <c r="BD39" s="328">
        <v>2071033</v>
      </c>
      <c r="BE39" s="330">
        <v>2409526</v>
      </c>
      <c r="BF39" s="326">
        <v>0</v>
      </c>
      <c r="BG39" s="327">
        <v>0</v>
      </c>
      <c r="BH39" s="331">
        <v>0</v>
      </c>
      <c r="BI39" s="332">
        <v>0</v>
      </c>
      <c r="BJ39" s="327">
        <v>158256</v>
      </c>
      <c r="BK39" s="327">
        <v>95242</v>
      </c>
      <c r="BL39" s="327">
        <v>33912</v>
      </c>
      <c r="BM39" s="327">
        <v>152766</v>
      </c>
      <c r="BN39" s="327">
        <v>147670</v>
      </c>
      <c r="BO39" s="328">
        <v>587846</v>
      </c>
      <c r="BP39" s="330">
        <v>587846</v>
      </c>
      <c r="BQ39" s="326">
        <v>144756</v>
      </c>
      <c r="BR39" s="327">
        <v>65016</v>
      </c>
      <c r="BS39" s="328">
        <v>209772</v>
      </c>
      <c r="BT39" s="326">
        <v>0</v>
      </c>
      <c r="BU39" s="327">
        <v>326760</v>
      </c>
      <c r="BV39" s="327">
        <v>329323</v>
      </c>
      <c r="BW39" s="327">
        <v>261170</v>
      </c>
      <c r="BX39" s="327">
        <v>330136</v>
      </c>
      <c r="BY39" s="327">
        <v>291551</v>
      </c>
      <c r="BZ39" s="328">
        <v>1538940</v>
      </c>
      <c r="CA39" s="330">
        <v>1748712</v>
      </c>
      <c r="CB39" s="326">
        <v>0</v>
      </c>
      <c r="CC39" s="327">
        <v>130302</v>
      </c>
      <c r="CD39" s="328">
        <v>130302</v>
      </c>
      <c r="CE39" s="326">
        <v>0</v>
      </c>
      <c r="CF39" s="327">
        <v>1893686</v>
      </c>
      <c r="CG39" s="327">
        <v>1191545</v>
      </c>
      <c r="CH39" s="327">
        <v>2339341</v>
      </c>
      <c r="CI39" s="327">
        <v>1307274</v>
      </c>
      <c r="CJ39" s="327">
        <v>443241</v>
      </c>
      <c r="CK39" s="328">
        <v>7175087</v>
      </c>
      <c r="CL39" s="330">
        <v>7305389</v>
      </c>
      <c r="CM39" s="326">
        <v>0</v>
      </c>
      <c r="CN39" s="327">
        <v>0</v>
      </c>
      <c r="CO39" s="328">
        <v>0</v>
      </c>
      <c r="CP39" s="332">
        <v>0</v>
      </c>
      <c r="CQ39" s="327">
        <v>1410071</v>
      </c>
      <c r="CR39" s="327">
        <v>993554</v>
      </c>
      <c r="CS39" s="327">
        <v>2339341</v>
      </c>
      <c r="CT39" s="327">
        <v>1168656</v>
      </c>
      <c r="CU39" s="327">
        <v>443241</v>
      </c>
      <c r="CV39" s="328">
        <v>6354863</v>
      </c>
      <c r="CW39" s="330">
        <v>6354863</v>
      </c>
      <c r="CX39" s="326">
        <v>0</v>
      </c>
      <c r="CY39" s="327">
        <v>130302</v>
      </c>
      <c r="CZ39" s="328">
        <v>130302</v>
      </c>
      <c r="DA39" s="326">
        <v>0</v>
      </c>
      <c r="DB39" s="327">
        <v>483615</v>
      </c>
      <c r="DC39" s="327">
        <v>197991</v>
      </c>
      <c r="DD39" s="327">
        <v>0</v>
      </c>
      <c r="DE39" s="327">
        <v>138618</v>
      </c>
      <c r="DF39" s="327">
        <v>0</v>
      </c>
      <c r="DG39" s="328">
        <v>820224</v>
      </c>
      <c r="DH39" s="330">
        <v>950526</v>
      </c>
      <c r="DI39" s="326">
        <v>0</v>
      </c>
      <c r="DJ39" s="327">
        <v>0</v>
      </c>
      <c r="DK39" s="331">
        <v>0</v>
      </c>
      <c r="DL39" s="332">
        <v>0</v>
      </c>
      <c r="DM39" s="327">
        <v>149409</v>
      </c>
      <c r="DN39" s="327">
        <v>153228</v>
      </c>
      <c r="DO39" s="327">
        <v>209286</v>
      </c>
      <c r="DP39" s="327">
        <v>226674</v>
      </c>
      <c r="DQ39" s="327">
        <v>0</v>
      </c>
      <c r="DR39" s="328">
        <v>738597</v>
      </c>
      <c r="DS39" s="330">
        <v>738597</v>
      </c>
      <c r="DT39" s="326">
        <v>0</v>
      </c>
      <c r="DU39" s="327">
        <v>0</v>
      </c>
      <c r="DV39" s="328">
        <v>0</v>
      </c>
      <c r="DW39" s="326">
        <v>0</v>
      </c>
      <c r="DX39" s="327">
        <v>86598</v>
      </c>
      <c r="DY39" s="327">
        <v>153228</v>
      </c>
      <c r="DZ39" s="327">
        <v>209286</v>
      </c>
      <c r="EA39" s="327">
        <v>226674</v>
      </c>
      <c r="EB39" s="327">
        <v>0</v>
      </c>
      <c r="EC39" s="328">
        <v>675786</v>
      </c>
      <c r="ED39" s="330">
        <v>675786</v>
      </c>
      <c r="EE39" s="326">
        <v>0</v>
      </c>
      <c r="EF39" s="331">
        <v>0</v>
      </c>
      <c r="EG39" s="328">
        <v>0</v>
      </c>
      <c r="EH39" s="326">
        <v>0</v>
      </c>
      <c r="EI39" s="327">
        <v>62811</v>
      </c>
      <c r="EJ39" s="327">
        <v>0</v>
      </c>
      <c r="EK39" s="327">
        <v>0</v>
      </c>
      <c r="EL39" s="327">
        <v>0</v>
      </c>
      <c r="EM39" s="327">
        <v>0</v>
      </c>
      <c r="EN39" s="331">
        <v>62811</v>
      </c>
      <c r="EO39" s="330">
        <v>62811</v>
      </c>
      <c r="EP39" s="326">
        <v>0</v>
      </c>
      <c r="EQ39" s="327">
        <v>0</v>
      </c>
      <c r="ER39" s="331">
        <v>0</v>
      </c>
      <c r="ES39" s="332">
        <v>0</v>
      </c>
      <c r="ET39" s="327">
        <v>0</v>
      </c>
      <c r="EU39" s="327">
        <v>0</v>
      </c>
      <c r="EV39" s="327">
        <v>0</v>
      </c>
      <c r="EW39" s="327">
        <v>0</v>
      </c>
      <c r="EX39" s="327">
        <v>0</v>
      </c>
      <c r="EY39" s="328">
        <v>0</v>
      </c>
      <c r="EZ39" s="330">
        <v>0</v>
      </c>
      <c r="FA39" s="326">
        <v>0</v>
      </c>
      <c r="FB39" s="327">
        <v>0</v>
      </c>
      <c r="FC39" s="331">
        <v>0</v>
      </c>
      <c r="FD39" s="332">
        <v>0</v>
      </c>
      <c r="FE39" s="327">
        <v>0</v>
      </c>
      <c r="FF39" s="327">
        <v>0</v>
      </c>
      <c r="FG39" s="327">
        <v>0</v>
      </c>
      <c r="FH39" s="327">
        <v>0</v>
      </c>
      <c r="FI39" s="327">
        <v>0</v>
      </c>
      <c r="FJ39" s="328">
        <v>0</v>
      </c>
      <c r="FK39" s="330">
        <v>0</v>
      </c>
      <c r="FL39" s="326">
        <v>52858</v>
      </c>
      <c r="FM39" s="327">
        <v>197942</v>
      </c>
      <c r="FN39" s="328">
        <v>250800</v>
      </c>
      <c r="FO39" s="326">
        <v>0</v>
      </c>
      <c r="FP39" s="327">
        <v>432682</v>
      </c>
      <c r="FQ39" s="327">
        <v>593556</v>
      </c>
      <c r="FR39" s="327">
        <v>542864</v>
      </c>
      <c r="FS39" s="327">
        <v>375542</v>
      </c>
      <c r="FT39" s="327">
        <v>483165</v>
      </c>
      <c r="FU39" s="328">
        <v>2427809</v>
      </c>
      <c r="FV39" s="330">
        <v>2678609</v>
      </c>
      <c r="FW39" s="333">
        <v>52858</v>
      </c>
      <c r="FX39" s="327">
        <v>174776</v>
      </c>
      <c r="FY39" s="331">
        <v>227634</v>
      </c>
      <c r="FZ39" s="332">
        <v>0</v>
      </c>
      <c r="GA39" s="327">
        <v>432682</v>
      </c>
      <c r="GB39" s="327">
        <v>573252</v>
      </c>
      <c r="GC39" s="327">
        <v>472185</v>
      </c>
      <c r="GD39" s="327">
        <v>375542</v>
      </c>
      <c r="GE39" s="327">
        <v>275295</v>
      </c>
      <c r="GF39" s="328">
        <v>2128956</v>
      </c>
      <c r="GG39" s="334">
        <v>2356590</v>
      </c>
      <c r="GH39" s="333">
        <v>0</v>
      </c>
      <c r="GI39" s="327">
        <v>23166</v>
      </c>
      <c r="GJ39" s="331">
        <v>23166</v>
      </c>
      <c r="GK39" s="332">
        <v>0</v>
      </c>
      <c r="GL39" s="327">
        <v>0</v>
      </c>
      <c r="GM39" s="327">
        <v>20304</v>
      </c>
      <c r="GN39" s="327">
        <v>70679</v>
      </c>
      <c r="GO39" s="327">
        <v>0</v>
      </c>
      <c r="GP39" s="327">
        <v>29670</v>
      </c>
      <c r="GQ39" s="328">
        <v>120653</v>
      </c>
      <c r="GR39" s="330">
        <v>143819</v>
      </c>
      <c r="GS39" s="326">
        <v>0</v>
      </c>
      <c r="GT39" s="327">
        <v>0</v>
      </c>
      <c r="GU39" s="328">
        <v>0</v>
      </c>
      <c r="GV39" s="326">
        <v>0</v>
      </c>
      <c r="GW39" s="327">
        <v>0</v>
      </c>
      <c r="GX39" s="327">
        <v>0</v>
      </c>
      <c r="GY39" s="327">
        <v>0</v>
      </c>
      <c r="GZ39" s="327">
        <v>0</v>
      </c>
      <c r="HA39" s="327">
        <v>178200</v>
      </c>
      <c r="HB39" s="331">
        <v>178200</v>
      </c>
      <c r="HC39" s="330">
        <v>178200</v>
      </c>
      <c r="HD39" s="326">
        <v>366298</v>
      </c>
      <c r="HE39" s="327">
        <v>310077</v>
      </c>
      <c r="HF39" s="331">
        <v>676375</v>
      </c>
      <c r="HG39" s="332">
        <v>0</v>
      </c>
      <c r="HH39" s="327">
        <v>2122116</v>
      </c>
      <c r="HI39" s="327">
        <v>1441622</v>
      </c>
      <c r="HJ39" s="327">
        <v>395413</v>
      </c>
      <c r="HK39" s="327">
        <v>2346813</v>
      </c>
      <c r="HL39" s="327">
        <v>528372</v>
      </c>
      <c r="HM39" s="328">
        <v>6834336</v>
      </c>
      <c r="HN39" s="329">
        <v>7510711</v>
      </c>
      <c r="HO39" s="333">
        <v>66300</v>
      </c>
      <c r="HP39" s="327">
        <v>132760</v>
      </c>
      <c r="HQ39" s="328">
        <v>199060</v>
      </c>
      <c r="HR39" s="326">
        <v>0</v>
      </c>
      <c r="HS39" s="327">
        <v>1076990</v>
      </c>
      <c r="HT39" s="327">
        <v>626783</v>
      </c>
      <c r="HU39" s="327">
        <v>411475</v>
      </c>
      <c r="HV39" s="327">
        <v>369664</v>
      </c>
      <c r="HW39" s="327">
        <v>257248</v>
      </c>
      <c r="HX39" s="331">
        <v>2742160</v>
      </c>
      <c r="HY39" s="330">
        <v>2941220</v>
      </c>
      <c r="HZ39" s="335">
        <v>47961</v>
      </c>
      <c r="IA39" s="336">
        <v>340542</v>
      </c>
      <c r="IB39" s="337">
        <v>388503</v>
      </c>
      <c r="IC39" s="338">
        <v>0</v>
      </c>
      <c r="ID39" s="336">
        <v>4040089</v>
      </c>
      <c r="IE39" s="339">
        <v>2634196</v>
      </c>
      <c r="IF39" s="337">
        <v>3828330</v>
      </c>
      <c r="IG39" s="336">
        <v>2067066</v>
      </c>
      <c r="IH39" s="337">
        <v>1832625</v>
      </c>
      <c r="II39" s="340">
        <v>14402306</v>
      </c>
      <c r="IJ39" s="341">
        <v>14790809</v>
      </c>
      <c r="IK39" s="342">
        <v>0</v>
      </c>
      <c r="IL39" s="343">
        <v>0</v>
      </c>
      <c r="IM39" s="344">
        <v>0</v>
      </c>
      <c r="IN39" s="404">
        <v>0</v>
      </c>
      <c r="IO39" s="345">
        <v>0</v>
      </c>
      <c r="IP39" s="345">
        <v>0</v>
      </c>
      <c r="IQ39" s="345">
        <v>0</v>
      </c>
      <c r="IR39" s="345">
        <v>0</v>
      </c>
      <c r="IS39" s="345">
        <v>249633</v>
      </c>
      <c r="IT39" s="346">
        <v>249633</v>
      </c>
      <c r="IU39" s="347">
        <v>249633</v>
      </c>
      <c r="IV39" s="348">
        <v>0</v>
      </c>
      <c r="IW39" s="345">
        <v>0</v>
      </c>
      <c r="IX39" s="349">
        <v>0</v>
      </c>
      <c r="IY39" s="413">
        <v>0</v>
      </c>
      <c r="IZ39" s="345">
        <v>0</v>
      </c>
      <c r="JA39" s="345">
        <v>0</v>
      </c>
      <c r="JB39" s="345">
        <v>0</v>
      </c>
      <c r="JC39" s="345">
        <v>0</v>
      </c>
      <c r="JD39" s="345">
        <v>0</v>
      </c>
      <c r="JE39" s="349">
        <v>0</v>
      </c>
      <c r="JF39" s="350">
        <v>0</v>
      </c>
      <c r="JG39" s="348">
        <v>0</v>
      </c>
      <c r="JH39" s="345">
        <v>0</v>
      </c>
      <c r="JI39" s="346">
        <v>0</v>
      </c>
      <c r="JJ39" s="351">
        <v>0</v>
      </c>
      <c r="JK39" s="345">
        <v>720862</v>
      </c>
      <c r="JL39" s="345">
        <v>140184</v>
      </c>
      <c r="JM39" s="345">
        <v>65592</v>
      </c>
      <c r="JN39" s="345">
        <v>41436</v>
      </c>
      <c r="JO39" s="345">
        <v>215100</v>
      </c>
      <c r="JP39" s="349">
        <v>1183174</v>
      </c>
      <c r="JQ39" s="347">
        <v>1183174</v>
      </c>
      <c r="JR39" s="348">
        <v>0</v>
      </c>
      <c r="JS39" s="345">
        <v>0</v>
      </c>
      <c r="JT39" s="346">
        <v>0</v>
      </c>
      <c r="JU39" s="351">
        <v>0</v>
      </c>
      <c r="JV39" s="345">
        <v>0</v>
      </c>
      <c r="JW39" s="345">
        <v>0</v>
      </c>
      <c r="JX39" s="345">
        <v>0</v>
      </c>
      <c r="JY39" s="345">
        <v>0</v>
      </c>
      <c r="JZ39" s="345">
        <v>0</v>
      </c>
      <c r="KA39" s="349">
        <v>0</v>
      </c>
      <c r="KB39" s="347">
        <v>0</v>
      </c>
      <c r="KC39" s="352">
        <v>47961</v>
      </c>
      <c r="KD39" s="353">
        <v>340542</v>
      </c>
      <c r="KE39" s="349">
        <v>388503</v>
      </c>
      <c r="KF39" s="351">
        <v>0</v>
      </c>
      <c r="KG39" s="345">
        <v>1484069</v>
      </c>
      <c r="KH39" s="345">
        <v>1098868</v>
      </c>
      <c r="KI39" s="345">
        <v>769095</v>
      </c>
      <c r="KJ39" s="345">
        <v>282780</v>
      </c>
      <c r="KK39" s="345">
        <v>0</v>
      </c>
      <c r="KL39" s="349">
        <v>3634812</v>
      </c>
      <c r="KM39" s="354">
        <v>4023315</v>
      </c>
      <c r="KN39" s="342">
        <v>0</v>
      </c>
      <c r="KO39" s="343">
        <v>0</v>
      </c>
      <c r="KP39" s="344">
        <v>0</v>
      </c>
      <c r="KQ39" s="413">
        <v>0</v>
      </c>
      <c r="KR39" s="345">
        <v>1013845</v>
      </c>
      <c r="KS39" s="345">
        <v>773946</v>
      </c>
      <c r="KT39" s="345">
        <v>809172</v>
      </c>
      <c r="KU39" s="345">
        <v>1426770</v>
      </c>
      <c r="KV39" s="345">
        <v>290943</v>
      </c>
      <c r="KW39" s="349">
        <v>4314676</v>
      </c>
      <c r="KX39" s="347">
        <v>4314676</v>
      </c>
      <c r="KY39" s="348">
        <v>0</v>
      </c>
      <c r="KZ39" s="345">
        <v>0</v>
      </c>
      <c r="LA39" s="349">
        <v>0</v>
      </c>
      <c r="LB39" s="413">
        <v>0</v>
      </c>
      <c r="LC39" s="345">
        <v>0</v>
      </c>
      <c r="LD39" s="345">
        <v>0</v>
      </c>
      <c r="LE39" s="345">
        <v>0</v>
      </c>
      <c r="LF39" s="345">
        <v>0</v>
      </c>
      <c r="LG39" s="345">
        <v>0</v>
      </c>
      <c r="LH39" s="349">
        <v>0</v>
      </c>
      <c r="LI39" s="350">
        <v>0</v>
      </c>
      <c r="LJ39" s="348">
        <v>0</v>
      </c>
      <c r="LK39" s="345">
        <v>0</v>
      </c>
      <c r="LL39" s="349">
        <v>0</v>
      </c>
      <c r="LM39" s="413">
        <v>0</v>
      </c>
      <c r="LN39" s="345">
        <v>0</v>
      </c>
      <c r="LO39" s="345">
        <v>0</v>
      </c>
      <c r="LP39" s="345">
        <v>0</v>
      </c>
      <c r="LQ39" s="345">
        <v>0</v>
      </c>
      <c r="LR39" s="345">
        <v>0</v>
      </c>
      <c r="LS39" s="349">
        <v>0</v>
      </c>
      <c r="LT39" s="347">
        <v>0</v>
      </c>
      <c r="LU39" s="348">
        <v>0</v>
      </c>
      <c r="LV39" s="345">
        <v>0</v>
      </c>
      <c r="LW39" s="349">
        <v>0</v>
      </c>
      <c r="LX39" s="413">
        <v>0</v>
      </c>
      <c r="LY39" s="345">
        <v>821313</v>
      </c>
      <c r="LZ39" s="345">
        <v>621198</v>
      </c>
      <c r="MA39" s="345">
        <v>2184471</v>
      </c>
      <c r="MB39" s="345">
        <v>316080</v>
      </c>
      <c r="MC39" s="345">
        <v>1076949</v>
      </c>
      <c r="MD39" s="349">
        <v>5020011</v>
      </c>
      <c r="ME39" s="350">
        <v>5020011</v>
      </c>
      <c r="MF39" s="348">
        <v>0</v>
      </c>
      <c r="MG39" s="345">
        <v>0</v>
      </c>
      <c r="MH39" s="349">
        <v>0</v>
      </c>
      <c r="MI39" s="413">
        <v>0</v>
      </c>
      <c r="MJ39" s="345">
        <v>1875429</v>
      </c>
      <c r="MK39" s="345">
        <v>3629547</v>
      </c>
      <c r="ML39" s="345">
        <v>3958158</v>
      </c>
      <c r="MM39" s="345">
        <v>10266294</v>
      </c>
      <c r="MN39" s="345">
        <v>4701142</v>
      </c>
      <c r="MO39" s="349">
        <v>24430570</v>
      </c>
      <c r="MP39" s="354">
        <v>24430570</v>
      </c>
      <c r="MQ39" s="348">
        <v>0</v>
      </c>
      <c r="MR39" s="345">
        <v>0</v>
      </c>
      <c r="MS39" s="349">
        <v>0</v>
      </c>
      <c r="MT39" s="413">
        <v>0</v>
      </c>
      <c r="MU39" s="345">
        <v>0</v>
      </c>
      <c r="MV39" s="345">
        <v>0</v>
      </c>
      <c r="MW39" s="345">
        <v>1817064</v>
      </c>
      <c r="MX39" s="345">
        <v>7615515</v>
      </c>
      <c r="MY39" s="345">
        <v>2921964</v>
      </c>
      <c r="MZ39" s="349">
        <v>12354543</v>
      </c>
      <c r="NA39" s="354">
        <v>12354543</v>
      </c>
      <c r="NB39" s="348">
        <v>0</v>
      </c>
      <c r="NC39" s="345">
        <v>0</v>
      </c>
      <c r="ND39" s="349">
        <v>0</v>
      </c>
      <c r="NE39" s="413">
        <v>0</v>
      </c>
      <c r="NF39" s="345">
        <v>1407879</v>
      </c>
      <c r="NG39" s="345">
        <v>3629547</v>
      </c>
      <c r="NH39" s="345">
        <v>2141094</v>
      </c>
      <c r="NI39" s="345">
        <v>1945422</v>
      </c>
      <c r="NJ39" s="345">
        <v>1019452</v>
      </c>
      <c r="NK39" s="349">
        <v>10143394</v>
      </c>
      <c r="NL39" s="347">
        <v>10143394</v>
      </c>
      <c r="NM39" s="348">
        <v>0</v>
      </c>
      <c r="NN39" s="345">
        <v>0</v>
      </c>
      <c r="NO39" s="349">
        <v>0</v>
      </c>
      <c r="NP39" s="413">
        <v>0</v>
      </c>
      <c r="NQ39" s="345">
        <v>0</v>
      </c>
      <c r="NR39" s="345">
        <v>0</v>
      </c>
      <c r="NS39" s="345">
        <v>0</v>
      </c>
      <c r="NT39" s="345">
        <v>0</v>
      </c>
      <c r="NU39" s="345">
        <v>0</v>
      </c>
      <c r="NV39" s="349">
        <v>0</v>
      </c>
      <c r="NW39" s="350">
        <v>0</v>
      </c>
      <c r="NX39" s="348">
        <v>0</v>
      </c>
      <c r="NY39" s="345">
        <v>0</v>
      </c>
      <c r="NZ39" s="349">
        <v>0</v>
      </c>
      <c r="OA39" s="413">
        <v>0</v>
      </c>
      <c r="OB39" s="345">
        <v>467550</v>
      </c>
      <c r="OC39" s="345">
        <v>0</v>
      </c>
      <c r="OD39" s="345">
        <v>0</v>
      </c>
      <c r="OE39" s="345">
        <v>705357</v>
      </c>
      <c r="OF39" s="345">
        <v>759726</v>
      </c>
      <c r="OG39" s="349">
        <v>1932633</v>
      </c>
      <c r="OH39" s="350">
        <v>1932633</v>
      </c>
      <c r="OI39" s="348">
        <v>799901</v>
      </c>
      <c r="OJ39" s="345">
        <v>1393404</v>
      </c>
      <c r="OK39" s="346">
        <v>2193305</v>
      </c>
      <c r="OL39" s="351">
        <v>0</v>
      </c>
      <c r="OM39" s="345">
        <v>12885981</v>
      </c>
      <c r="ON39" s="345">
        <v>12403391</v>
      </c>
      <c r="OO39" s="345">
        <v>13011936</v>
      </c>
      <c r="OP39" s="345">
        <v>18487503</v>
      </c>
      <c r="OQ39" s="345">
        <v>10499776</v>
      </c>
      <c r="OR39" s="349">
        <v>67288587</v>
      </c>
      <c r="OS39" s="354">
        <v>69481892</v>
      </c>
    </row>
    <row r="40" spans="2:409" s="70" customFormat="1" ht="21" customHeight="1" x14ac:dyDescent="0.2">
      <c r="B40" s="410" t="s">
        <v>35</v>
      </c>
      <c r="C40" s="326">
        <v>2389450</v>
      </c>
      <c r="D40" s="327">
        <v>4837895</v>
      </c>
      <c r="E40" s="328">
        <v>7227345</v>
      </c>
      <c r="F40" s="329">
        <v>0</v>
      </c>
      <c r="G40" s="327">
        <v>32729689</v>
      </c>
      <c r="H40" s="327">
        <v>23561451</v>
      </c>
      <c r="I40" s="327">
        <v>18944538</v>
      </c>
      <c r="J40" s="327">
        <v>26057502</v>
      </c>
      <c r="K40" s="327">
        <v>16489693</v>
      </c>
      <c r="L40" s="367">
        <v>117782873</v>
      </c>
      <c r="M40" s="330">
        <v>125010218</v>
      </c>
      <c r="N40" s="326">
        <v>599199</v>
      </c>
      <c r="O40" s="327">
        <v>993175</v>
      </c>
      <c r="P40" s="328">
        <v>1592374</v>
      </c>
      <c r="Q40" s="326">
        <v>0</v>
      </c>
      <c r="R40" s="327">
        <v>8062039</v>
      </c>
      <c r="S40" s="327">
        <v>7345188</v>
      </c>
      <c r="T40" s="327">
        <v>5501811</v>
      </c>
      <c r="U40" s="327">
        <v>8183874</v>
      </c>
      <c r="V40" s="327">
        <v>7593378</v>
      </c>
      <c r="W40" s="328">
        <v>36686290</v>
      </c>
      <c r="X40" s="330">
        <v>38278664</v>
      </c>
      <c r="Y40" s="326">
        <v>0</v>
      </c>
      <c r="Z40" s="327">
        <v>0</v>
      </c>
      <c r="AA40" s="328">
        <v>0</v>
      </c>
      <c r="AB40" s="326">
        <v>0</v>
      </c>
      <c r="AC40" s="327">
        <v>3895306</v>
      </c>
      <c r="AD40" s="327">
        <v>3842845</v>
      </c>
      <c r="AE40" s="327">
        <v>2905873</v>
      </c>
      <c r="AF40" s="327">
        <v>4354990</v>
      </c>
      <c r="AG40" s="327">
        <v>4250360</v>
      </c>
      <c r="AH40" s="328">
        <v>19249374</v>
      </c>
      <c r="AI40" s="330">
        <v>19249374</v>
      </c>
      <c r="AJ40" s="326">
        <v>0</v>
      </c>
      <c r="AK40" s="327">
        <v>0</v>
      </c>
      <c r="AL40" s="328">
        <v>0</v>
      </c>
      <c r="AM40" s="326">
        <v>0</v>
      </c>
      <c r="AN40" s="327">
        <v>0</v>
      </c>
      <c r="AO40" s="327">
        <v>103752</v>
      </c>
      <c r="AP40" s="327">
        <v>281534</v>
      </c>
      <c r="AQ40" s="327">
        <v>856737</v>
      </c>
      <c r="AR40" s="327">
        <v>656216</v>
      </c>
      <c r="AS40" s="328">
        <v>1898239</v>
      </c>
      <c r="AT40" s="330">
        <v>1898239</v>
      </c>
      <c r="AU40" s="326">
        <v>207108</v>
      </c>
      <c r="AV40" s="327">
        <v>629276</v>
      </c>
      <c r="AW40" s="328">
        <v>836384</v>
      </c>
      <c r="AX40" s="326">
        <v>0</v>
      </c>
      <c r="AY40" s="327">
        <v>2125033</v>
      </c>
      <c r="AZ40" s="327">
        <v>1840070</v>
      </c>
      <c r="BA40" s="327">
        <v>866120</v>
      </c>
      <c r="BB40" s="327">
        <v>1071718</v>
      </c>
      <c r="BC40" s="327">
        <v>1803197</v>
      </c>
      <c r="BD40" s="328">
        <v>7706138</v>
      </c>
      <c r="BE40" s="330">
        <v>8542522</v>
      </c>
      <c r="BF40" s="326">
        <v>148896</v>
      </c>
      <c r="BG40" s="327">
        <v>140232</v>
      </c>
      <c r="BH40" s="331">
        <v>289128</v>
      </c>
      <c r="BI40" s="332">
        <v>0</v>
      </c>
      <c r="BJ40" s="327">
        <v>691758</v>
      </c>
      <c r="BK40" s="327">
        <v>470592</v>
      </c>
      <c r="BL40" s="327">
        <v>430700</v>
      </c>
      <c r="BM40" s="327">
        <v>587008</v>
      </c>
      <c r="BN40" s="327">
        <v>183766</v>
      </c>
      <c r="BO40" s="328">
        <v>2363824</v>
      </c>
      <c r="BP40" s="330">
        <v>2652952</v>
      </c>
      <c r="BQ40" s="326">
        <v>243195</v>
      </c>
      <c r="BR40" s="327">
        <v>223667</v>
      </c>
      <c r="BS40" s="328">
        <v>466862</v>
      </c>
      <c r="BT40" s="326">
        <v>0</v>
      </c>
      <c r="BU40" s="327">
        <v>1349942</v>
      </c>
      <c r="BV40" s="327">
        <v>1087929</v>
      </c>
      <c r="BW40" s="327">
        <v>1017584</v>
      </c>
      <c r="BX40" s="327">
        <v>1313421</v>
      </c>
      <c r="BY40" s="327">
        <v>699839</v>
      </c>
      <c r="BZ40" s="328">
        <v>5468715</v>
      </c>
      <c r="CA40" s="330">
        <v>5935577</v>
      </c>
      <c r="CB40" s="326">
        <v>265890</v>
      </c>
      <c r="CC40" s="327">
        <v>1048018</v>
      </c>
      <c r="CD40" s="328">
        <v>1313908</v>
      </c>
      <c r="CE40" s="326">
        <v>0</v>
      </c>
      <c r="CF40" s="327">
        <v>11144695</v>
      </c>
      <c r="CG40" s="327">
        <v>7885517</v>
      </c>
      <c r="CH40" s="327">
        <v>5147463</v>
      </c>
      <c r="CI40" s="327">
        <v>3959512</v>
      </c>
      <c r="CJ40" s="327">
        <v>2829882</v>
      </c>
      <c r="CK40" s="328">
        <v>30967069</v>
      </c>
      <c r="CL40" s="330">
        <v>32280977</v>
      </c>
      <c r="CM40" s="326">
        <v>0</v>
      </c>
      <c r="CN40" s="327">
        <v>0</v>
      </c>
      <c r="CO40" s="328">
        <v>0</v>
      </c>
      <c r="CP40" s="332">
        <v>0</v>
      </c>
      <c r="CQ40" s="327">
        <v>7914784</v>
      </c>
      <c r="CR40" s="327">
        <v>5652976</v>
      </c>
      <c r="CS40" s="327">
        <v>4080246</v>
      </c>
      <c r="CT40" s="327">
        <v>3282758</v>
      </c>
      <c r="CU40" s="327">
        <v>2574768</v>
      </c>
      <c r="CV40" s="328">
        <v>23505532</v>
      </c>
      <c r="CW40" s="330">
        <v>23505532</v>
      </c>
      <c r="CX40" s="326">
        <v>265890</v>
      </c>
      <c r="CY40" s="327">
        <v>1048018</v>
      </c>
      <c r="CZ40" s="328">
        <v>1313908</v>
      </c>
      <c r="DA40" s="326">
        <v>0</v>
      </c>
      <c r="DB40" s="327">
        <v>3229911</v>
      </c>
      <c r="DC40" s="327">
        <v>2232541</v>
      </c>
      <c r="DD40" s="327">
        <v>1067217</v>
      </c>
      <c r="DE40" s="327">
        <v>676754</v>
      </c>
      <c r="DF40" s="327">
        <v>255114</v>
      </c>
      <c r="DG40" s="328">
        <v>7461537</v>
      </c>
      <c r="DH40" s="330">
        <v>8775445</v>
      </c>
      <c r="DI40" s="326">
        <v>0</v>
      </c>
      <c r="DJ40" s="327">
        <v>0</v>
      </c>
      <c r="DK40" s="331">
        <v>0</v>
      </c>
      <c r="DL40" s="332">
        <v>0</v>
      </c>
      <c r="DM40" s="327">
        <v>523962</v>
      </c>
      <c r="DN40" s="327">
        <v>729106</v>
      </c>
      <c r="DO40" s="327">
        <v>989586</v>
      </c>
      <c r="DP40" s="327">
        <v>1124595</v>
      </c>
      <c r="DQ40" s="327">
        <v>1264009</v>
      </c>
      <c r="DR40" s="328">
        <v>4631258</v>
      </c>
      <c r="DS40" s="330">
        <v>4631258</v>
      </c>
      <c r="DT40" s="326">
        <v>0</v>
      </c>
      <c r="DU40" s="327">
        <v>0</v>
      </c>
      <c r="DV40" s="328">
        <v>0</v>
      </c>
      <c r="DW40" s="326">
        <v>0</v>
      </c>
      <c r="DX40" s="327">
        <v>456741</v>
      </c>
      <c r="DY40" s="327">
        <v>500020</v>
      </c>
      <c r="DZ40" s="327">
        <v>924012</v>
      </c>
      <c r="EA40" s="327">
        <v>1124595</v>
      </c>
      <c r="EB40" s="327">
        <v>906745</v>
      </c>
      <c r="EC40" s="328">
        <v>3912113</v>
      </c>
      <c r="ED40" s="330">
        <v>3912113</v>
      </c>
      <c r="EE40" s="326">
        <v>0</v>
      </c>
      <c r="EF40" s="331">
        <v>0</v>
      </c>
      <c r="EG40" s="328">
        <v>0</v>
      </c>
      <c r="EH40" s="326">
        <v>0</v>
      </c>
      <c r="EI40" s="327">
        <v>67221</v>
      </c>
      <c r="EJ40" s="327">
        <v>229086</v>
      </c>
      <c r="EK40" s="327">
        <v>65574</v>
      </c>
      <c r="EL40" s="327">
        <v>0</v>
      </c>
      <c r="EM40" s="327">
        <v>357264</v>
      </c>
      <c r="EN40" s="331">
        <v>719145</v>
      </c>
      <c r="EO40" s="330">
        <v>719145</v>
      </c>
      <c r="EP40" s="326">
        <v>0</v>
      </c>
      <c r="EQ40" s="327">
        <v>0</v>
      </c>
      <c r="ER40" s="331">
        <v>0</v>
      </c>
      <c r="ES40" s="332">
        <v>0</v>
      </c>
      <c r="ET40" s="327">
        <v>0</v>
      </c>
      <c r="EU40" s="327">
        <v>0</v>
      </c>
      <c r="EV40" s="327">
        <v>0</v>
      </c>
      <c r="EW40" s="327">
        <v>0</v>
      </c>
      <c r="EX40" s="327">
        <v>0</v>
      </c>
      <c r="EY40" s="328">
        <v>0</v>
      </c>
      <c r="EZ40" s="330">
        <v>0</v>
      </c>
      <c r="FA40" s="326">
        <v>0</v>
      </c>
      <c r="FB40" s="327">
        <v>0</v>
      </c>
      <c r="FC40" s="331">
        <v>0</v>
      </c>
      <c r="FD40" s="332">
        <v>0</v>
      </c>
      <c r="FE40" s="327">
        <v>0</v>
      </c>
      <c r="FF40" s="327">
        <v>0</v>
      </c>
      <c r="FG40" s="327">
        <v>0</v>
      </c>
      <c r="FH40" s="327">
        <v>0</v>
      </c>
      <c r="FI40" s="327">
        <v>0</v>
      </c>
      <c r="FJ40" s="328">
        <v>0</v>
      </c>
      <c r="FK40" s="330">
        <v>0</v>
      </c>
      <c r="FL40" s="326">
        <v>296778</v>
      </c>
      <c r="FM40" s="327">
        <v>828378</v>
      </c>
      <c r="FN40" s="328">
        <v>1125156</v>
      </c>
      <c r="FO40" s="326">
        <v>0</v>
      </c>
      <c r="FP40" s="327">
        <v>1848307</v>
      </c>
      <c r="FQ40" s="327">
        <v>2229451</v>
      </c>
      <c r="FR40" s="327">
        <v>1562276</v>
      </c>
      <c r="FS40" s="327">
        <v>1533402</v>
      </c>
      <c r="FT40" s="327">
        <v>1562388</v>
      </c>
      <c r="FU40" s="328">
        <v>8735824</v>
      </c>
      <c r="FV40" s="330">
        <v>9860980</v>
      </c>
      <c r="FW40" s="333">
        <v>296778</v>
      </c>
      <c r="FX40" s="327">
        <v>828378</v>
      </c>
      <c r="FY40" s="331">
        <v>1125156</v>
      </c>
      <c r="FZ40" s="332">
        <v>0</v>
      </c>
      <c r="GA40" s="327">
        <v>1469863</v>
      </c>
      <c r="GB40" s="327">
        <v>2162131</v>
      </c>
      <c r="GC40" s="327">
        <v>1508816</v>
      </c>
      <c r="GD40" s="327">
        <v>1369143</v>
      </c>
      <c r="GE40" s="327">
        <v>1562388</v>
      </c>
      <c r="GF40" s="328">
        <v>8072341</v>
      </c>
      <c r="GG40" s="334">
        <v>9197497</v>
      </c>
      <c r="GH40" s="333">
        <v>0</v>
      </c>
      <c r="GI40" s="327">
        <v>0</v>
      </c>
      <c r="GJ40" s="331">
        <v>0</v>
      </c>
      <c r="GK40" s="332">
        <v>0</v>
      </c>
      <c r="GL40" s="327">
        <v>0</v>
      </c>
      <c r="GM40" s="327">
        <v>67320</v>
      </c>
      <c r="GN40" s="327">
        <v>0</v>
      </c>
      <c r="GO40" s="327">
        <v>44172</v>
      </c>
      <c r="GP40" s="327">
        <v>0</v>
      </c>
      <c r="GQ40" s="328">
        <v>111492</v>
      </c>
      <c r="GR40" s="330">
        <v>111492</v>
      </c>
      <c r="GS40" s="326">
        <v>0</v>
      </c>
      <c r="GT40" s="327">
        <v>0</v>
      </c>
      <c r="GU40" s="328">
        <v>0</v>
      </c>
      <c r="GV40" s="326">
        <v>0</v>
      </c>
      <c r="GW40" s="327">
        <v>378444</v>
      </c>
      <c r="GX40" s="327">
        <v>0</v>
      </c>
      <c r="GY40" s="327">
        <v>53460</v>
      </c>
      <c r="GZ40" s="327">
        <v>120087</v>
      </c>
      <c r="HA40" s="327">
        <v>0</v>
      </c>
      <c r="HB40" s="331">
        <v>551991</v>
      </c>
      <c r="HC40" s="330">
        <v>551991</v>
      </c>
      <c r="HD40" s="326">
        <v>889588</v>
      </c>
      <c r="HE40" s="327">
        <v>1356624</v>
      </c>
      <c r="HF40" s="331">
        <v>2246212</v>
      </c>
      <c r="HG40" s="332">
        <v>0</v>
      </c>
      <c r="HH40" s="327">
        <v>6546344</v>
      </c>
      <c r="HI40" s="327">
        <v>2780803</v>
      </c>
      <c r="HJ40" s="327">
        <v>3942067</v>
      </c>
      <c r="HK40" s="327">
        <v>9892719</v>
      </c>
      <c r="HL40" s="327">
        <v>2391928</v>
      </c>
      <c r="HM40" s="328">
        <v>25553861</v>
      </c>
      <c r="HN40" s="329">
        <v>27800073</v>
      </c>
      <c r="HO40" s="333">
        <v>337995</v>
      </c>
      <c r="HP40" s="327">
        <v>611700</v>
      </c>
      <c r="HQ40" s="328">
        <v>949695</v>
      </c>
      <c r="HR40" s="326">
        <v>0</v>
      </c>
      <c r="HS40" s="327">
        <v>4604342</v>
      </c>
      <c r="HT40" s="327">
        <v>2591386</v>
      </c>
      <c r="HU40" s="327">
        <v>1801335</v>
      </c>
      <c r="HV40" s="327">
        <v>1363400</v>
      </c>
      <c r="HW40" s="327">
        <v>848108</v>
      </c>
      <c r="HX40" s="331">
        <v>11208571</v>
      </c>
      <c r="HY40" s="330">
        <v>12158266</v>
      </c>
      <c r="HZ40" s="358">
        <v>84375</v>
      </c>
      <c r="IA40" s="356">
        <v>285599</v>
      </c>
      <c r="IB40" s="358">
        <v>369974</v>
      </c>
      <c r="IC40" s="338">
        <v>0</v>
      </c>
      <c r="ID40" s="336">
        <v>6292020</v>
      </c>
      <c r="IE40" s="339">
        <v>5979355</v>
      </c>
      <c r="IF40" s="337">
        <v>7107994</v>
      </c>
      <c r="IG40" s="336">
        <v>4413124</v>
      </c>
      <c r="IH40" s="337">
        <v>2256657</v>
      </c>
      <c r="II40" s="340">
        <v>26049150</v>
      </c>
      <c r="IJ40" s="358">
        <v>26419124</v>
      </c>
      <c r="IK40" s="342">
        <v>0</v>
      </c>
      <c r="IL40" s="343">
        <v>0</v>
      </c>
      <c r="IM40" s="344">
        <v>0</v>
      </c>
      <c r="IN40" s="404">
        <v>0</v>
      </c>
      <c r="IO40" s="345">
        <v>86809</v>
      </c>
      <c r="IP40" s="345">
        <v>0</v>
      </c>
      <c r="IQ40" s="345">
        <v>330999</v>
      </c>
      <c r="IR40" s="345">
        <v>0</v>
      </c>
      <c r="IS40" s="345">
        <v>0</v>
      </c>
      <c r="IT40" s="346">
        <v>417808</v>
      </c>
      <c r="IU40" s="347">
        <v>417808</v>
      </c>
      <c r="IV40" s="348">
        <v>0</v>
      </c>
      <c r="IW40" s="345">
        <v>0</v>
      </c>
      <c r="IX40" s="349">
        <v>0</v>
      </c>
      <c r="IY40" s="413">
        <v>0</v>
      </c>
      <c r="IZ40" s="345">
        <v>0</v>
      </c>
      <c r="JA40" s="345">
        <v>0</v>
      </c>
      <c r="JB40" s="345">
        <v>0</v>
      </c>
      <c r="JC40" s="345">
        <v>0</v>
      </c>
      <c r="JD40" s="345">
        <v>0</v>
      </c>
      <c r="JE40" s="349">
        <v>0</v>
      </c>
      <c r="JF40" s="350">
        <v>0</v>
      </c>
      <c r="JG40" s="348">
        <v>0</v>
      </c>
      <c r="JH40" s="345">
        <v>0</v>
      </c>
      <c r="JI40" s="346">
        <v>0</v>
      </c>
      <c r="JJ40" s="351">
        <v>0</v>
      </c>
      <c r="JK40" s="345">
        <v>1331446</v>
      </c>
      <c r="JL40" s="345">
        <v>1609933</v>
      </c>
      <c r="JM40" s="345">
        <v>1804775</v>
      </c>
      <c r="JN40" s="345">
        <v>800542</v>
      </c>
      <c r="JO40" s="345">
        <v>286686</v>
      </c>
      <c r="JP40" s="349">
        <v>5833382</v>
      </c>
      <c r="JQ40" s="347">
        <v>5833382</v>
      </c>
      <c r="JR40" s="348">
        <v>0</v>
      </c>
      <c r="JS40" s="345">
        <v>0</v>
      </c>
      <c r="JT40" s="346">
        <v>0</v>
      </c>
      <c r="JU40" s="351">
        <v>0</v>
      </c>
      <c r="JV40" s="345">
        <v>0</v>
      </c>
      <c r="JW40" s="345">
        <v>0</v>
      </c>
      <c r="JX40" s="345">
        <v>0</v>
      </c>
      <c r="JY40" s="345">
        <v>0</v>
      </c>
      <c r="JZ40" s="345">
        <v>0</v>
      </c>
      <c r="KA40" s="349">
        <v>0</v>
      </c>
      <c r="KB40" s="347">
        <v>0</v>
      </c>
      <c r="KC40" s="352">
        <v>84375</v>
      </c>
      <c r="KD40" s="353">
        <v>285599</v>
      </c>
      <c r="KE40" s="349">
        <v>369974</v>
      </c>
      <c r="KF40" s="351">
        <v>0</v>
      </c>
      <c r="KG40" s="345">
        <v>730449</v>
      </c>
      <c r="KH40" s="345">
        <v>1087425</v>
      </c>
      <c r="KI40" s="345">
        <v>1782611</v>
      </c>
      <c r="KJ40" s="345">
        <v>605664</v>
      </c>
      <c r="KK40" s="345">
        <v>340935</v>
      </c>
      <c r="KL40" s="349">
        <v>4547084</v>
      </c>
      <c r="KM40" s="354">
        <v>4917058</v>
      </c>
      <c r="KN40" s="342">
        <v>0</v>
      </c>
      <c r="KO40" s="343">
        <v>0</v>
      </c>
      <c r="KP40" s="344">
        <v>0</v>
      </c>
      <c r="KQ40" s="413">
        <v>0</v>
      </c>
      <c r="KR40" s="345">
        <v>4143316</v>
      </c>
      <c r="KS40" s="345">
        <v>3281997</v>
      </c>
      <c r="KT40" s="345">
        <v>3189609</v>
      </c>
      <c r="KU40" s="345">
        <v>3006918</v>
      </c>
      <c r="KV40" s="345">
        <v>1629036</v>
      </c>
      <c r="KW40" s="349">
        <v>15250876</v>
      </c>
      <c r="KX40" s="347">
        <v>15250876</v>
      </c>
      <c r="KY40" s="348">
        <v>0</v>
      </c>
      <c r="KZ40" s="345">
        <v>0</v>
      </c>
      <c r="LA40" s="349">
        <v>0</v>
      </c>
      <c r="LB40" s="413">
        <v>0</v>
      </c>
      <c r="LC40" s="345">
        <v>0</v>
      </c>
      <c r="LD40" s="345">
        <v>0</v>
      </c>
      <c r="LE40" s="345">
        <v>0</v>
      </c>
      <c r="LF40" s="345">
        <v>0</v>
      </c>
      <c r="LG40" s="345">
        <v>0</v>
      </c>
      <c r="LH40" s="349">
        <v>0</v>
      </c>
      <c r="LI40" s="350">
        <v>0</v>
      </c>
      <c r="LJ40" s="348">
        <v>0</v>
      </c>
      <c r="LK40" s="345">
        <v>0</v>
      </c>
      <c r="LL40" s="349">
        <v>0</v>
      </c>
      <c r="LM40" s="413">
        <v>0</v>
      </c>
      <c r="LN40" s="345">
        <v>0</v>
      </c>
      <c r="LO40" s="345">
        <v>0</v>
      </c>
      <c r="LP40" s="345">
        <v>0</v>
      </c>
      <c r="LQ40" s="345">
        <v>0</v>
      </c>
      <c r="LR40" s="345">
        <v>0</v>
      </c>
      <c r="LS40" s="349">
        <v>0</v>
      </c>
      <c r="LT40" s="347">
        <v>0</v>
      </c>
      <c r="LU40" s="348">
        <v>0</v>
      </c>
      <c r="LV40" s="345">
        <v>0</v>
      </c>
      <c r="LW40" s="349">
        <v>0</v>
      </c>
      <c r="LX40" s="413">
        <v>0</v>
      </c>
      <c r="LY40" s="345">
        <v>0</v>
      </c>
      <c r="LZ40" s="345">
        <v>0</v>
      </c>
      <c r="MA40" s="345">
        <v>0</v>
      </c>
      <c r="MB40" s="345">
        <v>0</v>
      </c>
      <c r="MC40" s="345">
        <v>0</v>
      </c>
      <c r="MD40" s="349">
        <v>0</v>
      </c>
      <c r="ME40" s="350">
        <v>0</v>
      </c>
      <c r="MF40" s="348">
        <v>0</v>
      </c>
      <c r="MG40" s="345">
        <v>0</v>
      </c>
      <c r="MH40" s="349">
        <v>0</v>
      </c>
      <c r="MI40" s="413">
        <v>0</v>
      </c>
      <c r="MJ40" s="345">
        <v>5307264</v>
      </c>
      <c r="MK40" s="345">
        <v>10370564</v>
      </c>
      <c r="ML40" s="345">
        <v>14792107</v>
      </c>
      <c r="MM40" s="345">
        <v>21782893</v>
      </c>
      <c r="MN40" s="345">
        <v>14398188</v>
      </c>
      <c r="MO40" s="349">
        <v>66651016</v>
      </c>
      <c r="MP40" s="354">
        <v>66651016</v>
      </c>
      <c r="MQ40" s="348">
        <v>0</v>
      </c>
      <c r="MR40" s="345">
        <v>0</v>
      </c>
      <c r="MS40" s="349">
        <v>0</v>
      </c>
      <c r="MT40" s="413">
        <v>0</v>
      </c>
      <c r="MU40" s="345">
        <v>210015</v>
      </c>
      <c r="MV40" s="345">
        <v>291641</v>
      </c>
      <c r="MW40" s="345">
        <v>5614304</v>
      </c>
      <c r="MX40" s="345">
        <v>15550726</v>
      </c>
      <c r="MY40" s="345">
        <v>8507885</v>
      </c>
      <c r="MZ40" s="349">
        <v>30174571</v>
      </c>
      <c r="NA40" s="354">
        <v>30174571</v>
      </c>
      <c r="NB40" s="348">
        <v>0</v>
      </c>
      <c r="NC40" s="345">
        <v>0</v>
      </c>
      <c r="ND40" s="349">
        <v>0</v>
      </c>
      <c r="NE40" s="413">
        <v>0</v>
      </c>
      <c r="NF40" s="345">
        <v>4136076</v>
      </c>
      <c r="NG40" s="345">
        <v>9028164</v>
      </c>
      <c r="NH40" s="345">
        <v>7901144</v>
      </c>
      <c r="NI40" s="345">
        <v>5187294</v>
      </c>
      <c r="NJ40" s="345">
        <v>2289906</v>
      </c>
      <c r="NK40" s="349">
        <v>28542584</v>
      </c>
      <c r="NL40" s="347">
        <v>28542584</v>
      </c>
      <c r="NM40" s="348">
        <v>0</v>
      </c>
      <c r="NN40" s="345">
        <v>0</v>
      </c>
      <c r="NO40" s="349">
        <v>0</v>
      </c>
      <c r="NP40" s="413">
        <v>0</v>
      </c>
      <c r="NQ40" s="345">
        <v>0</v>
      </c>
      <c r="NR40" s="345">
        <v>0</v>
      </c>
      <c r="NS40" s="345">
        <v>0</v>
      </c>
      <c r="NT40" s="345">
        <v>0</v>
      </c>
      <c r="NU40" s="345">
        <v>0</v>
      </c>
      <c r="NV40" s="349">
        <v>0</v>
      </c>
      <c r="NW40" s="350">
        <v>0</v>
      </c>
      <c r="NX40" s="348">
        <v>0</v>
      </c>
      <c r="NY40" s="345">
        <v>0</v>
      </c>
      <c r="NZ40" s="349">
        <v>0</v>
      </c>
      <c r="OA40" s="413">
        <v>0</v>
      </c>
      <c r="OB40" s="345">
        <v>961173</v>
      </c>
      <c r="OC40" s="345">
        <v>1050759</v>
      </c>
      <c r="OD40" s="345">
        <v>1276659</v>
      </c>
      <c r="OE40" s="345">
        <v>1044873</v>
      </c>
      <c r="OF40" s="345">
        <v>3600397</v>
      </c>
      <c r="OG40" s="349">
        <v>7933861</v>
      </c>
      <c r="OH40" s="350">
        <v>7933861</v>
      </c>
      <c r="OI40" s="348">
        <v>2473825</v>
      </c>
      <c r="OJ40" s="345">
        <v>5123494</v>
      </c>
      <c r="OK40" s="346">
        <v>7597319</v>
      </c>
      <c r="OL40" s="351">
        <v>0</v>
      </c>
      <c r="OM40" s="345">
        <v>44328973</v>
      </c>
      <c r="ON40" s="345">
        <v>39911370</v>
      </c>
      <c r="OO40" s="345">
        <v>40844639</v>
      </c>
      <c r="OP40" s="345">
        <v>52253519</v>
      </c>
      <c r="OQ40" s="345">
        <v>33144538</v>
      </c>
      <c r="OR40" s="349">
        <v>210483039</v>
      </c>
      <c r="OS40" s="354">
        <v>218080358</v>
      </c>
    </row>
    <row r="41" spans="2:409" s="70" customFormat="1" ht="21" customHeight="1" x14ac:dyDescent="0.2">
      <c r="B41" s="410" t="s">
        <v>36</v>
      </c>
      <c r="C41" s="326">
        <v>1194131</v>
      </c>
      <c r="D41" s="327">
        <v>3557463</v>
      </c>
      <c r="E41" s="328">
        <v>4751594</v>
      </c>
      <c r="F41" s="329">
        <v>0</v>
      </c>
      <c r="G41" s="327">
        <v>22919274</v>
      </c>
      <c r="H41" s="327">
        <v>30256004</v>
      </c>
      <c r="I41" s="327">
        <v>26034442</v>
      </c>
      <c r="J41" s="327">
        <v>17836861</v>
      </c>
      <c r="K41" s="327">
        <v>19299100</v>
      </c>
      <c r="L41" s="367">
        <v>116345681</v>
      </c>
      <c r="M41" s="330">
        <v>121097275</v>
      </c>
      <c r="N41" s="326">
        <v>248447</v>
      </c>
      <c r="O41" s="327">
        <v>1062785</v>
      </c>
      <c r="P41" s="328">
        <v>1311232</v>
      </c>
      <c r="Q41" s="326">
        <v>0</v>
      </c>
      <c r="R41" s="327">
        <v>6150239</v>
      </c>
      <c r="S41" s="327">
        <v>9633106</v>
      </c>
      <c r="T41" s="327">
        <v>9017930</v>
      </c>
      <c r="U41" s="327">
        <v>6004915</v>
      </c>
      <c r="V41" s="327">
        <v>9866594</v>
      </c>
      <c r="W41" s="328">
        <v>40672784</v>
      </c>
      <c r="X41" s="330">
        <v>41984016</v>
      </c>
      <c r="Y41" s="326">
        <v>0</v>
      </c>
      <c r="Z41" s="327">
        <v>0</v>
      </c>
      <c r="AA41" s="328">
        <v>0</v>
      </c>
      <c r="AB41" s="326">
        <v>0</v>
      </c>
      <c r="AC41" s="327">
        <v>2338461</v>
      </c>
      <c r="AD41" s="327">
        <v>5239436</v>
      </c>
      <c r="AE41" s="327">
        <v>4576259</v>
      </c>
      <c r="AF41" s="327">
        <v>3086719</v>
      </c>
      <c r="AG41" s="327">
        <v>6087188</v>
      </c>
      <c r="AH41" s="328">
        <v>21328063</v>
      </c>
      <c r="AI41" s="330">
        <v>21328063</v>
      </c>
      <c r="AJ41" s="326">
        <v>0</v>
      </c>
      <c r="AK41" s="327">
        <v>36736</v>
      </c>
      <c r="AL41" s="328">
        <v>36736</v>
      </c>
      <c r="AM41" s="326">
        <v>0</v>
      </c>
      <c r="AN41" s="327">
        <v>273207</v>
      </c>
      <c r="AO41" s="327">
        <v>301738</v>
      </c>
      <c r="AP41" s="327">
        <v>700063</v>
      </c>
      <c r="AQ41" s="327">
        <v>604465</v>
      </c>
      <c r="AR41" s="327">
        <v>569292</v>
      </c>
      <c r="AS41" s="328">
        <v>2448765</v>
      </c>
      <c r="AT41" s="330">
        <v>2485501</v>
      </c>
      <c r="AU41" s="326">
        <v>138298</v>
      </c>
      <c r="AV41" s="327">
        <v>666028</v>
      </c>
      <c r="AW41" s="328">
        <v>804326</v>
      </c>
      <c r="AX41" s="326">
        <v>0</v>
      </c>
      <c r="AY41" s="327">
        <v>2248928</v>
      </c>
      <c r="AZ41" s="327">
        <v>2071218</v>
      </c>
      <c r="BA41" s="327">
        <v>2395694</v>
      </c>
      <c r="BB41" s="327">
        <v>1387794</v>
      </c>
      <c r="BC41" s="327">
        <v>2317108</v>
      </c>
      <c r="BD41" s="328">
        <v>10420742</v>
      </c>
      <c r="BE41" s="330">
        <v>11225068</v>
      </c>
      <c r="BF41" s="326">
        <v>33496</v>
      </c>
      <c r="BG41" s="327">
        <v>276825</v>
      </c>
      <c r="BH41" s="331">
        <v>310321</v>
      </c>
      <c r="BI41" s="332">
        <v>0</v>
      </c>
      <c r="BJ41" s="327">
        <v>442906</v>
      </c>
      <c r="BK41" s="327">
        <v>559846</v>
      </c>
      <c r="BL41" s="327">
        <v>232668</v>
      </c>
      <c r="BM41" s="327">
        <v>153573</v>
      </c>
      <c r="BN41" s="327">
        <v>190401</v>
      </c>
      <c r="BO41" s="328">
        <v>1579394</v>
      </c>
      <c r="BP41" s="330">
        <v>1889715</v>
      </c>
      <c r="BQ41" s="326">
        <v>76653</v>
      </c>
      <c r="BR41" s="327">
        <v>83196</v>
      </c>
      <c r="BS41" s="328">
        <v>159849</v>
      </c>
      <c r="BT41" s="326">
        <v>0</v>
      </c>
      <c r="BU41" s="327">
        <v>846737</v>
      </c>
      <c r="BV41" s="327">
        <v>1460868</v>
      </c>
      <c r="BW41" s="327">
        <v>1113246</v>
      </c>
      <c r="BX41" s="327">
        <v>772364</v>
      </c>
      <c r="BY41" s="327">
        <v>702605</v>
      </c>
      <c r="BZ41" s="328">
        <v>4895820</v>
      </c>
      <c r="CA41" s="330">
        <v>5055669</v>
      </c>
      <c r="CB41" s="326">
        <v>164235</v>
      </c>
      <c r="CC41" s="327">
        <v>437892</v>
      </c>
      <c r="CD41" s="328">
        <v>602127</v>
      </c>
      <c r="CE41" s="326">
        <v>0</v>
      </c>
      <c r="CF41" s="327">
        <v>6617821</v>
      </c>
      <c r="CG41" s="327">
        <v>9309254</v>
      </c>
      <c r="CH41" s="327">
        <v>6495984</v>
      </c>
      <c r="CI41" s="327">
        <v>3815197</v>
      </c>
      <c r="CJ41" s="327">
        <v>4131955</v>
      </c>
      <c r="CK41" s="328">
        <v>30370211</v>
      </c>
      <c r="CL41" s="330">
        <v>30972338</v>
      </c>
      <c r="CM41" s="326">
        <v>0</v>
      </c>
      <c r="CN41" s="327">
        <v>0</v>
      </c>
      <c r="CO41" s="328">
        <v>0</v>
      </c>
      <c r="CP41" s="332">
        <v>0</v>
      </c>
      <c r="CQ41" s="327">
        <v>4667887</v>
      </c>
      <c r="CR41" s="327">
        <v>6867636</v>
      </c>
      <c r="CS41" s="327">
        <v>4853458</v>
      </c>
      <c r="CT41" s="327">
        <v>3119945</v>
      </c>
      <c r="CU41" s="327">
        <v>3914114</v>
      </c>
      <c r="CV41" s="328">
        <v>23423040</v>
      </c>
      <c r="CW41" s="330">
        <v>23423040</v>
      </c>
      <c r="CX41" s="326">
        <v>164235</v>
      </c>
      <c r="CY41" s="327">
        <v>437892</v>
      </c>
      <c r="CZ41" s="328">
        <v>602127</v>
      </c>
      <c r="DA41" s="326">
        <v>0</v>
      </c>
      <c r="DB41" s="327">
        <v>1949934</v>
      </c>
      <c r="DC41" s="327">
        <v>2441618</v>
      </c>
      <c r="DD41" s="327">
        <v>1642526</v>
      </c>
      <c r="DE41" s="327">
        <v>695252</v>
      </c>
      <c r="DF41" s="327">
        <v>217841</v>
      </c>
      <c r="DG41" s="328">
        <v>6947171</v>
      </c>
      <c r="DH41" s="330">
        <v>7549298</v>
      </c>
      <c r="DI41" s="326">
        <v>0</v>
      </c>
      <c r="DJ41" s="327">
        <v>18381</v>
      </c>
      <c r="DK41" s="331">
        <v>18381</v>
      </c>
      <c r="DL41" s="332">
        <v>0</v>
      </c>
      <c r="DM41" s="327">
        <v>731449</v>
      </c>
      <c r="DN41" s="327">
        <v>1317195</v>
      </c>
      <c r="DO41" s="327">
        <v>1916621</v>
      </c>
      <c r="DP41" s="327">
        <v>2479816</v>
      </c>
      <c r="DQ41" s="327">
        <v>1558803</v>
      </c>
      <c r="DR41" s="328">
        <v>8003884</v>
      </c>
      <c r="DS41" s="330">
        <v>8022265</v>
      </c>
      <c r="DT41" s="326">
        <v>0</v>
      </c>
      <c r="DU41" s="327">
        <v>18381</v>
      </c>
      <c r="DV41" s="328">
        <v>18381</v>
      </c>
      <c r="DW41" s="326">
        <v>0</v>
      </c>
      <c r="DX41" s="327">
        <v>536242</v>
      </c>
      <c r="DY41" s="327">
        <v>1317195</v>
      </c>
      <c r="DZ41" s="327">
        <v>1916621</v>
      </c>
      <c r="EA41" s="327">
        <v>2367626</v>
      </c>
      <c r="EB41" s="327">
        <v>1558803</v>
      </c>
      <c r="EC41" s="328">
        <v>7696487</v>
      </c>
      <c r="ED41" s="330">
        <v>7714868</v>
      </c>
      <c r="EE41" s="326">
        <v>0</v>
      </c>
      <c r="EF41" s="331">
        <v>0</v>
      </c>
      <c r="EG41" s="328">
        <v>0</v>
      </c>
      <c r="EH41" s="326">
        <v>0</v>
      </c>
      <c r="EI41" s="327">
        <v>195207</v>
      </c>
      <c r="EJ41" s="327">
        <v>0</v>
      </c>
      <c r="EK41" s="327">
        <v>0</v>
      </c>
      <c r="EL41" s="327">
        <v>112190</v>
      </c>
      <c r="EM41" s="327">
        <v>0</v>
      </c>
      <c r="EN41" s="331">
        <v>307397</v>
      </c>
      <c r="EO41" s="330">
        <v>307397</v>
      </c>
      <c r="EP41" s="326">
        <v>0</v>
      </c>
      <c r="EQ41" s="327">
        <v>0</v>
      </c>
      <c r="ER41" s="331">
        <v>0</v>
      </c>
      <c r="ES41" s="332">
        <v>0</v>
      </c>
      <c r="ET41" s="327">
        <v>0</v>
      </c>
      <c r="EU41" s="327">
        <v>0</v>
      </c>
      <c r="EV41" s="327">
        <v>0</v>
      </c>
      <c r="EW41" s="327">
        <v>0</v>
      </c>
      <c r="EX41" s="327">
        <v>0</v>
      </c>
      <c r="EY41" s="328">
        <v>0</v>
      </c>
      <c r="EZ41" s="330">
        <v>0</v>
      </c>
      <c r="FA41" s="326">
        <v>0</v>
      </c>
      <c r="FB41" s="327">
        <v>0</v>
      </c>
      <c r="FC41" s="331">
        <v>0</v>
      </c>
      <c r="FD41" s="332">
        <v>0</v>
      </c>
      <c r="FE41" s="327">
        <v>0</v>
      </c>
      <c r="FF41" s="327">
        <v>0</v>
      </c>
      <c r="FG41" s="327">
        <v>0</v>
      </c>
      <c r="FH41" s="327">
        <v>0</v>
      </c>
      <c r="FI41" s="327">
        <v>0</v>
      </c>
      <c r="FJ41" s="328">
        <v>0</v>
      </c>
      <c r="FK41" s="330">
        <v>0</v>
      </c>
      <c r="FL41" s="326">
        <v>330743</v>
      </c>
      <c r="FM41" s="327">
        <v>1090739</v>
      </c>
      <c r="FN41" s="328">
        <v>1421482</v>
      </c>
      <c r="FO41" s="326">
        <v>0</v>
      </c>
      <c r="FP41" s="327">
        <v>2020475</v>
      </c>
      <c r="FQ41" s="327">
        <v>3139222</v>
      </c>
      <c r="FR41" s="327">
        <v>2889646</v>
      </c>
      <c r="FS41" s="327">
        <v>1697949</v>
      </c>
      <c r="FT41" s="327">
        <v>1318419</v>
      </c>
      <c r="FU41" s="328">
        <v>11065711</v>
      </c>
      <c r="FV41" s="330">
        <v>12487193</v>
      </c>
      <c r="FW41" s="333">
        <v>311393</v>
      </c>
      <c r="FX41" s="327">
        <v>854606</v>
      </c>
      <c r="FY41" s="331">
        <v>1165999</v>
      </c>
      <c r="FZ41" s="332">
        <v>0</v>
      </c>
      <c r="GA41" s="327">
        <v>1686569</v>
      </c>
      <c r="GB41" s="327">
        <v>2794048</v>
      </c>
      <c r="GC41" s="327">
        <v>2413768</v>
      </c>
      <c r="GD41" s="327">
        <v>1517949</v>
      </c>
      <c r="GE41" s="327">
        <v>1318419</v>
      </c>
      <c r="GF41" s="328">
        <v>9730753</v>
      </c>
      <c r="GG41" s="334">
        <v>10896752</v>
      </c>
      <c r="GH41" s="333">
        <v>19350</v>
      </c>
      <c r="GI41" s="327">
        <v>55260</v>
      </c>
      <c r="GJ41" s="331">
        <v>74610</v>
      </c>
      <c r="GK41" s="332">
        <v>0</v>
      </c>
      <c r="GL41" s="327">
        <v>53106</v>
      </c>
      <c r="GM41" s="327">
        <v>129444</v>
      </c>
      <c r="GN41" s="327">
        <v>89193</v>
      </c>
      <c r="GO41" s="327">
        <v>0</v>
      </c>
      <c r="GP41" s="327">
        <v>0</v>
      </c>
      <c r="GQ41" s="328">
        <v>271743</v>
      </c>
      <c r="GR41" s="330">
        <v>346353</v>
      </c>
      <c r="GS41" s="326">
        <v>0</v>
      </c>
      <c r="GT41" s="327">
        <v>180873</v>
      </c>
      <c r="GU41" s="328">
        <v>180873</v>
      </c>
      <c r="GV41" s="326">
        <v>0</v>
      </c>
      <c r="GW41" s="327">
        <v>280800</v>
      </c>
      <c r="GX41" s="327">
        <v>215730</v>
      </c>
      <c r="GY41" s="327">
        <v>386685</v>
      </c>
      <c r="GZ41" s="327">
        <v>180000</v>
      </c>
      <c r="HA41" s="327">
        <v>0</v>
      </c>
      <c r="HB41" s="331">
        <v>1063215</v>
      </c>
      <c r="HC41" s="330">
        <v>1244088</v>
      </c>
      <c r="HD41" s="326">
        <v>201588</v>
      </c>
      <c r="HE41" s="327">
        <v>220575</v>
      </c>
      <c r="HF41" s="331">
        <v>422163</v>
      </c>
      <c r="HG41" s="332">
        <v>0</v>
      </c>
      <c r="HH41" s="327">
        <v>3405017</v>
      </c>
      <c r="HI41" s="327">
        <v>3212996</v>
      </c>
      <c r="HJ41" s="327">
        <v>2751381</v>
      </c>
      <c r="HK41" s="327">
        <v>2210555</v>
      </c>
      <c r="HL41" s="327">
        <v>1094648</v>
      </c>
      <c r="HM41" s="328">
        <v>12674597</v>
      </c>
      <c r="HN41" s="329">
        <v>13096760</v>
      </c>
      <c r="HO41" s="333">
        <v>249118</v>
      </c>
      <c r="HP41" s="327">
        <v>727091</v>
      </c>
      <c r="HQ41" s="328">
        <v>976209</v>
      </c>
      <c r="HR41" s="326">
        <v>0</v>
      </c>
      <c r="HS41" s="327">
        <v>3994273</v>
      </c>
      <c r="HT41" s="327">
        <v>3644231</v>
      </c>
      <c r="HU41" s="327">
        <v>2962880</v>
      </c>
      <c r="HV41" s="327">
        <v>1628429</v>
      </c>
      <c r="HW41" s="327">
        <v>1328681</v>
      </c>
      <c r="HX41" s="331">
        <v>13558494</v>
      </c>
      <c r="HY41" s="330">
        <v>14534703</v>
      </c>
      <c r="HZ41" s="335">
        <v>49506</v>
      </c>
      <c r="IA41" s="336">
        <v>0</v>
      </c>
      <c r="IB41" s="337">
        <v>49506</v>
      </c>
      <c r="IC41" s="338">
        <v>0</v>
      </c>
      <c r="ID41" s="336">
        <v>6175190</v>
      </c>
      <c r="IE41" s="339">
        <v>9635860</v>
      </c>
      <c r="IF41" s="337">
        <v>12721249</v>
      </c>
      <c r="IG41" s="336">
        <v>4812101</v>
      </c>
      <c r="IH41" s="337">
        <v>4465923</v>
      </c>
      <c r="II41" s="340">
        <v>37810323</v>
      </c>
      <c r="IJ41" s="341">
        <v>37859829</v>
      </c>
      <c r="IK41" s="342">
        <v>0</v>
      </c>
      <c r="IL41" s="343">
        <v>0</v>
      </c>
      <c r="IM41" s="344">
        <v>0</v>
      </c>
      <c r="IN41" s="404">
        <v>0</v>
      </c>
      <c r="IO41" s="345">
        <v>0</v>
      </c>
      <c r="IP41" s="345">
        <v>0</v>
      </c>
      <c r="IQ41" s="345">
        <v>0</v>
      </c>
      <c r="IR41" s="345">
        <v>0</v>
      </c>
      <c r="IS41" s="345">
        <v>0</v>
      </c>
      <c r="IT41" s="346">
        <v>0</v>
      </c>
      <c r="IU41" s="347">
        <v>0</v>
      </c>
      <c r="IV41" s="348">
        <v>0</v>
      </c>
      <c r="IW41" s="345">
        <v>0</v>
      </c>
      <c r="IX41" s="349">
        <v>0</v>
      </c>
      <c r="IY41" s="413">
        <v>0</v>
      </c>
      <c r="IZ41" s="345">
        <v>0</v>
      </c>
      <c r="JA41" s="345">
        <v>0</v>
      </c>
      <c r="JB41" s="345">
        <v>0</v>
      </c>
      <c r="JC41" s="345">
        <v>0</v>
      </c>
      <c r="JD41" s="345">
        <v>0</v>
      </c>
      <c r="JE41" s="349">
        <v>0</v>
      </c>
      <c r="JF41" s="350">
        <v>0</v>
      </c>
      <c r="JG41" s="348">
        <v>0</v>
      </c>
      <c r="JH41" s="345">
        <v>0</v>
      </c>
      <c r="JI41" s="346">
        <v>0</v>
      </c>
      <c r="JJ41" s="351">
        <v>0</v>
      </c>
      <c r="JK41" s="345">
        <v>2653018</v>
      </c>
      <c r="JL41" s="345">
        <v>3181513</v>
      </c>
      <c r="JM41" s="345">
        <v>5391038</v>
      </c>
      <c r="JN41" s="345">
        <v>2424449</v>
      </c>
      <c r="JO41" s="345">
        <v>3222293</v>
      </c>
      <c r="JP41" s="349">
        <v>16872311</v>
      </c>
      <c r="JQ41" s="347">
        <v>16872311</v>
      </c>
      <c r="JR41" s="348">
        <v>0</v>
      </c>
      <c r="JS41" s="345">
        <v>0</v>
      </c>
      <c r="JT41" s="346">
        <v>0</v>
      </c>
      <c r="JU41" s="351">
        <v>0</v>
      </c>
      <c r="JV41" s="345">
        <v>0</v>
      </c>
      <c r="JW41" s="345">
        <v>0</v>
      </c>
      <c r="JX41" s="345">
        <v>0</v>
      </c>
      <c r="JY41" s="345">
        <v>0</v>
      </c>
      <c r="JZ41" s="345">
        <v>0</v>
      </c>
      <c r="KA41" s="349">
        <v>0</v>
      </c>
      <c r="KB41" s="347">
        <v>0</v>
      </c>
      <c r="KC41" s="352">
        <v>49506</v>
      </c>
      <c r="KD41" s="353">
        <v>0</v>
      </c>
      <c r="KE41" s="349">
        <v>49506</v>
      </c>
      <c r="KF41" s="351">
        <v>0</v>
      </c>
      <c r="KG41" s="345">
        <v>1902890</v>
      </c>
      <c r="KH41" s="345">
        <v>1927914</v>
      </c>
      <c r="KI41" s="345">
        <v>2477001</v>
      </c>
      <c r="KJ41" s="345">
        <v>570990</v>
      </c>
      <c r="KK41" s="345">
        <v>628121</v>
      </c>
      <c r="KL41" s="349">
        <v>7506916</v>
      </c>
      <c r="KM41" s="354">
        <v>7556422</v>
      </c>
      <c r="KN41" s="342">
        <v>0</v>
      </c>
      <c r="KO41" s="343">
        <v>0</v>
      </c>
      <c r="KP41" s="344">
        <v>0</v>
      </c>
      <c r="KQ41" s="413">
        <v>0</v>
      </c>
      <c r="KR41" s="345">
        <v>1619282</v>
      </c>
      <c r="KS41" s="345">
        <v>4526433</v>
      </c>
      <c r="KT41" s="345">
        <v>4853210</v>
      </c>
      <c r="KU41" s="345">
        <v>1816662</v>
      </c>
      <c r="KV41" s="345">
        <v>615509</v>
      </c>
      <c r="KW41" s="349">
        <v>13431096</v>
      </c>
      <c r="KX41" s="347">
        <v>13431096</v>
      </c>
      <c r="KY41" s="348">
        <v>0</v>
      </c>
      <c r="KZ41" s="345">
        <v>0</v>
      </c>
      <c r="LA41" s="349">
        <v>0</v>
      </c>
      <c r="LB41" s="413">
        <v>0</v>
      </c>
      <c r="LC41" s="345">
        <v>0</v>
      </c>
      <c r="LD41" s="345">
        <v>0</v>
      </c>
      <c r="LE41" s="345">
        <v>0</v>
      </c>
      <c r="LF41" s="345">
        <v>0</v>
      </c>
      <c r="LG41" s="345">
        <v>0</v>
      </c>
      <c r="LH41" s="349">
        <v>0</v>
      </c>
      <c r="LI41" s="350">
        <v>0</v>
      </c>
      <c r="LJ41" s="348">
        <v>0</v>
      </c>
      <c r="LK41" s="345">
        <v>0</v>
      </c>
      <c r="LL41" s="349">
        <v>0</v>
      </c>
      <c r="LM41" s="413">
        <v>0</v>
      </c>
      <c r="LN41" s="345">
        <v>0</v>
      </c>
      <c r="LO41" s="345">
        <v>0</v>
      </c>
      <c r="LP41" s="345">
        <v>0</v>
      </c>
      <c r="LQ41" s="345">
        <v>0</v>
      </c>
      <c r="LR41" s="345">
        <v>0</v>
      </c>
      <c r="LS41" s="349">
        <v>0</v>
      </c>
      <c r="LT41" s="347">
        <v>0</v>
      </c>
      <c r="LU41" s="348">
        <v>0</v>
      </c>
      <c r="LV41" s="345">
        <v>0</v>
      </c>
      <c r="LW41" s="349">
        <v>0</v>
      </c>
      <c r="LX41" s="413">
        <v>0</v>
      </c>
      <c r="LY41" s="345">
        <v>0</v>
      </c>
      <c r="LZ41" s="345">
        <v>0</v>
      </c>
      <c r="MA41" s="345">
        <v>0</v>
      </c>
      <c r="MB41" s="345">
        <v>0</v>
      </c>
      <c r="MC41" s="345">
        <v>0</v>
      </c>
      <c r="MD41" s="349">
        <v>0</v>
      </c>
      <c r="ME41" s="350">
        <v>0</v>
      </c>
      <c r="MF41" s="348">
        <v>0</v>
      </c>
      <c r="MG41" s="345">
        <v>0</v>
      </c>
      <c r="MH41" s="349">
        <v>0</v>
      </c>
      <c r="MI41" s="413">
        <v>0</v>
      </c>
      <c r="MJ41" s="345">
        <v>2695968</v>
      </c>
      <c r="MK41" s="345">
        <v>7272262</v>
      </c>
      <c r="ML41" s="345">
        <v>30039963</v>
      </c>
      <c r="MM41" s="345">
        <v>37794354</v>
      </c>
      <c r="MN41" s="345">
        <v>23158241</v>
      </c>
      <c r="MO41" s="349">
        <v>100960788</v>
      </c>
      <c r="MP41" s="354">
        <v>100960788</v>
      </c>
      <c r="MQ41" s="348">
        <v>0</v>
      </c>
      <c r="MR41" s="345">
        <v>0</v>
      </c>
      <c r="MS41" s="349">
        <v>0</v>
      </c>
      <c r="MT41" s="413">
        <v>0</v>
      </c>
      <c r="MU41" s="345">
        <v>0</v>
      </c>
      <c r="MV41" s="345">
        <v>1242563</v>
      </c>
      <c r="MW41" s="345">
        <v>19633044</v>
      </c>
      <c r="MX41" s="345">
        <v>21125020</v>
      </c>
      <c r="MY41" s="345">
        <v>15764529</v>
      </c>
      <c r="MZ41" s="349">
        <v>57765156</v>
      </c>
      <c r="NA41" s="354">
        <v>57765156</v>
      </c>
      <c r="NB41" s="348">
        <v>0</v>
      </c>
      <c r="NC41" s="345">
        <v>0</v>
      </c>
      <c r="ND41" s="349">
        <v>0</v>
      </c>
      <c r="NE41" s="413">
        <v>0</v>
      </c>
      <c r="NF41" s="345">
        <v>2695968</v>
      </c>
      <c r="NG41" s="345">
        <v>6029699</v>
      </c>
      <c r="NH41" s="345">
        <v>10406919</v>
      </c>
      <c r="NI41" s="345">
        <v>14681391</v>
      </c>
      <c r="NJ41" s="345">
        <v>5296554</v>
      </c>
      <c r="NK41" s="349">
        <v>39110531</v>
      </c>
      <c r="NL41" s="347">
        <v>39110531</v>
      </c>
      <c r="NM41" s="348">
        <v>0</v>
      </c>
      <c r="NN41" s="345">
        <v>0</v>
      </c>
      <c r="NO41" s="349">
        <v>0</v>
      </c>
      <c r="NP41" s="413">
        <v>0</v>
      </c>
      <c r="NQ41" s="345">
        <v>0</v>
      </c>
      <c r="NR41" s="345">
        <v>0</v>
      </c>
      <c r="NS41" s="345">
        <v>0</v>
      </c>
      <c r="NT41" s="345">
        <v>0</v>
      </c>
      <c r="NU41" s="345">
        <v>0</v>
      </c>
      <c r="NV41" s="349">
        <v>0</v>
      </c>
      <c r="NW41" s="350">
        <v>0</v>
      </c>
      <c r="NX41" s="348">
        <v>0</v>
      </c>
      <c r="NY41" s="345">
        <v>0</v>
      </c>
      <c r="NZ41" s="349">
        <v>0</v>
      </c>
      <c r="OA41" s="413">
        <v>0</v>
      </c>
      <c r="OB41" s="345">
        <v>0</v>
      </c>
      <c r="OC41" s="345">
        <v>0</v>
      </c>
      <c r="OD41" s="345">
        <v>0</v>
      </c>
      <c r="OE41" s="345">
        <v>1987943</v>
      </c>
      <c r="OF41" s="345">
        <v>2097158</v>
      </c>
      <c r="OG41" s="349">
        <v>4085101</v>
      </c>
      <c r="OH41" s="350">
        <v>4085101</v>
      </c>
      <c r="OI41" s="348">
        <v>1243637</v>
      </c>
      <c r="OJ41" s="345">
        <v>3557463</v>
      </c>
      <c r="OK41" s="346">
        <v>4801100</v>
      </c>
      <c r="OL41" s="351">
        <v>0</v>
      </c>
      <c r="OM41" s="345">
        <v>31790432</v>
      </c>
      <c r="ON41" s="345">
        <v>47164126</v>
      </c>
      <c r="OO41" s="345">
        <v>68795654</v>
      </c>
      <c r="OP41" s="345">
        <v>60443316</v>
      </c>
      <c r="OQ41" s="345">
        <v>46923264</v>
      </c>
      <c r="OR41" s="349">
        <v>255116792</v>
      </c>
      <c r="OS41" s="354">
        <v>259917892</v>
      </c>
    </row>
    <row r="42" spans="2:409" s="70" customFormat="1" ht="21" customHeight="1" thickBot="1" x14ac:dyDescent="0.25">
      <c r="B42" s="411" t="s">
        <v>37</v>
      </c>
      <c r="C42" s="371">
        <v>178222</v>
      </c>
      <c r="D42" s="372">
        <v>209399</v>
      </c>
      <c r="E42" s="373">
        <v>387621</v>
      </c>
      <c r="F42" s="374">
        <v>0</v>
      </c>
      <c r="G42" s="372">
        <v>1404927</v>
      </c>
      <c r="H42" s="372">
        <v>2168146</v>
      </c>
      <c r="I42" s="372">
        <v>2100309</v>
      </c>
      <c r="J42" s="372">
        <v>1881309</v>
      </c>
      <c r="K42" s="372">
        <v>1602641</v>
      </c>
      <c r="L42" s="374">
        <v>9157332</v>
      </c>
      <c r="M42" s="375">
        <v>9544953</v>
      </c>
      <c r="N42" s="371">
        <v>60479</v>
      </c>
      <c r="O42" s="372">
        <v>88162</v>
      </c>
      <c r="P42" s="373">
        <v>148641</v>
      </c>
      <c r="Q42" s="371">
        <v>0</v>
      </c>
      <c r="R42" s="372">
        <v>315198</v>
      </c>
      <c r="S42" s="372">
        <v>442061</v>
      </c>
      <c r="T42" s="372">
        <v>532951</v>
      </c>
      <c r="U42" s="372">
        <v>295705</v>
      </c>
      <c r="V42" s="372">
        <v>992992</v>
      </c>
      <c r="W42" s="373">
        <v>2578907</v>
      </c>
      <c r="X42" s="375">
        <v>2727548</v>
      </c>
      <c r="Y42" s="371">
        <v>0</v>
      </c>
      <c r="Z42" s="372">
        <v>0</v>
      </c>
      <c r="AA42" s="373">
        <v>0</v>
      </c>
      <c r="AB42" s="371">
        <v>0</v>
      </c>
      <c r="AC42" s="372">
        <v>111926</v>
      </c>
      <c r="AD42" s="372">
        <v>160880</v>
      </c>
      <c r="AE42" s="372">
        <v>350388</v>
      </c>
      <c r="AF42" s="372">
        <v>13275</v>
      </c>
      <c r="AG42" s="372">
        <v>460141</v>
      </c>
      <c r="AH42" s="373">
        <v>1096610</v>
      </c>
      <c r="AI42" s="375">
        <v>1096610</v>
      </c>
      <c r="AJ42" s="371">
        <v>0</v>
      </c>
      <c r="AK42" s="372">
        <v>0</v>
      </c>
      <c r="AL42" s="373">
        <v>0</v>
      </c>
      <c r="AM42" s="371">
        <v>0</v>
      </c>
      <c r="AN42" s="372">
        <v>0</v>
      </c>
      <c r="AO42" s="372">
        <v>0</v>
      </c>
      <c r="AP42" s="372">
        <v>0</v>
      </c>
      <c r="AQ42" s="372">
        <v>0</v>
      </c>
      <c r="AR42" s="372">
        <v>27547</v>
      </c>
      <c r="AS42" s="373">
        <v>27547</v>
      </c>
      <c r="AT42" s="375">
        <v>27547</v>
      </c>
      <c r="AU42" s="371">
        <v>50669</v>
      </c>
      <c r="AV42" s="372">
        <v>88162</v>
      </c>
      <c r="AW42" s="373">
        <v>138831</v>
      </c>
      <c r="AX42" s="371">
        <v>0</v>
      </c>
      <c r="AY42" s="372">
        <v>124875</v>
      </c>
      <c r="AZ42" s="372">
        <v>221769</v>
      </c>
      <c r="BA42" s="372">
        <v>102310</v>
      </c>
      <c r="BB42" s="372">
        <v>148195</v>
      </c>
      <c r="BC42" s="372">
        <v>401116</v>
      </c>
      <c r="BD42" s="373">
        <v>998265</v>
      </c>
      <c r="BE42" s="375">
        <v>1137096</v>
      </c>
      <c r="BF42" s="371">
        <v>0</v>
      </c>
      <c r="BG42" s="372">
        <v>0</v>
      </c>
      <c r="BH42" s="376">
        <v>0</v>
      </c>
      <c r="BI42" s="377">
        <v>0</v>
      </c>
      <c r="BJ42" s="372">
        <v>27223</v>
      </c>
      <c r="BK42" s="372">
        <v>24483</v>
      </c>
      <c r="BL42" s="372">
        <v>0</v>
      </c>
      <c r="BM42" s="372">
        <v>6120</v>
      </c>
      <c r="BN42" s="372">
        <v>26248</v>
      </c>
      <c r="BO42" s="373">
        <v>84074</v>
      </c>
      <c r="BP42" s="375">
        <v>84074</v>
      </c>
      <c r="BQ42" s="371">
        <v>9810</v>
      </c>
      <c r="BR42" s="372">
        <v>0</v>
      </c>
      <c r="BS42" s="373">
        <v>9810</v>
      </c>
      <c r="BT42" s="371">
        <v>0</v>
      </c>
      <c r="BU42" s="372">
        <v>51174</v>
      </c>
      <c r="BV42" s="372">
        <v>34929</v>
      </c>
      <c r="BW42" s="372">
        <v>80253</v>
      </c>
      <c r="BX42" s="372">
        <v>128115</v>
      </c>
      <c r="BY42" s="372">
        <v>77940</v>
      </c>
      <c r="BZ42" s="373">
        <v>372411</v>
      </c>
      <c r="CA42" s="375">
        <v>382221</v>
      </c>
      <c r="CB42" s="371">
        <v>24620</v>
      </c>
      <c r="CC42" s="372">
        <v>47038</v>
      </c>
      <c r="CD42" s="373">
        <v>71658</v>
      </c>
      <c r="CE42" s="371">
        <v>0</v>
      </c>
      <c r="CF42" s="372">
        <v>538715</v>
      </c>
      <c r="CG42" s="372">
        <v>801170</v>
      </c>
      <c r="CH42" s="372">
        <v>665281</v>
      </c>
      <c r="CI42" s="372">
        <v>1081199</v>
      </c>
      <c r="CJ42" s="372">
        <v>184507</v>
      </c>
      <c r="CK42" s="373">
        <v>3270872</v>
      </c>
      <c r="CL42" s="375">
        <v>3342530</v>
      </c>
      <c r="CM42" s="371">
        <v>0</v>
      </c>
      <c r="CN42" s="372">
        <v>0</v>
      </c>
      <c r="CO42" s="373">
        <v>0</v>
      </c>
      <c r="CP42" s="377">
        <v>0</v>
      </c>
      <c r="CQ42" s="372">
        <v>300344</v>
      </c>
      <c r="CR42" s="372">
        <v>339503</v>
      </c>
      <c r="CS42" s="372">
        <v>585327</v>
      </c>
      <c r="CT42" s="372">
        <v>444132</v>
      </c>
      <c r="CU42" s="372">
        <v>86785</v>
      </c>
      <c r="CV42" s="373">
        <v>1756091</v>
      </c>
      <c r="CW42" s="375">
        <v>1756091</v>
      </c>
      <c r="CX42" s="371">
        <v>24620</v>
      </c>
      <c r="CY42" s="372">
        <v>47038</v>
      </c>
      <c r="CZ42" s="373">
        <v>71658</v>
      </c>
      <c r="DA42" s="371">
        <v>0</v>
      </c>
      <c r="DB42" s="372">
        <v>238371</v>
      </c>
      <c r="DC42" s="372">
        <v>461667</v>
      </c>
      <c r="DD42" s="372">
        <v>79954</v>
      </c>
      <c r="DE42" s="372">
        <v>637067</v>
      </c>
      <c r="DF42" s="372">
        <v>97722</v>
      </c>
      <c r="DG42" s="373">
        <v>1514781</v>
      </c>
      <c r="DH42" s="375">
        <v>1586439</v>
      </c>
      <c r="DI42" s="371">
        <v>0</v>
      </c>
      <c r="DJ42" s="372">
        <v>0</v>
      </c>
      <c r="DK42" s="376">
        <v>0</v>
      </c>
      <c r="DL42" s="377">
        <v>0</v>
      </c>
      <c r="DM42" s="372">
        <v>93783</v>
      </c>
      <c r="DN42" s="372">
        <v>26462</v>
      </c>
      <c r="DO42" s="372">
        <v>490768</v>
      </c>
      <c r="DP42" s="372">
        <v>44766</v>
      </c>
      <c r="DQ42" s="372">
        <v>192890</v>
      </c>
      <c r="DR42" s="373">
        <v>848669</v>
      </c>
      <c r="DS42" s="375">
        <v>848669</v>
      </c>
      <c r="DT42" s="371">
        <v>0</v>
      </c>
      <c r="DU42" s="372">
        <v>0</v>
      </c>
      <c r="DV42" s="373">
        <v>0</v>
      </c>
      <c r="DW42" s="371">
        <v>0</v>
      </c>
      <c r="DX42" s="372">
        <v>0</v>
      </c>
      <c r="DY42" s="372">
        <v>26462</v>
      </c>
      <c r="DZ42" s="372">
        <v>490768</v>
      </c>
      <c r="EA42" s="372">
        <v>44766</v>
      </c>
      <c r="EB42" s="372">
        <v>192890</v>
      </c>
      <c r="EC42" s="373">
        <v>754886</v>
      </c>
      <c r="ED42" s="375">
        <v>754886</v>
      </c>
      <c r="EE42" s="371">
        <v>0</v>
      </c>
      <c r="EF42" s="376">
        <v>0</v>
      </c>
      <c r="EG42" s="373">
        <v>0</v>
      </c>
      <c r="EH42" s="371">
        <v>0</v>
      </c>
      <c r="EI42" s="372">
        <v>93783</v>
      </c>
      <c r="EJ42" s="372">
        <v>0</v>
      </c>
      <c r="EK42" s="372">
        <v>0</v>
      </c>
      <c r="EL42" s="372">
        <v>0</v>
      </c>
      <c r="EM42" s="372">
        <v>0</v>
      </c>
      <c r="EN42" s="376">
        <v>93783</v>
      </c>
      <c r="EO42" s="375">
        <v>93783</v>
      </c>
      <c r="EP42" s="371">
        <v>0</v>
      </c>
      <c r="EQ42" s="372">
        <v>0</v>
      </c>
      <c r="ER42" s="376">
        <v>0</v>
      </c>
      <c r="ES42" s="377">
        <v>0</v>
      </c>
      <c r="ET42" s="372">
        <v>0</v>
      </c>
      <c r="EU42" s="372">
        <v>0</v>
      </c>
      <c r="EV42" s="372">
        <v>0</v>
      </c>
      <c r="EW42" s="372">
        <v>0</v>
      </c>
      <c r="EX42" s="372">
        <v>0</v>
      </c>
      <c r="EY42" s="373">
        <v>0</v>
      </c>
      <c r="EZ42" s="375">
        <v>0</v>
      </c>
      <c r="FA42" s="371">
        <v>0</v>
      </c>
      <c r="FB42" s="372">
        <v>0</v>
      </c>
      <c r="FC42" s="376">
        <v>0</v>
      </c>
      <c r="FD42" s="377">
        <v>0</v>
      </c>
      <c r="FE42" s="372">
        <v>0</v>
      </c>
      <c r="FF42" s="372">
        <v>0</v>
      </c>
      <c r="FG42" s="372">
        <v>0</v>
      </c>
      <c r="FH42" s="372">
        <v>0</v>
      </c>
      <c r="FI42" s="372">
        <v>0</v>
      </c>
      <c r="FJ42" s="373">
        <v>0</v>
      </c>
      <c r="FK42" s="375">
        <v>0</v>
      </c>
      <c r="FL42" s="371">
        <v>42930</v>
      </c>
      <c r="FM42" s="372">
        <v>39132</v>
      </c>
      <c r="FN42" s="373">
        <v>82062</v>
      </c>
      <c r="FO42" s="371">
        <v>0</v>
      </c>
      <c r="FP42" s="372">
        <v>137397</v>
      </c>
      <c r="FQ42" s="372">
        <v>413719</v>
      </c>
      <c r="FR42" s="372">
        <v>142677</v>
      </c>
      <c r="FS42" s="372">
        <v>251788</v>
      </c>
      <c r="FT42" s="372">
        <v>113580</v>
      </c>
      <c r="FU42" s="373">
        <v>1059161</v>
      </c>
      <c r="FV42" s="375">
        <v>1141223</v>
      </c>
      <c r="FW42" s="378">
        <v>42930</v>
      </c>
      <c r="FX42" s="372">
        <v>39132</v>
      </c>
      <c r="FY42" s="376">
        <v>82062</v>
      </c>
      <c r="FZ42" s="377">
        <v>0</v>
      </c>
      <c r="GA42" s="372">
        <v>113637</v>
      </c>
      <c r="GB42" s="372">
        <v>413719</v>
      </c>
      <c r="GC42" s="372">
        <v>142677</v>
      </c>
      <c r="GD42" s="372">
        <v>251788</v>
      </c>
      <c r="GE42" s="372">
        <v>113580</v>
      </c>
      <c r="GF42" s="373">
        <v>1035401</v>
      </c>
      <c r="GG42" s="379">
        <v>1117463</v>
      </c>
      <c r="GH42" s="378">
        <v>0</v>
      </c>
      <c r="GI42" s="372">
        <v>0</v>
      </c>
      <c r="GJ42" s="376">
        <v>0</v>
      </c>
      <c r="GK42" s="377">
        <v>0</v>
      </c>
      <c r="GL42" s="372">
        <v>23760</v>
      </c>
      <c r="GM42" s="372">
        <v>0</v>
      </c>
      <c r="GN42" s="372">
        <v>0</v>
      </c>
      <c r="GO42" s="372">
        <v>0</v>
      </c>
      <c r="GP42" s="372">
        <v>0</v>
      </c>
      <c r="GQ42" s="373">
        <v>23760</v>
      </c>
      <c r="GR42" s="375">
        <v>23760</v>
      </c>
      <c r="GS42" s="371">
        <v>0</v>
      </c>
      <c r="GT42" s="372">
        <v>0</v>
      </c>
      <c r="GU42" s="373">
        <v>0</v>
      </c>
      <c r="GV42" s="371">
        <v>0</v>
      </c>
      <c r="GW42" s="372">
        <v>0</v>
      </c>
      <c r="GX42" s="372">
        <v>0</v>
      </c>
      <c r="GY42" s="372">
        <v>0</v>
      </c>
      <c r="GZ42" s="372">
        <v>0</v>
      </c>
      <c r="HA42" s="372">
        <v>0</v>
      </c>
      <c r="HB42" s="376">
        <v>0</v>
      </c>
      <c r="HC42" s="375">
        <v>0</v>
      </c>
      <c r="HD42" s="371">
        <v>0</v>
      </c>
      <c r="HE42" s="372">
        <v>0</v>
      </c>
      <c r="HF42" s="376">
        <v>0</v>
      </c>
      <c r="HG42" s="377">
        <v>0</v>
      </c>
      <c r="HH42" s="372">
        <v>0</v>
      </c>
      <c r="HI42" s="372">
        <v>0</v>
      </c>
      <c r="HJ42" s="372">
        <v>0</v>
      </c>
      <c r="HK42" s="372">
        <v>0</v>
      </c>
      <c r="HL42" s="372">
        <v>0</v>
      </c>
      <c r="HM42" s="373">
        <v>0</v>
      </c>
      <c r="HN42" s="374">
        <v>0</v>
      </c>
      <c r="HO42" s="378">
        <v>50193</v>
      </c>
      <c r="HP42" s="372">
        <v>35067</v>
      </c>
      <c r="HQ42" s="373">
        <v>85260</v>
      </c>
      <c r="HR42" s="371">
        <v>0</v>
      </c>
      <c r="HS42" s="372">
        <v>319834</v>
      </c>
      <c r="HT42" s="372">
        <v>484734</v>
      </c>
      <c r="HU42" s="372">
        <v>268632</v>
      </c>
      <c r="HV42" s="372">
        <v>207851</v>
      </c>
      <c r="HW42" s="372">
        <v>118672</v>
      </c>
      <c r="HX42" s="376">
        <v>1399723</v>
      </c>
      <c r="HY42" s="375">
        <v>1484983</v>
      </c>
      <c r="HZ42" s="380">
        <v>0</v>
      </c>
      <c r="IA42" s="381">
        <v>0</v>
      </c>
      <c r="IB42" s="382">
        <v>0</v>
      </c>
      <c r="IC42" s="383">
        <v>0</v>
      </c>
      <c r="ID42" s="384">
        <v>1382744</v>
      </c>
      <c r="IE42" s="385">
        <v>1064588</v>
      </c>
      <c r="IF42" s="386">
        <v>946591</v>
      </c>
      <c r="IG42" s="384">
        <v>1926278</v>
      </c>
      <c r="IH42" s="386">
        <v>509316</v>
      </c>
      <c r="II42" s="387">
        <v>5829517</v>
      </c>
      <c r="IJ42" s="388">
        <v>5829517</v>
      </c>
      <c r="IK42" s="389">
        <v>0</v>
      </c>
      <c r="IL42" s="390">
        <v>0</v>
      </c>
      <c r="IM42" s="391">
        <v>0</v>
      </c>
      <c r="IN42" s="405">
        <v>0</v>
      </c>
      <c r="IO42" s="392">
        <v>0</v>
      </c>
      <c r="IP42" s="392">
        <v>0</v>
      </c>
      <c r="IQ42" s="392">
        <v>0</v>
      </c>
      <c r="IR42" s="392">
        <v>218687</v>
      </c>
      <c r="IS42" s="392">
        <v>0</v>
      </c>
      <c r="IT42" s="393">
        <v>218687</v>
      </c>
      <c r="IU42" s="394">
        <v>218687</v>
      </c>
      <c r="IV42" s="395">
        <v>0</v>
      </c>
      <c r="IW42" s="392">
        <v>0</v>
      </c>
      <c r="IX42" s="396">
        <v>0</v>
      </c>
      <c r="IY42" s="414">
        <v>0</v>
      </c>
      <c r="IZ42" s="392">
        <v>0</v>
      </c>
      <c r="JA42" s="392">
        <v>0</v>
      </c>
      <c r="JB42" s="392">
        <v>0</v>
      </c>
      <c r="JC42" s="392">
        <v>0</v>
      </c>
      <c r="JD42" s="392">
        <v>0</v>
      </c>
      <c r="JE42" s="396">
        <v>0</v>
      </c>
      <c r="JF42" s="397">
        <v>0</v>
      </c>
      <c r="JG42" s="395">
        <v>0</v>
      </c>
      <c r="JH42" s="392">
        <v>0</v>
      </c>
      <c r="JI42" s="393">
        <v>0</v>
      </c>
      <c r="JJ42" s="398">
        <v>0</v>
      </c>
      <c r="JK42" s="392">
        <v>696202</v>
      </c>
      <c r="JL42" s="392">
        <v>784267</v>
      </c>
      <c r="JM42" s="392">
        <v>657157</v>
      </c>
      <c r="JN42" s="392">
        <v>233431</v>
      </c>
      <c r="JO42" s="392">
        <v>208743</v>
      </c>
      <c r="JP42" s="396">
        <v>2579800</v>
      </c>
      <c r="JQ42" s="394">
        <v>2579800</v>
      </c>
      <c r="JR42" s="395">
        <v>0</v>
      </c>
      <c r="JS42" s="392">
        <v>0</v>
      </c>
      <c r="JT42" s="393">
        <v>0</v>
      </c>
      <c r="JU42" s="398">
        <v>0</v>
      </c>
      <c r="JV42" s="392">
        <v>10068</v>
      </c>
      <c r="JW42" s="392">
        <v>0</v>
      </c>
      <c r="JX42" s="392">
        <v>0</v>
      </c>
      <c r="JY42" s="392">
        <v>0</v>
      </c>
      <c r="JZ42" s="392">
        <v>0</v>
      </c>
      <c r="KA42" s="396">
        <v>10068</v>
      </c>
      <c r="KB42" s="394">
        <v>10068</v>
      </c>
      <c r="KC42" s="399">
        <v>0</v>
      </c>
      <c r="KD42" s="400">
        <v>0</v>
      </c>
      <c r="KE42" s="396">
        <v>0</v>
      </c>
      <c r="KF42" s="398">
        <v>0</v>
      </c>
      <c r="KG42" s="392">
        <v>0</v>
      </c>
      <c r="KH42" s="392">
        <v>0</v>
      </c>
      <c r="KI42" s="392">
        <v>0</v>
      </c>
      <c r="KJ42" s="392">
        <v>0</v>
      </c>
      <c r="KK42" s="392">
        <v>0</v>
      </c>
      <c r="KL42" s="396">
        <v>0</v>
      </c>
      <c r="KM42" s="401">
        <v>0</v>
      </c>
      <c r="KN42" s="389">
        <v>0</v>
      </c>
      <c r="KO42" s="390">
        <v>0</v>
      </c>
      <c r="KP42" s="391">
        <v>0</v>
      </c>
      <c r="KQ42" s="414">
        <v>0</v>
      </c>
      <c r="KR42" s="392">
        <v>676474</v>
      </c>
      <c r="KS42" s="392">
        <v>280321</v>
      </c>
      <c r="KT42" s="392">
        <v>289434</v>
      </c>
      <c r="KU42" s="392">
        <v>1474160</v>
      </c>
      <c r="KV42" s="392">
        <v>300573</v>
      </c>
      <c r="KW42" s="396">
        <v>3020962</v>
      </c>
      <c r="KX42" s="394">
        <v>3020962</v>
      </c>
      <c r="KY42" s="395">
        <v>0</v>
      </c>
      <c r="KZ42" s="392">
        <v>0</v>
      </c>
      <c r="LA42" s="396">
        <v>0</v>
      </c>
      <c r="LB42" s="414">
        <v>0</v>
      </c>
      <c r="LC42" s="392">
        <v>0</v>
      </c>
      <c r="LD42" s="392">
        <v>0</v>
      </c>
      <c r="LE42" s="392">
        <v>0</v>
      </c>
      <c r="LF42" s="392">
        <v>0</v>
      </c>
      <c r="LG42" s="392">
        <v>0</v>
      </c>
      <c r="LH42" s="396">
        <v>0</v>
      </c>
      <c r="LI42" s="397">
        <v>0</v>
      </c>
      <c r="LJ42" s="395">
        <v>0</v>
      </c>
      <c r="LK42" s="392">
        <v>0</v>
      </c>
      <c r="LL42" s="396">
        <v>0</v>
      </c>
      <c r="LM42" s="414">
        <v>0</v>
      </c>
      <c r="LN42" s="392">
        <v>0</v>
      </c>
      <c r="LO42" s="392">
        <v>0</v>
      </c>
      <c r="LP42" s="392">
        <v>0</v>
      </c>
      <c r="LQ42" s="392">
        <v>0</v>
      </c>
      <c r="LR42" s="392">
        <v>0</v>
      </c>
      <c r="LS42" s="396">
        <v>0</v>
      </c>
      <c r="LT42" s="394">
        <v>0</v>
      </c>
      <c r="LU42" s="395">
        <v>0</v>
      </c>
      <c r="LV42" s="392">
        <v>0</v>
      </c>
      <c r="LW42" s="396">
        <v>0</v>
      </c>
      <c r="LX42" s="414">
        <v>0</v>
      </c>
      <c r="LY42" s="392">
        <v>0</v>
      </c>
      <c r="LZ42" s="392">
        <v>0</v>
      </c>
      <c r="MA42" s="392">
        <v>0</v>
      </c>
      <c r="MB42" s="392">
        <v>0</v>
      </c>
      <c r="MC42" s="392">
        <v>0</v>
      </c>
      <c r="MD42" s="396">
        <v>0</v>
      </c>
      <c r="ME42" s="397">
        <v>0</v>
      </c>
      <c r="MF42" s="395">
        <v>0</v>
      </c>
      <c r="MG42" s="392">
        <v>0</v>
      </c>
      <c r="MH42" s="396">
        <v>0</v>
      </c>
      <c r="MI42" s="414">
        <v>0</v>
      </c>
      <c r="MJ42" s="392">
        <v>258177</v>
      </c>
      <c r="MK42" s="392">
        <v>553202</v>
      </c>
      <c r="ML42" s="392">
        <v>3317831</v>
      </c>
      <c r="MM42" s="392">
        <v>3057848</v>
      </c>
      <c r="MN42" s="392">
        <v>4267562</v>
      </c>
      <c r="MO42" s="396">
        <v>11454620</v>
      </c>
      <c r="MP42" s="401">
        <v>11454620</v>
      </c>
      <c r="MQ42" s="395">
        <v>0</v>
      </c>
      <c r="MR42" s="392">
        <v>0</v>
      </c>
      <c r="MS42" s="396">
        <v>0</v>
      </c>
      <c r="MT42" s="414">
        <v>0</v>
      </c>
      <c r="MU42" s="392">
        <v>0</v>
      </c>
      <c r="MV42" s="392">
        <v>0</v>
      </c>
      <c r="MW42" s="392">
        <v>1447323</v>
      </c>
      <c r="MX42" s="392">
        <v>2148534</v>
      </c>
      <c r="MY42" s="392">
        <v>2114244</v>
      </c>
      <c r="MZ42" s="396">
        <v>5710101</v>
      </c>
      <c r="NA42" s="401">
        <v>5710101</v>
      </c>
      <c r="NB42" s="395">
        <v>0</v>
      </c>
      <c r="NC42" s="392">
        <v>0</v>
      </c>
      <c r="ND42" s="396">
        <v>0</v>
      </c>
      <c r="NE42" s="414">
        <v>0</v>
      </c>
      <c r="NF42" s="392">
        <v>258177</v>
      </c>
      <c r="NG42" s="392">
        <v>553202</v>
      </c>
      <c r="NH42" s="392">
        <v>1870508</v>
      </c>
      <c r="NI42" s="392">
        <v>909314</v>
      </c>
      <c r="NJ42" s="392">
        <v>1733988</v>
      </c>
      <c r="NK42" s="396">
        <v>5325189</v>
      </c>
      <c r="NL42" s="394">
        <v>5325189</v>
      </c>
      <c r="NM42" s="395">
        <v>0</v>
      </c>
      <c r="NN42" s="392">
        <v>0</v>
      </c>
      <c r="NO42" s="396">
        <v>0</v>
      </c>
      <c r="NP42" s="414">
        <v>0</v>
      </c>
      <c r="NQ42" s="392">
        <v>0</v>
      </c>
      <c r="NR42" s="392">
        <v>0</v>
      </c>
      <c r="NS42" s="392">
        <v>0</v>
      </c>
      <c r="NT42" s="392">
        <v>0</v>
      </c>
      <c r="NU42" s="392">
        <v>0</v>
      </c>
      <c r="NV42" s="396">
        <v>0</v>
      </c>
      <c r="NW42" s="397">
        <v>0</v>
      </c>
      <c r="NX42" s="395">
        <v>0</v>
      </c>
      <c r="NY42" s="392">
        <v>0</v>
      </c>
      <c r="NZ42" s="396">
        <v>0</v>
      </c>
      <c r="OA42" s="414">
        <v>0</v>
      </c>
      <c r="OB42" s="392">
        <v>0</v>
      </c>
      <c r="OC42" s="392">
        <v>0</v>
      </c>
      <c r="OD42" s="392">
        <v>0</v>
      </c>
      <c r="OE42" s="392">
        <v>0</v>
      </c>
      <c r="OF42" s="392">
        <v>419330</v>
      </c>
      <c r="OG42" s="396">
        <v>419330</v>
      </c>
      <c r="OH42" s="397">
        <v>419330</v>
      </c>
      <c r="OI42" s="395">
        <v>178222</v>
      </c>
      <c r="OJ42" s="392">
        <v>209399</v>
      </c>
      <c r="OK42" s="393">
        <v>387621</v>
      </c>
      <c r="OL42" s="398">
        <v>0</v>
      </c>
      <c r="OM42" s="392">
        <v>3045848</v>
      </c>
      <c r="ON42" s="392">
        <v>3785936</v>
      </c>
      <c r="OO42" s="392">
        <v>6364731</v>
      </c>
      <c r="OP42" s="392">
        <v>6865435</v>
      </c>
      <c r="OQ42" s="392">
        <v>6379519</v>
      </c>
      <c r="OR42" s="396">
        <v>26441469</v>
      </c>
      <c r="OS42" s="401">
        <v>26829090</v>
      </c>
    </row>
    <row r="43" spans="2:409" x14ac:dyDescent="0.2">
      <c r="B43" s="71" t="s">
        <v>84</v>
      </c>
    </row>
  </sheetData>
  <mergeCells count="159">
    <mergeCell ref="OH7:OH8"/>
    <mergeCell ref="OI7:OK7"/>
    <mergeCell ref="OL7:OR7"/>
    <mergeCell ref="OS7:OS8"/>
    <mergeCell ref="NL7:NL8"/>
    <mergeCell ref="NM7:NO7"/>
    <mergeCell ref="NP7:NV7"/>
    <mergeCell ref="NW7:NW8"/>
    <mergeCell ref="NX7:NZ7"/>
    <mergeCell ref="NA7:NA8"/>
    <mergeCell ref="NB7:ND7"/>
    <mergeCell ref="NE7:NK7"/>
    <mergeCell ref="LX7:MD7"/>
    <mergeCell ref="ME7:ME8"/>
    <mergeCell ref="MF7:MH7"/>
    <mergeCell ref="MI7:MO7"/>
    <mergeCell ref="MP7:MP8"/>
    <mergeCell ref="OA7:OG7"/>
    <mergeCell ref="LI7:LI8"/>
    <mergeCell ref="LJ7:LL7"/>
    <mergeCell ref="KC7:KE7"/>
    <mergeCell ref="KF7:KL7"/>
    <mergeCell ref="KM7:KM8"/>
    <mergeCell ref="KN7:KP7"/>
    <mergeCell ref="KQ7:KW7"/>
    <mergeCell ref="MQ7:MS7"/>
    <mergeCell ref="MT7:MZ7"/>
    <mergeCell ref="OI4:OS6"/>
    <mergeCell ref="HZ5:IJ6"/>
    <mergeCell ref="IK5:IU6"/>
    <mergeCell ref="IV5:JF6"/>
    <mergeCell ref="JG5:JQ6"/>
    <mergeCell ref="JR5:KB6"/>
    <mergeCell ref="KC5:KM6"/>
    <mergeCell ref="KN5:KX6"/>
    <mergeCell ref="KY5:LI6"/>
    <mergeCell ref="LJ5:LT6"/>
    <mergeCell ref="LU5:ME6"/>
    <mergeCell ref="MF5:MP6"/>
    <mergeCell ref="MQ5:NA6"/>
    <mergeCell ref="NB5:NL6"/>
    <mergeCell ref="NM5:NW6"/>
    <mergeCell ref="MF4:OH4"/>
    <mergeCell ref="ID1:IE1"/>
    <mergeCell ref="HZ4:ME4"/>
    <mergeCell ref="JJ7:JP7"/>
    <mergeCell ref="JQ7:JQ8"/>
    <mergeCell ref="JR7:JT7"/>
    <mergeCell ref="JU7:KA7"/>
    <mergeCell ref="KB7:KB8"/>
    <mergeCell ref="NX5:OH6"/>
    <mergeCell ref="LM7:LS7"/>
    <mergeCell ref="LT7:LT8"/>
    <mergeCell ref="LU7:LW7"/>
    <mergeCell ref="IU7:IU8"/>
    <mergeCell ref="IV7:IX7"/>
    <mergeCell ref="IY7:JE7"/>
    <mergeCell ref="JF7:JF8"/>
    <mergeCell ref="JG7:JI7"/>
    <mergeCell ref="HZ7:IB7"/>
    <mergeCell ref="IC7:II7"/>
    <mergeCell ref="IJ7:IJ8"/>
    <mergeCell ref="IK7:IM7"/>
    <mergeCell ref="IN7:IT7"/>
    <mergeCell ref="KX7:KX8"/>
    <mergeCell ref="KY7:LA7"/>
    <mergeCell ref="LB7:LH7"/>
    <mergeCell ref="CL7:CL8"/>
    <mergeCell ref="BI7:BO7"/>
    <mergeCell ref="BP7:BP8"/>
    <mergeCell ref="BQ7:BS7"/>
    <mergeCell ref="BT7:BZ7"/>
    <mergeCell ref="BF7:BH7"/>
    <mergeCell ref="CA7:CA8"/>
    <mergeCell ref="CB7:CD7"/>
    <mergeCell ref="CE7:CK7"/>
    <mergeCell ref="DT7:DV7"/>
    <mergeCell ref="DW7:EC7"/>
    <mergeCell ref="ED7:ED8"/>
    <mergeCell ref="DL7:DR7"/>
    <mergeCell ref="CM7:CO7"/>
    <mergeCell ref="CP7:CV7"/>
    <mergeCell ref="CW7:CW8"/>
    <mergeCell ref="CX7:CZ7"/>
    <mergeCell ref="DA7:DG7"/>
    <mergeCell ref="DH7:DH8"/>
    <mergeCell ref="DI7:DK7"/>
    <mergeCell ref="HY7:HY8"/>
    <mergeCell ref="HG7:HM7"/>
    <mergeCell ref="HN7:HN8"/>
    <mergeCell ref="HO7:HQ7"/>
    <mergeCell ref="HR7:HX7"/>
    <mergeCell ref="FL7:FN7"/>
    <mergeCell ref="FO7:FU7"/>
    <mergeCell ref="EE7:EG7"/>
    <mergeCell ref="EH7:EN7"/>
    <mergeCell ref="EO7:EO8"/>
    <mergeCell ref="EP7:ER7"/>
    <mergeCell ref="GS7:GU7"/>
    <mergeCell ref="GV7:HB7"/>
    <mergeCell ref="HC7:HC8"/>
    <mergeCell ref="HD7:HF7"/>
    <mergeCell ref="FV7:FV8"/>
    <mergeCell ref="FW7:FY7"/>
    <mergeCell ref="FZ7:GF7"/>
    <mergeCell ref="GG7:GG8"/>
    <mergeCell ref="GR7:GR8"/>
    <mergeCell ref="GK7:GQ7"/>
    <mergeCell ref="GH7:GJ7"/>
    <mergeCell ref="FA7:FC7"/>
    <mergeCell ref="FD7:FJ7"/>
    <mergeCell ref="B4:B8"/>
    <mergeCell ref="C4:M6"/>
    <mergeCell ref="N4:HY4"/>
    <mergeCell ref="N5:CA5"/>
    <mergeCell ref="CB5:DH5"/>
    <mergeCell ref="FL5:HC5"/>
    <mergeCell ref="HD5:HN6"/>
    <mergeCell ref="HO5:HY6"/>
    <mergeCell ref="Y6:AI6"/>
    <mergeCell ref="Q7:W7"/>
    <mergeCell ref="X7:X8"/>
    <mergeCell ref="Y7:AA7"/>
    <mergeCell ref="AB7:AH7"/>
    <mergeCell ref="C7:E7"/>
    <mergeCell ref="F7:L7"/>
    <mergeCell ref="M7:M8"/>
    <mergeCell ref="N7:P7"/>
    <mergeCell ref="AU7:AW7"/>
    <mergeCell ref="AX7:BD7"/>
    <mergeCell ref="BE7:BE8"/>
    <mergeCell ref="AI7:AI8"/>
    <mergeCell ref="AJ7:AL7"/>
    <mergeCell ref="AM7:AS7"/>
    <mergeCell ref="AT7:AT8"/>
    <mergeCell ref="G1:H1"/>
    <mergeCell ref="FK7:FK8"/>
    <mergeCell ref="DI5:FK5"/>
    <mergeCell ref="GS6:HC6"/>
    <mergeCell ref="GH6:GR6"/>
    <mergeCell ref="N6:X6"/>
    <mergeCell ref="CB6:CL6"/>
    <mergeCell ref="DI6:DS6"/>
    <mergeCell ref="DT6:ED6"/>
    <mergeCell ref="EE6:EO6"/>
    <mergeCell ref="EP6:EZ6"/>
    <mergeCell ref="FL6:FV6"/>
    <mergeCell ref="FW6:GG6"/>
    <mergeCell ref="FA6:FK6"/>
    <mergeCell ref="CX6:DH6"/>
    <mergeCell ref="BQ6:CA6"/>
    <mergeCell ref="CM6:CW6"/>
    <mergeCell ref="AJ6:AT6"/>
    <mergeCell ref="AU6:BE6"/>
    <mergeCell ref="BF6:BP6"/>
    <mergeCell ref="G2:H2"/>
    <mergeCell ref="ES7:EY7"/>
    <mergeCell ref="EZ7:EZ8"/>
    <mergeCell ref="DS7:DS8"/>
  </mergeCells>
  <phoneticPr fontId="4"/>
  <pageMargins left="0.78740157480314965" right="0.78740157480314965" top="0.39370078740157483" bottom="0.43307086614173229" header="0.19685039370078741" footer="0.19685039370078741"/>
  <pageSetup paperSize="9" scale="55" orientation="landscape" r:id="rId1"/>
  <headerFooter alignWithMargins="0">
    <oddFooter>&amp;L&amp;20&amp;A&amp;C&amp;P/&amp;N</oddFooter>
  </headerFooter>
  <colBreaks count="9" manualBreakCount="9">
    <brk id="24" max="1048575" man="1"/>
    <brk id="46" max="1048575" man="1"/>
    <brk id="68" max="1048575" man="1"/>
    <brk id="90" max="1048575" man="1"/>
    <brk id="112" max="1048575" man="1"/>
    <brk id="134" max="1048575" man="1"/>
    <brk id="167" max="1048575" man="1"/>
    <brk id="189" max="1048575" man="1"/>
    <brk id="211" max="1048575" man="1"/>
  </col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OS43"/>
  <sheetViews>
    <sheetView zoomScaleNormal="100" workbookViewId="0">
      <pane xSplit="2" ySplit="9" topLeftCell="C10" activePane="bottomRight" state="frozen"/>
      <selection activeCell="F37" sqref="F37"/>
      <selection pane="topRight" activeCell="F37" sqref="F37"/>
      <selection pane="bottomLeft" activeCell="F37" sqref="F37"/>
      <selection pane="bottomRight" activeCell="C9" sqref="C9"/>
    </sheetView>
  </sheetViews>
  <sheetFormatPr defaultColWidth="8.21875" defaultRowHeight="13.2" x14ac:dyDescent="0.2"/>
  <cols>
    <col min="1" max="1" width="3.77734375" style="71" customWidth="1"/>
    <col min="2" max="2" width="9.77734375" style="71" customWidth="1"/>
    <col min="3" max="3" width="8.21875" style="71" customWidth="1"/>
    <col min="4" max="5" width="10" style="71" customWidth="1"/>
    <col min="6" max="6" width="7.21875" style="71" customWidth="1"/>
    <col min="7" max="8" width="10" style="71" customWidth="1"/>
    <col min="9" max="9" width="9.88671875" style="71" customWidth="1"/>
    <col min="10" max="10" width="9.77734375" style="71" customWidth="1"/>
    <col min="11" max="11" width="9.88671875" style="71" customWidth="1"/>
    <col min="12" max="12" width="10.88671875" style="71" customWidth="1"/>
    <col min="13" max="13" width="11.109375" style="71" customWidth="1"/>
    <col min="14" max="16" width="8.21875" style="71" customWidth="1"/>
    <col min="17" max="17" width="7.21875" style="71" customWidth="1"/>
    <col min="18" max="18" width="10" style="71" customWidth="1"/>
    <col min="19" max="19" width="10.109375" style="71" customWidth="1"/>
    <col min="20" max="20" width="9.109375" style="71" customWidth="1"/>
    <col min="21" max="21" width="9.77734375" style="71" customWidth="1"/>
    <col min="22" max="22" width="10.33203125" style="71" customWidth="1"/>
    <col min="23" max="23" width="10.44140625" style="71" customWidth="1"/>
    <col min="24" max="24" width="11" style="71" customWidth="1"/>
    <col min="25" max="27" width="8.21875" style="71" customWidth="1"/>
    <col min="28" max="28" width="7" style="71" customWidth="1"/>
    <col min="29" max="33" width="8.21875" style="71" customWidth="1"/>
    <col min="34" max="34" width="10.6640625" style="71" customWidth="1"/>
    <col min="35" max="35" width="10" style="71" customWidth="1"/>
    <col min="36" max="38" width="8.21875" style="71" customWidth="1"/>
    <col min="39" max="39" width="7" style="71" customWidth="1"/>
    <col min="40" max="49" width="8.21875" style="71" customWidth="1"/>
    <col min="50" max="50" width="7.21875" style="71" customWidth="1"/>
    <col min="51" max="55" width="8.21875" style="71" customWidth="1"/>
    <col min="56" max="57" width="9.33203125" style="71" customWidth="1"/>
    <col min="58" max="60" width="8.21875" style="71" customWidth="1"/>
    <col min="61" max="61" width="6.88671875" style="71" customWidth="1"/>
    <col min="62" max="71" width="8.21875" style="71" customWidth="1"/>
    <col min="72" max="72" width="7.21875" style="71" customWidth="1"/>
    <col min="73" max="79" width="8.21875" style="71" customWidth="1"/>
    <col min="80" max="82" width="8.21875" style="247" customWidth="1"/>
    <col min="83" max="83" width="7.6640625" style="247" customWidth="1"/>
    <col min="84" max="84" width="9.88671875" style="247" customWidth="1"/>
    <col min="85" max="85" width="10" style="247" customWidth="1"/>
    <col min="86" max="86" width="9.77734375" style="247" customWidth="1"/>
    <col min="87" max="87" width="9.21875" style="247" customWidth="1"/>
    <col min="88" max="88" width="8.77734375" style="247" customWidth="1"/>
    <col min="89" max="89" width="9.88671875" style="247" customWidth="1"/>
    <col min="90" max="90" width="9.77734375" style="247" customWidth="1"/>
    <col min="91" max="93" width="8.21875" style="71" customWidth="1"/>
    <col min="94" max="94" width="7.33203125" style="71" customWidth="1"/>
    <col min="95" max="95" width="9.88671875" style="71" bestFit="1" customWidth="1"/>
    <col min="96" max="96" width="10" style="71" customWidth="1"/>
    <col min="97" max="97" width="9.6640625" style="71" customWidth="1"/>
    <col min="98" max="99" width="8.21875" style="71" customWidth="1"/>
    <col min="100" max="101" width="9.88671875" style="71" customWidth="1"/>
    <col min="102" max="104" width="8.21875" style="71" customWidth="1"/>
    <col min="105" max="105" width="7.44140625" style="71" customWidth="1"/>
    <col min="106" max="110" width="8.21875" style="71" customWidth="1"/>
    <col min="111" max="111" width="10" style="71" customWidth="1"/>
    <col min="112" max="112" width="9.88671875" style="71" customWidth="1"/>
    <col min="113" max="115" width="8.21875" style="247" customWidth="1"/>
    <col min="116" max="116" width="7.21875" style="247" customWidth="1"/>
    <col min="117" max="121" width="8.21875" style="247" customWidth="1"/>
    <col min="122" max="122" width="10.109375" style="247" customWidth="1"/>
    <col min="123" max="123" width="9.77734375" style="247" customWidth="1"/>
    <col min="124" max="126" width="8.21875" style="71" customWidth="1"/>
    <col min="127" max="127" width="7.33203125" style="71" customWidth="1"/>
    <col min="128" max="132" width="8.21875" style="71" customWidth="1"/>
    <col min="133" max="133" width="10.33203125" style="71" customWidth="1"/>
    <col min="134" max="134" width="10.109375" style="71" customWidth="1"/>
    <col min="135" max="137" width="8.21875" style="71" customWidth="1"/>
    <col min="138" max="138" width="7.109375" style="71" customWidth="1"/>
    <col min="139" max="148" width="8.21875" style="71" customWidth="1"/>
    <col min="149" max="149" width="7.21875" style="71" customWidth="1"/>
    <col min="150" max="159" width="8.21875" style="71" customWidth="1"/>
    <col min="160" max="160" width="7.21875" style="71" customWidth="1"/>
    <col min="161" max="167" width="8.21875" style="71" customWidth="1"/>
    <col min="168" max="170" width="8.21875" style="247" customWidth="1"/>
    <col min="171" max="171" width="6.6640625" style="247" customWidth="1"/>
    <col min="172" max="176" width="8.21875" style="247" customWidth="1"/>
    <col min="177" max="177" width="10.109375" style="247" customWidth="1"/>
    <col min="178" max="178" width="9.88671875" style="247" customWidth="1"/>
    <col min="179" max="181" width="8.21875" style="71" customWidth="1"/>
    <col min="182" max="182" width="7.33203125" style="71" customWidth="1"/>
    <col min="183" max="187" width="8.21875" style="71" customWidth="1"/>
    <col min="188" max="188" width="10" style="71" customWidth="1"/>
    <col min="189" max="189" width="10.6640625" style="71" customWidth="1"/>
    <col min="190" max="192" width="8.21875" style="71" customWidth="1"/>
    <col min="193" max="193" width="7.21875" style="71" customWidth="1"/>
    <col min="194" max="203" width="8.21875" style="71" customWidth="1"/>
    <col min="204" max="204" width="7.109375" style="71" customWidth="1"/>
    <col min="205" max="214" width="8.21875" style="71" customWidth="1"/>
    <col min="215" max="215" width="7.109375" style="71" customWidth="1"/>
    <col min="216" max="220" width="8.21875" style="71" customWidth="1"/>
    <col min="221" max="222" width="9.77734375" style="71" customWidth="1"/>
    <col min="223" max="225" width="8.21875" style="71" customWidth="1"/>
    <col min="226" max="226" width="7.21875" style="71" customWidth="1"/>
    <col min="227" max="231" width="8.21875" style="71" customWidth="1"/>
    <col min="232" max="233" width="10" style="71" customWidth="1"/>
    <col min="234" max="235" width="7.44140625" style="247" customWidth="1"/>
    <col min="236" max="236" width="9.33203125" style="247" customWidth="1"/>
    <col min="237" max="237" width="7.44140625" style="247" customWidth="1"/>
    <col min="238" max="244" width="10.109375" style="247" customWidth="1"/>
    <col min="245" max="247" width="10.109375" style="71" customWidth="1"/>
    <col min="248" max="248" width="7.109375" style="71" customWidth="1"/>
    <col min="249" max="258" width="10.109375" style="71" customWidth="1"/>
    <col min="259" max="259" width="7.33203125" style="71" customWidth="1"/>
    <col min="260" max="269" width="10.109375" style="71" customWidth="1"/>
    <col min="270" max="270" width="7.21875" style="71" customWidth="1"/>
    <col min="271" max="280" width="10.109375" style="71" customWidth="1"/>
    <col min="281" max="281" width="7.6640625" style="71" customWidth="1"/>
    <col min="282" max="291" width="10.109375" style="71" customWidth="1"/>
    <col min="292" max="292" width="6.33203125" style="71" customWidth="1"/>
    <col min="293" max="302" width="10.109375" style="71" customWidth="1"/>
    <col min="303" max="303" width="7.44140625" style="71" customWidth="1"/>
    <col min="304" max="310" width="10.109375" style="71" customWidth="1"/>
    <col min="311" max="313" width="10.109375" style="247" customWidth="1"/>
    <col min="314" max="314" width="7.109375" style="247" customWidth="1"/>
    <col min="315" max="324" width="10.109375" style="247" customWidth="1"/>
    <col min="325" max="325" width="7.44140625" style="247" customWidth="1"/>
    <col min="326" max="335" width="10.109375" style="247" customWidth="1"/>
    <col min="336" max="336" width="6.88671875" style="247" customWidth="1"/>
    <col min="337" max="343" width="10.109375" style="247" customWidth="1"/>
    <col min="344" max="346" width="10.109375" style="71" customWidth="1"/>
    <col min="347" max="347" width="7.21875" style="71" customWidth="1"/>
    <col min="348" max="357" width="10.109375" style="71" customWidth="1"/>
    <col min="358" max="358" width="7.21875" style="71" customWidth="1"/>
    <col min="359" max="368" width="10.109375" style="71" customWidth="1"/>
    <col min="369" max="369" width="7" style="71" customWidth="1"/>
    <col min="370" max="379" width="10.109375" style="71" customWidth="1"/>
    <col min="380" max="380" width="6.88671875" style="71" customWidth="1"/>
    <col min="381" max="385" width="10.109375" style="71" customWidth="1"/>
    <col min="386" max="387" width="10.33203125" style="71" customWidth="1"/>
    <col min="388" max="390" width="10.109375" style="71" customWidth="1"/>
    <col min="391" max="391" width="6.88671875" style="71" customWidth="1"/>
    <col min="392" max="396" width="10.109375" style="71" customWidth="1"/>
    <col min="397" max="398" width="10.33203125" style="71" customWidth="1"/>
    <col min="399" max="401" width="9.21875" style="71" customWidth="1"/>
    <col min="402" max="402" width="7" style="71" customWidth="1"/>
    <col min="403" max="404" width="9.21875" style="71" customWidth="1"/>
    <col min="405" max="405" width="10.44140625" style="71" customWidth="1"/>
    <col min="406" max="406" width="12.109375" style="71" customWidth="1"/>
    <col min="407" max="407" width="10.109375" style="71" customWidth="1"/>
    <col min="408" max="409" width="10.33203125" style="71" customWidth="1"/>
    <col min="410" max="16384" width="8.21875" style="71"/>
  </cols>
  <sheetData>
    <row r="1" spans="1:409" ht="24" customHeight="1" x14ac:dyDescent="0.2">
      <c r="B1" s="10" t="s">
        <v>132</v>
      </c>
      <c r="E1" s="63">
        <f>第１表!F2</f>
        <v>7</v>
      </c>
      <c r="F1" s="16">
        <f>第１表!G2</f>
        <v>3</v>
      </c>
      <c r="G1" s="531">
        <f>IF(F1&lt;3,F1-2+12,F1-2)</f>
        <v>1</v>
      </c>
      <c r="H1" s="531"/>
      <c r="IB1" s="42"/>
      <c r="IC1" s="22"/>
      <c r="ID1" s="542"/>
      <c r="IE1" s="542"/>
    </row>
    <row r="2" spans="1:409" ht="24" customHeight="1" x14ac:dyDescent="0.2">
      <c r="B2" s="10" t="s">
        <v>143</v>
      </c>
      <c r="E2" s="19"/>
      <c r="F2" s="20"/>
      <c r="G2" s="248"/>
      <c r="H2" s="248"/>
      <c r="IB2" s="21"/>
      <c r="IC2" s="22"/>
      <c r="ID2" s="248"/>
      <c r="IE2" s="248"/>
    </row>
    <row r="3" spans="1:409" ht="24" customHeight="1" thickBot="1" x14ac:dyDescent="0.25">
      <c r="B3" s="10" t="s">
        <v>133</v>
      </c>
    </row>
    <row r="4" spans="1:409" ht="21" customHeight="1" thickBot="1" x14ac:dyDescent="0.25">
      <c r="B4" s="547" t="s">
        <v>42</v>
      </c>
      <c r="C4" s="550" t="s">
        <v>63</v>
      </c>
      <c r="D4" s="550"/>
      <c r="E4" s="550"/>
      <c r="F4" s="550"/>
      <c r="G4" s="550"/>
      <c r="H4" s="550"/>
      <c r="I4" s="550"/>
      <c r="J4" s="550"/>
      <c r="K4" s="550"/>
      <c r="L4" s="550"/>
      <c r="M4" s="550"/>
      <c r="N4" s="508"/>
      <c r="O4" s="508"/>
      <c r="P4" s="508"/>
      <c r="Q4" s="508"/>
      <c r="R4" s="508"/>
      <c r="S4" s="508"/>
      <c r="T4" s="508"/>
      <c r="U4" s="508"/>
      <c r="V4" s="508"/>
      <c r="W4" s="508"/>
      <c r="X4" s="508"/>
      <c r="Y4" s="508"/>
      <c r="Z4" s="508"/>
      <c r="AA4" s="508"/>
      <c r="AB4" s="508"/>
      <c r="AC4" s="508"/>
      <c r="AD4" s="508"/>
      <c r="AE4" s="508"/>
      <c r="AF4" s="508"/>
      <c r="AG4" s="508"/>
      <c r="AH4" s="508"/>
      <c r="AI4" s="508"/>
      <c r="AJ4" s="508"/>
      <c r="AK4" s="508"/>
      <c r="AL4" s="508"/>
      <c r="AM4" s="508"/>
      <c r="AN4" s="508"/>
      <c r="AO4" s="508"/>
      <c r="AP4" s="508"/>
      <c r="AQ4" s="508"/>
      <c r="AR4" s="508"/>
      <c r="AS4" s="508"/>
      <c r="AT4" s="508"/>
      <c r="AU4" s="508"/>
      <c r="AV4" s="508"/>
      <c r="AW4" s="508"/>
      <c r="AX4" s="508"/>
      <c r="AY4" s="508"/>
      <c r="AZ4" s="508"/>
      <c r="BA4" s="508"/>
      <c r="BB4" s="508"/>
      <c r="BC4" s="508"/>
      <c r="BD4" s="508"/>
      <c r="BE4" s="508"/>
      <c r="BF4" s="508"/>
      <c r="BG4" s="508"/>
      <c r="BH4" s="508"/>
      <c r="BI4" s="508"/>
      <c r="BJ4" s="508"/>
      <c r="BK4" s="508"/>
      <c r="BL4" s="508"/>
      <c r="BM4" s="508"/>
      <c r="BN4" s="508"/>
      <c r="BO4" s="508"/>
      <c r="BP4" s="508"/>
      <c r="BQ4" s="508"/>
      <c r="BR4" s="508"/>
      <c r="BS4" s="508"/>
      <c r="BT4" s="508"/>
      <c r="BU4" s="508"/>
      <c r="BV4" s="508"/>
      <c r="BW4" s="508"/>
      <c r="BX4" s="508"/>
      <c r="BY4" s="508"/>
      <c r="BZ4" s="508"/>
      <c r="CA4" s="508"/>
      <c r="CB4" s="508"/>
      <c r="CC4" s="508"/>
      <c r="CD4" s="508"/>
      <c r="CE4" s="508"/>
      <c r="CF4" s="508"/>
      <c r="CG4" s="508"/>
      <c r="CH4" s="508"/>
      <c r="CI4" s="508"/>
      <c r="CJ4" s="508"/>
      <c r="CK4" s="508"/>
      <c r="CL4" s="508"/>
      <c r="CM4" s="508"/>
      <c r="CN4" s="508"/>
      <c r="CO4" s="508"/>
      <c r="CP4" s="508"/>
      <c r="CQ4" s="508"/>
      <c r="CR4" s="508"/>
      <c r="CS4" s="508"/>
      <c r="CT4" s="508"/>
      <c r="CU4" s="508"/>
      <c r="CV4" s="508"/>
      <c r="CW4" s="508"/>
      <c r="CX4" s="508"/>
      <c r="CY4" s="508"/>
      <c r="CZ4" s="508"/>
      <c r="DA4" s="508"/>
      <c r="DB4" s="508"/>
      <c r="DC4" s="508"/>
      <c r="DD4" s="508"/>
      <c r="DE4" s="508"/>
      <c r="DF4" s="508"/>
      <c r="DG4" s="508"/>
      <c r="DH4" s="508"/>
      <c r="DI4" s="508"/>
      <c r="DJ4" s="508"/>
      <c r="DK4" s="508"/>
      <c r="DL4" s="508"/>
      <c r="DM4" s="508"/>
      <c r="DN4" s="508"/>
      <c r="DO4" s="508"/>
      <c r="DP4" s="508"/>
      <c r="DQ4" s="508"/>
      <c r="DR4" s="508"/>
      <c r="DS4" s="508"/>
      <c r="DT4" s="508"/>
      <c r="DU4" s="508"/>
      <c r="DV4" s="508"/>
      <c r="DW4" s="508"/>
      <c r="DX4" s="508"/>
      <c r="DY4" s="508"/>
      <c r="DZ4" s="508"/>
      <c r="EA4" s="508"/>
      <c r="EB4" s="508"/>
      <c r="EC4" s="508"/>
      <c r="ED4" s="508"/>
      <c r="EE4" s="508"/>
      <c r="EF4" s="508"/>
      <c r="EG4" s="508"/>
      <c r="EH4" s="508"/>
      <c r="EI4" s="508"/>
      <c r="EJ4" s="508"/>
      <c r="EK4" s="508"/>
      <c r="EL4" s="508"/>
      <c r="EM4" s="508"/>
      <c r="EN4" s="508"/>
      <c r="EO4" s="508"/>
      <c r="EP4" s="508"/>
      <c r="EQ4" s="508"/>
      <c r="ER4" s="508"/>
      <c r="ES4" s="508"/>
      <c r="ET4" s="508"/>
      <c r="EU4" s="508"/>
      <c r="EV4" s="508"/>
      <c r="EW4" s="508"/>
      <c r="EX4" s="508"/>
      <c r="EY4" s="508"/>
      <c r="EZ4" s="508"/>
      <c r="FA4" s="508"/>
      <c r="FB4" s="508"/>
      <c r="FC4" s="508"/>
      <c r="FD4" s="508"/>
      <c r="FE4" s="508"/>
      <c r="FF4" s="508"/>
      <c r="FG4" s="508"/>
      <c r="FH4" s="508"/>
      <c r="FI4" s="508"/>
      <c r="FJ4" s="508"/>
      <c r="FK4" s="508"/>
      <c r="FL4" s="508"/>
      <c r="FM4" s="508"/>
      <c r="FN4" s="508"/>
      <c r="FO4" s="508"/>
      <c r="FP4" s="508"/>
      <c r="FQ4" s="508"/>
      <c r="FR4" s="508"/>
      <c r="FS4" s="508"/>
      <c r="FT4" s="508"/>
      <c r="FU4" s="508"/>
      <c r="FV4" s="508"/>
      <c r="FW4" s="508"/>
      <c r="FX4" s="508"/>
      <c r="FY4" s="508"/>
      <c r="FZ4" s="508"/>
      <c r="GA4" s="508"/>
      <c r="GB4" s="508"/>
      <c r="GC4" s="508"/>
      <c r="GD4" s="508"/>
      <c r="GE4" s="508"/>
      <c r="GF4" s="508"/>
      <c r="GG4" s="508"/>
      <c r="GH4" s="508"/>
      <c r="GI4" s="508"/>
      <c r="GJ4" s="508"/>
      <c r="GK4" s="508"/>
      <c r="GL4" s="508"/>
      <c r="GM4" s="508"/>
      <c r="GN4" s="508"/>
      <c r="GO4" s="508"/>
      <c r="GP4" s="508"/>
      <c r="GQ4" s="508"/>
      <c r="GR4" s="508"/>
      <c r="GS4" s="508"/>
      <c r="GT4" s="508"/>
      <c r="GU4" s="508"/>
      <c r="GV4" s="508"/>
      <c r="GW4" s="508"/>
      <c r="GX4" s="508"/>
      <c r="GY4" s="508"/>
      <c r="GZ4" s="508"/>
      <c r="HA4" s="508"/>
      <c r="HB4" s="508"/>
      <c r="HC4" s="508"/>
      <c r="HD4" s="508"/>
      <c r="HE4" s="508"/>
      <c r="HF4" s="508"/>
      <c r="HG4" s="508"/>
      <c r="HH4" s="508"/>
      <c r="HI4" s="508"/>
      <c r="HJ4" s="508"/>
      <c r="HK4" s="508"/>
      <c r="HL4" s="508"/>
      <c r="HM4" s="508"/>
      <c r="HN4" s="508"/>
      <c r="HO4" s="508"/>
      <c r="HP4" s="508"/>
      <c r="HQ4" s="508"/>
      <c r="HR4" s="508"/>
      <c r="HS4" s="508"/>
      <c r="HT4" s="508"/>
      <c r="HU4" s="508"/>
      <c r="HV4" s="508"/>
      <c r="HW4" s="508"/>
      <c r="HX4" s="508"/>
      <c r="HY4" s="509"/>
      <c r="HZ4" s="439" t="s">
        <v>85</v>
      </c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0"/>
      <c r="JR4" s="440"/>
      <c r="JS4" s="440"/>
      <c r="JT4" s="440"/>
      <c r="JU4" s="440"/>
      <c r="JV4" s="440"/>
      <c r="JW4" s="440"/>
      <c r="JX4" s="440"/>
      <c r="JY4" s="440"/>
      <c r="JZ4" s="440"/>
      <c r="KA4" s="440"/>
      <c r="KB4" s="440"/>
      <c r="KC4" s="440"/>
      <c r="KD4" s="440"/>
      <c r="KE4" s="440"/>
      <c r="KF4" s="440"/>
      <c r="KG4" s="440"/>
      <c r="KH4" s="440"/>
      <c r="KI4" s="440"/>
      <c r="KJ4" s="440"/>
      <c r="KK4" s="440"/>
      <c r="KL4" s="440"/>
      <c r="KM4" s="440"/>
      <c r="KN4" s="440"/>
      <c r="KO4" s="440"/>
      <c r="KP4" s="440"/>
      <c r="KQ4" s="440"/>
      <c r="KR4" s="440"/>
      <c r="KS4" s="440"/>
      <c r="KT4" s="440"/>
      <c r="KU4" s="440"/>
      <c r="KV4" s="440"/>
      <c r="KW4" s="440"/>
      <c r="KX4" s="440"/>
      <c r="KY4" s="440"/>
      <c r="KZ4" s="440"/>
      <c r="LA4" s="440"/>
      <c r="LB4" s="440"/>
      <c r="LC4" s="440"/>
      <c r="LD4" s="440"/>
      <c r="LE4" s="440"/>
      <c r="LF4" s="440"/>
      <c r="LG4" s="440"/>
      <c r="LH4" s="440"/>
      <c r="LI4" s="440"/>
      <c r="LJ4" s="440"/>
      <c r="LK4" s="440"/>
      <c r="LL4" s="440"/>
      <c r="LM4" s="440"/>
      <c r="LN4" s="440"/>
      <c r="LO4" s="440"/>
      <c r="LP4" s="440"/>
      <c r="LQ4" s="440"/>
      <c r="LR4" s="440"/>
      <c r="LS4" s="440"/>
      <c r="LT4" s="440"/>
      <c r="LU4" s="440"/>
      <c r="LV4" s="440"/>
      <c r="LW4" s="440"/>
      <c r="LX4" s="440"/>
      <c r="LY4" s="440"/>
      <c r="LZ4" s="440"/>
      <c r="MA4" s="440"/>
      <c r="MB4" s="440"/>
      <c r="MC4" s="440"/>
      <c r="MD4" s="440"/>
      <c r="ME4" s="441"/>
      <c r="MF4" s="439" t="s">
        <v>86</v>
      </c>
      <c r="MG4" s="440"/>
      <c r="MH4" s="440"/>
      <c r="MI4" s="440"/>
      <c r="MJ4" s="440"/>
      <c r="MK4" s="440"/>
      <c r="ML4" s="440"/>
      <c r="MM4" s="440"/>
      <c r="MN4" s="440"/>
      <c r="MO4" s="440"/>
      <c r="MP4" s="440"/>
      <c r="MQ4" s="440"/>
      <c r="MR4" s="440"/>
      <c r="MS4" s="440"/>
      <c r="MT4" s="440"/>
      <c r="MU4" s="440"/>
      <c r="MV4" s="440"/>
      <c r="MW4" s="440"/>
      <c r="MX4" s="440"/>
      <c r="MY4" s="440"/>
      <c r="MZ4" s="440"/>
      <c r="NA4" s="440"/>
      <c r="NB4" s="440"/>
      <c r="NC4" s="440"/>
      <c r="ND4" s="440"/>
      <c r="NE4" s="440"/>
      <c r="NF4" s="440"/>
      <c r="NG4" s="440"/>
      <c r="NH4" s="440"/>
      <c r="NI4" s="440"/>
      <c r="NJ4" s="440"/>
      <c r="NK4" s="440"/>
      <c r="NL4" s="440"/>
      <c r="NM4" s="440"/>
      <c r="NN4" s="440"/>
      <c r="NO4" s="440"/>
      <c r="NP4" s="440"/>
      <c r="NQ4" s="440"/>
      <c r="NR4" s="440"/>
      <c r="NS4" s="440"/>
      <c r="NT4" s="440"/>
      <c r="NU4" s="440"/>
      <c r="NV4" s="440"/>
      <c r="NW4" s="440"/>
      <c r="NX4" s="440"/>
      <c r="NY4" s="440"/>
      <c r="NZ4" s="440"/>
      <c r="OA4" s="440"/>
      <c r="OB4" s="440"/>
      <c r="OC4" s="440"/>
      <c r="OD4" s="440"/>
      <c r="OE4" s="440"/>
      <c r="OF4" s="440"/>
      <c r="OG4" s="440"/>
      <c r="OH4" s="441"/>
      <c r="OI4" s="425" t="s">
        <v>60</v>
      </c>
      <c r="OJ4" s="426"/>
      <c r="OK4" s="426"/>
      <c r="OL4" s="426"/>
      <c r="OM4" s="426"/>
      <c r="ON4" s="426"/>
      <c r="OO4" s="426"/>
      <c r="OP4" s="426"/>
      <c r="OQ4" s="426"/>
      <c r="OR4" s="426"/>
      <c r="OS4" s="427"/>
    </row>
    <row r="5" spans="1:409" ht="21" customHeight="1" thickBot="1" x14ac:dyDescent="0.25">
      <c r="B5" s="548"/>
      <c r="C5" s="551"/>
      <c r="D5" s="551"/>
      <c r="E5" s="551"/>
      <c r="F5" s="551"/>
      <c r="G5" s="551"/>
      <c r="H5" s="551"/>
      <c r="I5" s="551"/>
      <c r="J5" s="551"/>
      <c r="K5" s="551"/>
      <c r="L5" s="551"/>
      <c r="M5" s="551"/>
      <c r="N5" s="553" t="s">
        <v>64</v>
      </c>
      <c r="O5" s="554"/>
      <c r="P5" s="554"/>
      <c r="Q5" s="554"/>
      <c r="R5" s="554"/>
      <c r="S5" s="554"/>
      <c r="T5" s="554"/>
      <c r="U5" s="554"/>
      <c r="V5" s="554"/>
      <c r="W5" s="554"/>
      <c r="X5" s="554"/>
      <c r="Y5" s="554"/>
      <c r="Z5" s="554"/>
      <c r="AA5" s="554"/>
      <c r="AB5" s="554"/>
      <c r="AC5" s="554"/>
      <c r="AD5" s="554"/>
      <c r="AE5" s="554"/>
      <c r="AF5" s="554"/>
      <c r="AG5" s="554"/>
      <c r="AH5" s="554"/>
      <c r="AI5" s="554"/>
      <c r="AJ5" s="554"/>
      <c r="AK5" s="554"/>
      <c r="AL5" s="554"/>
      <c r="AM5" s="554"/>
      <c r="AN5" s="554"/>
      <c r="AO5" s="554"/>
      <c r="AP5" s="554"/>
      <c r="AQ5" s="554"/>
      <c r="AR5" s="554"/>
      <c r="AS5" s="554"/>
      <c r="AT5" s="554"/>
      <c r="AU5" s="554"/>
      <c r="AV5" s="554"/>
      <c r="AW5" s="554"/>
      <c r="AX5" s="554"/>
      <c r="AY5" s="554"/>
      <c r="AZ5" s="554"/>
      <c r="BA5" s="554"/>
      <c r="BB5" s="554"/>
      <c r="BC5" s="554"/>
      <c r="BD5" s="554"/>
      <c r="BE5" s="554"/>
      <c r="BF5" s="554"/>
      <c r="BG5" s="554"/>
      <c r="BH5" s="554"/>
      <c r="BI5" s="554"/>
      <c r="BJ5" s="554"/>
      <c r="BK5" s="554"/>
      <c r="BL5" s="554"/>
      <c r="BM5" s="554"/>
      <c r="BN5" s="554"/>
      <c r="BO5" s="554"/>
      <c r="BP5" s="554"/>
      <c r="BQ5" s="554"/>
      <c r="BR5" s="554"/>
      <c r="BS5" s="554"/>
      <c r="BT5" s="554"/>
      <c r="BU5" s="554"/>
      <c r="BV5" s="554"/>
      <c r="BW5" s="554"/>
      <c r="BX5" s="554"/>
      <c r="BY5" s="554"/>
      <c r="BZ5" s="554"/>
      <c r="CA5" s="555"/>
      <c r="CB5" s="553" t="s">
        <v>65</v>
      </c>
      <c r="CC5" s="554"/>
      <c r="CD5" s="554"/>
      <c r="CE5" s="554"/>
      <c r="CF5" s="554"/>
      <c r="CG5" s="554"/>
      <c r="CH5" s="554"/>
      <c r="CI5" s="554"/>
      <c r="CJ5" s="554"/>
      <c r="CK5" s="554"/>
      <c r="CL5" s="554"/>
      <c r="CM5" s="554"/>
      <c r="CN5" s="554"/>
      <c r="CO5" s="554"/>
      <c r="CP5" s="554"/>
      <c r="CQ5" s="554"/>
      <c r="CR5" s="554"/>
      <c r="CS5" s="554"/>
      <c r="CT5" s="554"/>
      <c r="CU5" s="554"/>
      <c r="CV5" s="554"/>
      <c r="CW5" s="554"/>
      <c r="CX5" s="554"/>
      <c r="CY5" s="554"/>
      <c r="CZ5" s="554"/>
      <c r="DA5" s="554"/>
      <c r="DB5" s="554"/>
      <c r="DC5" s="554"/>
      <c r="DD5" s="554"/>
      <c r="DE5" s="554"/>
      <c r="DF5" s="554"/>
      <c r="DG5" s="554"/>
      <c r="DH5" s="555"/>
      <c r="DI5" s="439" t="s">
        <v>66</v>
      </c>
      <c r="DJ5" s="440"/>
      <c r="DK5" s="440"/>
      <c r="DL5" s="440"/>
      <c r="DM5" s="440"/>
      <c r="DN5" s="440"/>
      <c r="DO5" s="440"/>
      <c r="DP5" s="440"/>
      <c r="DQ5" s="440"/>
      <c r="DR5" s="440"/>
      <c r="DS5" s="440"/>
      <c r="DT5" s="440"/>
      <c r="DU5" s="440"/>
      <c r="DV5" s="440"/>
      <c r="DW5" s="440"/>
      <c r="DX5" s="440"/>
      <c r="DY5" s="440"/>
      <c r="DZ5" s="440"/>
      <c r="EA5" s="440"/>
      <c r="EB5" s="440"/>
      <c r="EC5" s="440"/>
      <c r="ED5" s="440"/>
      <c r="EE5" s="440"/>
      <c r="EF5" s="440"/>
      <c r="EG5" s="440"/>
      <c r="EH5" s="440"/>
      <c r="EI5" s="440"/>
      <c r="EJ5" s="440"/>
      <c r="EK5" s="440"/>
      <c r="EL5" s="440"/>
      <c r="EM5" s="440"/>
      <c r="EN5" s="440"/>
      <c r="EO5" s="440"/>
      <c r="EP5" s="440"/>
      <c r="EQ5" s="440"/>
      <c r="ER5" s="440"/>
      <c r="ES5" s="440"/>
      <c r="ET5" s="440"/>
      <c r="EU5" s="440"/>
      <c r="EV5" s="440"/>
      <c r="EW5" s="440"/>
      <c r="EX5" s="440"/>
      <c r="EY5" s="440"/>
      <c r="EZ5" s="440"/>
      <c r="FA5" s="440"/>
      <c r="FB5" s="440"/>
      <c r="FC5" s="440"/>
      <c r="FD5" s="440"/>
      <c r="FE5" s="440"/>
      <c r="FF5" s="440"/>
      <c r="FG5" s="440"/>
      <c r="FH5" s="440"/>
      <c r="FI5" s="440"/>
      <c r="FJ5" s="440"/>
      <c r="FK5" s="441"/>
      <c r="FL5" s="553" t="s">
        <v>67</v>
      </c>
      <c r="FM5" s="554"/>
      <c r="FN5" s="554"/>
      <c r="FO5" s="554"/>
      <c r="FP5" s="554"/>
      <c r="FQ5" s="554"/>
      <c r="FR5" s="554"/>
      <c r="FS5" s="554"/>
      <c r="FT5" s="554"/>
      <c r="FU5" s="554"/>
      <c r="FV5" s="554"/>
      <c r="FW5" s="554"/>
      <c r="FX5" s="554"/>
      <c r="FY5" s="554"/>
      <c r="FZ5" s="554"/>
      <c r="GA5" s="554"/>
      <c r="GB5" s="554"/>
      <c r="GC5" s="554"/>
      <c r="GD5" s="554"/>
      <c r="GE5" s="554"/>
      <c r="GF5" s="554"/>
      <c r="GG5" s="554"/>
      <c r="GH5" s="554"/>
      <c r="GI5" s="554"/>
      <c r="GJ5" s="554"/>
      <c r="GK5" s="554"/>
      <c r="GL5" s="554"/>
      <c r="GM5" s="554"/>
      <c r="GN5" s="554"/>
      <c r="GO5" s="554"/>
      <c r="GP5" s="554"/>
      <c r="GQ5" s="554"/>
      <c r="GR5" s="554"/>
      <c r="GS5" s="554"/>
      <c r="GT5" s="554"/>
      <c r="GU5" s="554"/>
      <c r="GV5" s="554"/>
      <c r="GW5" s="554"/>
      <c r="GX5" s="554"/>
      <c r="GY5" s="554"/>
      <c r="GZ5" s="554"/>
      <c r="HA5" s="554"/>
      <c r="HB5" s="554"/>
      <c r="HC5" s="555"/>
      <c r="HD5" s="539" t="s">
        <v>68</v>
      </c>
      <c r="HE5" s="540"/>
      <c r="HF5" s="540"/>
      <c r="HG5" s="540"/>
      <c r="HH5" s="540"/>
      <c r="HI5" s="540"/>
      <c r="HJ5" s="540"/>
      <c r="HK5" s="540"/>
      <c r="HL5" s="540"/>
      <c r="HM5" s="540"/>
      <c r="HN5" s="541"/>
      <c r="HO5" s="539" t="s">
        <v>69</v>
      </c>
      <c r="HP5" s="540"/>
      <c r="HQ5" s="540"/>
      <c r="HR5" s="540"/>
      <c r="HS5" s="540"/>
      <c r="HT5" s="540"/>
      <c r="HU5" s="540"/>
      <c r="HV5" s="540"/>
      <c r="HW5" s="540"/>
      <c r="HX5" s="540"/>
      <c r="HY5" s="541"/>
      <c r="HZ5" s="572"/>
      <c r="IA5" s="573"/>
      <c r="IB5" s="573"/>
      <c r="IC5" s="573"/>
      <c r="ID5" s="573"/>
      <c r="IE5" s="573"/>
      <c r="IF5" s="573"/>
      <c r="IG5" s="573"/>
      <c r="IH5" s="573"/>
      <c r="II5" s="573"/>
      <c r="IJ5" s="574"/>
      <c r="IK5" s="425" t="s">
        <v>94</v>
      </c>
      <c r="IL5" s="426"/>
      <c r="IM5" s="426"/>
      <c r="IN5" s="426"/>
      <c r="IO5" s="426"/>
      <c r="IP5" s="426"/>
      <c r="IQ5" s="426"/>
      <c r="IR5" s="426"/>
      <c r="IS5" s="426"/>
      <c r="IT5" s="426"/>
      <c r="IU5" s="427"/>
      <c r="IV5" s="425" t="s">
        <v>88</v>
      </c>
      <c r="IW5" s="426"/>
      <c r="IX5" s="426"/>
      <c r="IY5" s="426"/>
      <c r="IZ5" s="426"/>
      <c r="JA5" s="426"/>
      <c r="JB5" s="426"/>
      <c r="JC5" s="426"/>
      <c r="JD5" s="426"/>
      <c r="JE5" s="426"/>
      <c r="JF5" s="427"/>
      <c r="JG5" s="425" t="s">
        <v>140</v>
      </c>
      <c r="JH5" s="426"/>
      <c r="JI5" s="426"/>
      <c r="JJ5" s="426"/>
      <c r="JK5" s="426"/>
      <c r="JL5" s="426"/>
      <c r="JM5" s="426"/>
      <c r="JN5" s="426"/>
      <c r="JO5" s="426"/>
      <c r="JP5" s="426"/>
      <c r="JQ5" s="427"/>
      <c r="JR5" s="425" t="s">
        <v>90</v>
      </c>
      <c r="JS5" s="426"/>
      <c r="JT5" s="426"/>
      <c r="JU5" s="426"/>
      <c r="JV5" s="426"/>
      <c r="JW5" s="426"/>
      <c r="JX5" s="426"/>
      <c r="JY5" s="426"/>
      <c r="JZ5" s="426"/>
      <c r="KA5" s="426"/>
      <c r="KB5" s="427"/>
      <c r="KC5" s="425" t="s">
        <v>89</v>
      </c>
      <c r="KD5" s="426"/>
      <c r="KE5" s="426"/>
      <c r="KF5" s="426"/>
      <c r="KG5" s="426"/>
      <c r="KH5" s="426"/>
      <c r="KI5" s="426"/>
      <c r="KJ5" s="426"/>
      <c r="KK5" s="426"/>
      <c r="KL5" s="426"/>
      <c r="KM5" s="427"/>
      <c r="KN5" s="425" t="s">
        <v>91</v>
      </c>
      <c r="KO5" s="426"/>
      <c r="KP5" s="426"/>
      <c r="KQ5" s="426"/>
      <c r="KR5" s="426"/>
      <c r="KS5" s="426"/>
      <c r="KT5" s="426"/>
      <c r="KU5" s="426"/>
      <c r="KV5" s="426"/>
      <c r="KW5" s="426"/>
      <c r="KX5" s="427"/>
      <c r="KY5" s="425" t="s">
        <v>92</v>
      </c>
      <c r="KZ5" s="426"/>
      <c r="LA5" s="426"/>
      <c r="LB5" s="426"/>
      <c r="LC5" s="426"/>
      <c r="LD5" s="426"/>
      <c r="LE5" s="426"/>
      <c r="LF5" s="426"/>
      <c r="LG5" s="426"/>
      <c r="LH5" s="426"/>
      <c r="LI5" s="427"/>
      <c r="LJ5" s="575" t="s">
        <v>93</v>
      </c>
      <c r="LK5" s="576"/>
      <c r="LL5" s="576"/>
      <c r="LM5" s="576"/>
      <c r="LN5" s="576"/>
      <c r="LO5" s="576"/>
      <c r="LP5" s="576"/>
      <c r="LQ5" s="576"/>
      <c r="LR5" s="576"/>
      <c r="LS5" s="576"/>
      <c r="LT5" s="577"/>
      <c r="LU5" s="575" t="s">
        <v>141</v>
      </c>
      <c r="LV5" s="576"/>
      <c r="LW5" s="576"/>
      <c r="LX5" s="576"/>
      <c r="LY5" s="576"/>
      <c r="LZ5" s="576"/>
      <c r="MA5" s="576"/>
      <c r="MB5" s="576"/>
      <c r="MC5" s="576"/>
      <c r="MD5" s="576"/>
      <c r="ME5" s="577"/>
      <c r="MF5" s="572"/>
      <c r="MG5" s="573"/>
      <c r="MH5" s="573"/>
      <c r="MI5" s="573"/>
      <c r="MJ5" s="573"/>
      <c r="MK5" s="573"/>
      <c r="ML5" s="573"/>
      <c r="MM5" s="573"/>
      <c r="MN5" s="573"/>
      <c r="MO5" s="573"/>
      <c r="MP5" s="574"/>
      <c r="MQ5" s="425" t="s">
        <v>57</v>
      </c>
      <c r="MR5" s="426"/>
      <c r="MS5" s="426"/>
      <c r="MT5" s="426"/>
      <c r="MU5" s="426"/>
      <c r="MV5" s="426"/>
      <c r="MW5" s="426"/>
      <c r="MX5" s="426"/>
      <c r="MY5" s="426"/>
      <c r="MZ5" s="426"/>
      <c r="NA5" s="427"/>
      <c r="NB5" s="425" t="s">
        <v>58</v>
      </c>
      <c r="NC5" s="426"/>
      <c r="ND5" s="426"/>
      <c r="NE5" s="426"/>
      <c r="NF5" s="426"/>
      <c r="NG5" s="426"/>
      <c r="NH5" s="426"/>
      <c r="NI5" s="426"/>
      <c r="NJ5" s="426"/>
      <c r="NK5" s="426"/>
      <c r="NL5" s="427"/>
      <c r="NM5" s="425" t="s">
        <v>59</v>
      </c>
      <c r="NN5" s="426"/>
      <c r="NO5" s="426"/>
      <c r="NP5" s="426"/>
      <c r="NQ5" s="426"/>
      <c r="NR5" s="426"/>
      <c r="NS5" s="426"/>
      <c r="NT5" s="426"/>
      <c r="NU5" s="426"/>
      <c r="NV5" s="426"/>
      <c r="NW5" s="427"/>
      <c r="NX5" s="425" t="s">
        <v>147</v>
      </c>
      <c r="NY5" s="426"/>
      <c r="NZ5" s="426"/>
      <c r="OA5" s="426"/>
      <c r="OB5" s="426"/>
      <c r="OC5" s="426"/>
      <c r="OD5" s="426"/>
      <c r="OE5" s="426"/>
      <c r="OF5" s="426"/>
      <c r="OG5" s="426"/>
      <c r="OH5" s="427"/>
      <c r="OI5" s="443"/>
      <c r="OJ5" s="570"/>
      <c r="OK5" s="570"/>
      <c r="OL5" s="570"/>
      <c r="OM5" s="570"/>
      <c r="ON5" s="570"/>
      <c r="OO5" s="570"/>
      <c r="OP5" s="570"/>
      <c r="OQ5" s="570"/>
      <c r="OR5" s="570"/>
      <c r="OS5" s="571"/>
    </row>
    <row r="6" spans="1:409" ht="21" customHeight="1" thickBot="1" x14ac:dyDescent="0.25">
      <c r="B6" s="548"/>
      <c r="C6" s="552"/>
      <c r="D6" s="552"/>
      <c r="E6" s="552"/>
      <c r="F6" s="552"/>
      <c r="G6" s="552"/>
      <c r="H6" s="552"/>
      <c r="I6" s="552"/>
      <c r="J6" s="552"/>
      <c r="K6" s="552"/>
      <c r="L6" s="552"/>
      <c r="M6" s="552"/>
      <c r="N6" s="431"/>
      <c r="O6" s="432"/>
      <c r="P6" s="432"/>
      <c r="Q6" s="432"/>
      <c r="R6" s="432"/>
      <c r="S6" s="432"/>
      <c r="T6" s="432"/>
      <c r="U6" s="432"/>
      <c r="V6" s="432"/>
      <c r="W6" s="432"/>
      <c r="X6" s="433"/>
      <c r="Y6" s="434" t="s">
        <v>70</v>
      </c>
      <c r="Z6" s="435"/>
      <c r="AA6" s="435"/>
      <c r="AB6" s="435"/>
      <c r="AC6" s="435"/>
      <c r="AD6" s="435"/>
      <c r="AE6" s="435"/>
      <c r="AF6" s="435"/>
      <c r="AG6" s="435"/>
      <c r="AH6" s="435"/>
      <c r="AI6" s="436"/>
      <c r="AJ6" s="536" t="s">
        <v>71</v>
      </c>
      <c r="AK6" s="537"/>
      <c r="AL6" s="537"/>
      <c r="AM6" s="537"/>
      <c r="AN6" s="537"/>
      <c r="AO6" s="537"/>
      <c r="AP6" s="537"/>
      <c r="AQ6" s="537"/>
      <c r="AR6" s="537"/>
      <c r="AS6" s="537"/>
      <c r="AT6" s="538"/>
      <c r="AU6" s="536" t="s">
        <v>72</v>
      </c>
      <c r="AV6" s="537"/>
      <c r="AW6" s="537"/>
      <c r="AX6" s="537"/>
      <c r="AY6" s="537"/>
      <c r="AZ6" s="537"/>
      <c r="BA6" s="537"/>
      <c r="BB6" s="537"/>
      <c r="BC6" s="537"/>
      <c r="BD6" s="537"/>
      <c r="BE6" s="538"/>
      <c r="BF6" s="536" t="s">
        <v>73</v>
      </c>
      <c r="BG6" s="537"/>
      <c r="BH6" s="537"/>
      <c r="BI6" s="537"/>
      <c r="BJ6" s="537"/>
      <c r="BK6" s="537"/>
      <c r="BL6" s="537"/>
      <c r="BM6" s="537"/>
      <c r="BN6" s="537"/>
      <c r="BO6" s="537"/>
      <c r="BP6" s="538"/>
      <c r="BQ6" s="536" t="s">
        <v>74</v>
      </c>
      <c r="BR6" s="537"/>
      <c r="BS6" s="537"/>
      <c r="BT6" s="537"/>
      <c r="BU6" s="537"/>
      <c r="BV6" s="537"/>
      <c r="BW6" s="537"/>
      <c r="BX6" s="537"/>
      <c r="BY6" s="537"/>
      <c r="BZ6" s="537"/>
      <c r="CA6" s="538"/>
      <c r="CB6" s="533"/>
      <c r="CC6" s="534"/>
      <c r="CD6" s="534"/>
      <c r="CE6" s="534"/>
      <c r="CF6" s="534"/>
      <c r="CG6" s="534"/>
      <c r="CH6" s="534"/>
      <c r="CI6" s="534"/>
      <c r="CJ6" s="534"/>
      <c r="CK6" s="534"/>
      <c r="CL6" s="535"/>
      <c r="CM6" s="536" t="s">
        <v>75</v>
      </c>
      <c r="CN6" s="537"/>
      <c r="CO6" s="537"/>
      <c r="CP6" s="537"/>
      <c r="CQ6" s="537"/>
      <c r="CR6" s="537"/>
      <c r="CS6" s="537"/>
      <c r="CT6" s="537"/>
      <c r="CU6" s="537"/>
      <c r="CV6" s="537"/>
      <c r="CW6" s="538"/>
      <c r="CX6" s="536" t="s">
        <v>76</v>
      </c>
      <c r="CY6" s="537"/>
      <c r="CZ6" s="537"/>
      <c r="DA6" s="537"/>
      <c r="DB6" s="537"/>
      <c r="DC6" s="537"/>
      <c r="DD6" s="537"/>
      <c r="DE6" s="537"/>
      <c r="DF6" s="537"/>
      <c r="DG6" s="537"/>
      <c r="DH6" s="538"/>
      <c r="DI6" s="533"/>
      <c r="DJ6" s="534"/>
      <c r="DK6" s="534"/>
      <c r="DL6" s="534"/>
      <c r="DM6" s="534"/>
      <c r="DN6" s="534"/>
      <c r="DO6" s="534"/>
      <c r="DP6" s="534"/>
      <c r="DQ6" s="534"/>
      <c r="DR6" s="534"/>
      <c r="DS6" s="534"/>
      <c r="DT6" s="536" t="s">
        <v>77</v>
      </c>
      <c r="DU6" s="537"/>
      <c r="DV6" s="537"/>
      <c r="DW6" s="537"/>
      <c r="DX6" s="537"/>
      <c r="DY6" s="537"/>
      <c r="DZ6" s="537"/>
      <c r="EA6" s="537"/>
      <c r="EB6" s="537"/>
      <c r="EC6" s="537"/>
      <c r="ED6" s="538"/>
      <c r="EE6" s="536" t="s">
        <v>78</v>
      </c>
      <c r="EF6" s="537"/>
      <c r="EG6" s="537"/>
      <c r="EH6" s="537"/>
      <c r="EI6" s="537"/>
      <c r="EJ6" s="537"/>
      <c r="EK6" s="537"/>
      <c r="EL6" s="537"/>
      <c r="EM6" s="537"/>
      <c r="EN6" s="537"/>
      <c r="EO6" s="538"/>
      <c r="EP6" s="536" t="s">
        <v>79</v>
      </c>
      <c r="EQ6" s="537"/>
      <c r="ER6" s="537"/>
      <c r="ES6" s="537"/>
      <c r="ET6" s="537"/>
      <c r="EU6" s="537"/>
      <c r="EV6" s="537"/>
      <c r="EW6" s="537"/>
      <c r="EX6" s="537"/>
      <c r="EY6" s="537"/>
      <c r="EZ6" s="538"/>
      <c r="FA6" s="536" t="s">
        <v>148</v>
      </c>
      <c r="FB6" s="537"/>
      <c r="FC6" s="537"/>
      <c r="FD6" s="537"/>
      <c r="FE6" s="537"/>
      <c r="FF6" s="537"/>
      <c r="FG6" s="537"/>
      <c r="FH6" s="537"/>
      <c r="FI6" s="537"/>
      <c r="FJ6" s="537"/>
      <c r="FK6" s="538"/>
      <c r="FL6" s="533"/>
      <c r="FM6" s="534"/>
      <c r="FN6" s="534"/>
      <c r="FO6" s="534"/>
      <c r="FP6" s="534"/>
      <c r="FQ6" s="534"/>
      <c r="FR6" s="534"/>
      <c r="FS6" s="534"/>
      <c r="FT6" s="534"/>
      <c r="FU6" s="534"/>
      <c r="FV6" s="534"/>
      <c r="FW6" s="536" t="s">
        <v>80</v>
      </c>
      <c r="FX6" s="537"/>
      <c r="FY6" s="537"/>
      <c r="FZ6" s="537"/>
      <c r="GA6" s="537"/>
      <c r="GB6" s="537"/>
      <c r="GC6" s="537"/>
      <c r="GD6" s="537"/>
      <c r="GE6" s="537"/>
      <c r="GF6" s="537"/>
      <c r="GG6" s="538"/>
      <c r="GH6" s="434" t="s">
        <v>81</v>
      </c>
      <c r="GI6" s="435"/>
      <c r="GJ6" s="435"/>
      <c r="GK6" s="435"/>
      <c r="GL6" s="435"/>
      <c r="GM6" s="435"/>
      <c r="GN6" s="435"/>
      <c r="GO6" s="435"/>
      <c r="GP6" s="435"/>
      <c r="GQ6" s="435"/>
      <c r="GR6" s="436"/>
      <c r="GS6" s="434" t="s">
        <v>82</v>
      </c>
      <c r="GT6" s="435"/>
      <c r="GU6" s="435"/>
      <c r="GV6" s="435"/>
      <c r="GW6" s="435"/>
      <c r="GX6" s="435"/>
      <c r="GY6" s="435"/>
      <c r="GZ6" s="435"/>
      <c r="HA6" s="435"/>
      <c r="HB6" s="435"/>
      <c r="HC6" s="436"/>
      <c r="HD6" s="556"/>
      <c r="HE6" s="557"/>
      <c r="HF6" s="557"/>
      <c r="HG6" s="557"/>
      <c r="HH6" s="557"/>
      <c r="HI6" s="557"/>
      <c r="HJ6" s="557"/>
      <c r="HK6" s="557"/>
      <c r="HL6" s="557"/>
      <c r="HM6" s="557"/>
      <c r="HN6" s="558"/>
      <c r="HO6" s="556"/>
      <c r="HP6" s="557"/>
      <c r="HQ6" s="557"/>
      <c r="HR6" s="557"/>
      <c r="HS6" s="557"/>
      <c r="HT6" s="557"/>
      <c r="HU6" s="557"/>
      <c r="HV6" s="557"/>
      <c r="HW6" s="557"/>
      <c r="HX6" s="557"/>
      <c r="HY6" s="558"/>
      <c r="HZ6" s="533"/>
      <c r="IA6" s="534"/>
      <c r="IB6" s="534"/>
      <c r="IC6" s="534"/>
      <c r="ID6" s="534"/>
      <c r="IE6" s="534"/>
      <c r="IF6" s="534"/>
      <c r="IG6" s="534"/>
      <c r="IH6" s="534"/>
      <c r="II6" s="534"/>
      <c r="IJ6" s="535"/>
      <c r="IK6" s="431"/>
      <c r="IL6" s="432"/>
      <c r="IM6" s="432"/>
      <c r="IN6" s="432"/>
      <c r="IO6" s="432"/>
      <c r="IP6" s="432"/>
      <c r="IQ6" s="432"/>
      <c r="IR6" s="432"/>
      <c r="IS6" s="432"/>
      <c r="IT6" s="432"/>
      <c r="IU6" s="433"/>
      <c r="IV6" s="431"/>
      <c r="IW6" s="432"/>
      <c r="IX6" s="432"/>
      <c r="IY6" s="432"/>
      <c r="IZ6" s="432"/>
      <c r="JA6" s="432"/>
      <c r="JB6" s="432"/>
      <c r="JC6" s="432"/>
      <c r="JD6" s="432"/>
      <c r="JE6" s="432"/>
      <c r="JF6" s="433"/>
      <c r="JG6" s="431"/>
      <c r="JH6" s="432"/>
      <c r="JI6" s="432"/>
      <c r="JJ6" s="432"/>
      <c r="JK6" s="432"/>
      <c r="JL6" s="432"/>
      <c r="JM6" s="432"/>
      <c r="JN6" s="432"/>
      <c r="JO6" s="432"/>
      <c r="JP6" s="432"/>
      <c r="JQ6" s="433"/>
      <c r="JR6" s="431"/>
      <c r="JS6" s="432"/>
      <c r="JT6" s="432"/>
      <c r="JU6" s="432"/>
      <c r="JV6" s="432"/>
      <c r="JW6" s="432"/>
      <c r="JX6" s="432"/>
      <c r="JY6" s="432"/>
      <c r="JZ6" s="432"/>
      <c r="KA6" s="432"/>
      <c r="KB6" s="433"/>
      <c r="KC6" s="431"/>
      <c r="KD6" s="432"/>
      <c r="KE6" s="432"/>
      <c r="KF6" s="432"/>
      <c r="KG6" s="432"/>
      <c r="KH6" s="432"/>
      <c r="KI6" s="432"/>
      <c r="KJ6" s="432"/>
      <c r="KK6" s="432"/>
      <c r="KL6" s="432"/>
      <c r="KM6" s="433"/>
      <c r="KN6" s="431"/>
      <c r="KO6" s="432"/>
      <c r="KP6" s="432"/>
      <c r="KQ6" s="432"/>
      <c r="KR6" s="432"/>
      <c r="KS6" s="432"/>
      <c r="KT6" s="432"/>
      <c r="KU6" s="432"/>
      <c r="KV6" s="432"/>
      <c r="KW6" s="432"/>
      <c r="KX6" s="433"/>
      <c r="KY6" s="431"/>
      <c r="KZ6" s="432"/>
      <c r="LA6" s="432"/>
      <c r="LB6" s="432"/>
      <c r="LC6" s="432"/>
      <c r="LD6" s="432"/>
      <c r="LE6" s="432"/>
      <c r="LF6" s="432"/>
      <c r="LG6" s="432"/>
      <c r="LH6" s="432"/>
      <c r="LI6" s="433"/>
      <c r="LJ6" s="533"/>
      <c r="LK6" s="534"/>
      <c r="LL6" s="534"/>
      <c r="LM6" s="534"/>
      <c r="LN6" s="534"/>
      <c r="LO6" s="534"/>
      <c r="LP6" s="534"/>
      <c r="LQ6" s="534"/>
      <c r="LR6" s="534"/>
      <c r="LS6" s="534"/>
      <c r="LT6" s="535"/>
      <c r="LU6" s="533"/>
      <c r="LV6" s="534"/>
      <c r="LW6" s="534"/>
      <c r="LX6" s="534"/>
      <c r="LY6" s="534"/>
      <c r="LZ6" s="534"/>
      <c r="MA6" s="534"/>
      <c r="MB6" s="534"/>
      <c r="MC6" s="534"/>
      <c r="MD6" s="534"/>
      <c r="ME6" s="535"/>
      <c r="MF6" s="533"/>
      <c r="MG6" s="534"/>
      <c r="MH6" s="534"/>
      <c r="MI6" s="534"/>
      <c r="MJ6" s="534"/>
      <c r="MK6" s="534"/>
      <c r="ML6" s="534"/>
      <c r="MM6" s="534"/>
      <c r="MN6" s="534"/>
      <c r="MO6" s="534"/>
      <c r="MP6" s="535"/>
      <c r="MQ6" s="431"/>
      <c r="MR6" s="432"/>
      <c r="MS6" s="432"/>
      <c r="MT6" s="432"/>
      <c r="MU6" s="432"/>
      <c r="MV6" s="432"/>
      <c r="MW6" s="432"/>
      <c r="MX6" s="432"/>
      <c r="MY6" s="432"/>
      <c r="MZ6" s="432"/>
      <c r="NA6" s="433"/>
      <c r="NB6" s="431"/>
      <c r="NC6" s="432"/>
      <c r="ND6" s="432"/>
      <c r="NE6" s="432"/>
      <c r="NF6" s="432"/>
      <c r="NG6" s="432"/>
      <c r="NH6" s="432"/>
      <c r="NI6" s="432"/>
      <c r="NJ6" s="432"/>
      <c r="NK6" s="432"/>
      <c r="NL6" s="433"/>
      <c r="NM6" s="431"/>
      <c r="NN6" s="432"/>
      <c r="NO6" s="432"/>
      <c r="NP6" s="432"/>
      <c r="NQ6" s="432"/>
      <c r="NR6" s="432"/>
      <c r="NS6" s="432"/>
      <c r="NT6" s="432"/>
      <c r="NU6" s="432"/>
      <c r="NV6" s="432"/>
      <c r="NW6" s="433"/>
      <c r="NX6" s="431"/>
      <c r="NY6" s="432"/>
      <c r="NZ6" s="432"/>
      <c r="OA6" s="432"/>
      <c r="OB6" s="432"/>
      <c r="OC6" s="432"/>
      <c r="OD6" s="432"/>
      <c r="OE6" s="432"/>
      <c r="OF6" s="432"/>
      <c r="OG6" s="432"/>
      <c r="OH6" s="433"/>
      <c r="OI6" s="431"/>
      <c r="OJ6" s="432"/>
      <c r="OK6" s="432"/>
      <c r="OL6" s="432"/>
      <c r="OM6" s="432"/>
      <c r="ON6" s="432"/>
      <c r="OO6" s="432"/>
      <c r="OP6" s="432"/>
      <c r="OQ6" s="432"/>
      <c r="OR6" s="432"/>
      <c r="OS6" s="433"/>
    </row>
    <row r="7" spans="1:409" ht="21" customHeight="1" x14ac:dyDescent="0.2">
      <c r="B7" s="548"/>
      <c r="C7" s="516" t="s">
        <v>61</v>
      </c>
      <c r="D7" s="516"/>
      <c r="E7" s="516"/>
      <c r="F7" s="515" t="s">
        <v>62</v>
      </c>
      <c r="G7" s="516"/>
      <c r="H7" s="516"/>
      <c r="I7" s="516"/>
      <c r="J7" s="516"/>
      <c r="K7" s="516"/>
      <c r="L7" s="516"/>
      <c r="M7" s="515" t="s">
        <v>52</v>
      </c>
      <c r="N7" s="560" t="s">
        <v>61</v>
      </c>
      <c r="O7" s="516"/>
      <c r="P7" s="516"/>
      <c r="Q7" s="515" t="s">
        <v>62</v>
      </c>
      <c r="R7" s="516"/>
      <c r="S7" s="516"/>
      <c r="T7" s="516"/>
      <c r="U7" s="516"/>
      <c r="V7" s="516"/>
      <c r="W7" s="517"/>
      <c r="X7" s="545" t="s">
        <v>52</v>
      </c>
      <c r="Y7" s="431" t="s">
        <v>61</v>
      </c>
      <c r="Z7" s="432"/>
      <c r="AA7" s="524"/>
      <c r="AB7" s="523" t="s">
        <v>62</v>
      </c>
      <c r="AC7" s="432"/>
      <c r="AD7" s="432"/>
      <c r="AE7" s="432"/>
      <c r="AF7" s="432"/>
      <c r="AG7" s="432"/>
      <c r="AH7" s="524"/>
      <c r="AI7" s="433" t="s">
        <v>52</v>
      </c>
      <c r="AJ7" s="520" t="s">
        <v>61</v>
      </c>
      <c r="AK7" s="521"/>
      <c r="AL7" s="522"/>
      <c r="AM7" s="543" t="s">
        <v>62</v>
      </c>
      <c r="AN7" s="521"/>
      <c r="AO7" s="521"/>
      <c r="AP7" s="521"/>
      <c r="AQ7" s="521"/>
      <c r="AR7" s="521"/>
      <c r="AS7" s="544"/>
      <c r="AT7" s="433" t="s">
        <v>52</v>
      </c>
      <c r="AU7" s="520" t="s">
        <v>61</v>
      </c>
      <c r="AV7" s="521"/>
      <c r="AW7" s="522"/>
      <c r="AX7" s="543" t="s">
        <v>62</v>
      </c>
      <c r="AY7" s="521"/>
      <c r="AZ7" s="521"/>
      <c r="BA7" s="521"/>
      <c r="BB7" s="521"/>
      <c r="BC7" s="521"/>
      <c r="BD7" s="544"/>
      <c r="BE7" s="433" t="s">
        <v>52</v>
      </c>
      <c r="BF7" s="520" t="s">
        <v>61</v>
      </c>
      <c r="BG7" s="521"/>
      <c r="BH7" s="522"/>
      <c r="BI7" s="543" t="s">
        <v>62</v>
      </c>
      <c r="BJ7" s="521"/>
      <c r="BK7" s="521"/>
      <c r="BL7" s="521"/>
      <c r="BM7" s="521"/>
      <c r="BN7" s="521"/>
      <c r="BO7" s="544"/>
      <c r="BP7" s="433" t="s">
        <v>52</v>
      </c>
      <c r="BQ7" s="520" t="s">
        <v>61</v>
      </c>
      <c r="BR7" s="521"/>
      <c r="BS7" s="522"/>
      <c r="BT7" s="543" t="s">
        <v>62</v>
      </c>
      <c r="BU7" s="521"/>
      <c r="BV7" s="521"/>
      <c r="BW7" s="521"/>
      <c r="BX7" s="521"/>
      <c r="BY7" s="521"/>
      <c r="BZ7" s="544"/>
      <c r="CA7" s="433" t="s">
        <v>52</v>
      </c>
      <c r="CB7" s="512" t="s">
        <v>61</v>
      </c>
      <c r="CC7" s="513"/>
      <c r="CD7" s="514"/>
      <c r="CE7" s="561" t="s">
        <v>62</v>
      </c>
      <c r="CF7" s="513"/>
      <c r="CG7" s="513"/>
      <c r="CH7" s="513"/>
      <c r="CI7" s="513"/>
      <c r="CJ7" s="513"/>
      <c r="CK7" s="562"/>
      <c r="CL7" s="545" t="s">
        <v>52</v>
      </c>
      <c r="CM7" s="520" t="s">
        <v>61</v>
      </c>
      <c r="CN7" s="521"/>
      <c r="CO7" s="544"/>
      <c r="CP7" s="543" t="s">
        <v>62</v>
      </c>
      <c r="CQ7" s="521"/>
      <c r="CR7" s="521"/>
      <c r="CS7" s="521"/>
      <c r="CT7" s="521"/>
      <c r="CU7" s="521"/>
      <c r="CV7" s="544"/>
      <c r="CW7" s="567" t="s">
        <v>52</v>
      </c>
      <c r="CX7" s="520" t="s">
        <v>61</v>
      </c>
      <c r="CY7" s="521"/>
      <c r="CZ7" s="544"/>
      <c r="DA7" s="543" t="s">
        <v>62</v>
      </c>
      <c r="DB7" s="521"/>
      <c r="DC7" s="521"/>
      <c r="DD7" s="521"/>
      <c r="DE7" s="521"/>
      <c r="DF7" s="521"/>
      <c r="DG7" s="544"/>
      <c r="DH7" s="567" t="s">
        <v>52</v>
      </c>
      <c r="DI7" s="512" t="s">
        <v>61</v>
      </c>
      <c r="DJ7" s="513"/>
      <c r="DK7" s="562"/>
      <c r="DL7" s="561" t="s">
        <v>62</v>
      </c>
      <c r="DM7" s="513"/>
      <c r="DN7" s="513"/>
      <c r="DO7" s="513"/>
      <c r="DP7" s="513"/>
      <c r="DQ7" s="513"/>
      <c r="DR7" s="562"/>
      <c r="DS7" s="545" t="s">
        <v>52</v>
      </c>
      <c r="DT7" s="520" t="s">
        <v>61</v>
      </c>
      <c r="DU7" s="521"/>
      <c r="DV7" s="522"/>
      <c r="DW7" s="543" t="s">
        <v>62</v>
      </c>
      <c r="DX7" s="521"/>
      <c r="DY7" s="521"/>
      <c r="DZ7" s="521"/>
      <c r="EA7" s="521"/>
      <c r="EB7" s="521"/>
      <c r="EC7" s="544"/>
      <c r="ED7" s="433" t="s">
        <v>52</v>
      </c>
      <c r="EE7" s="520" t="s">
        <v>61</v>
      </c>
      <c r="EF7" s="521"/>
      <c r="EG7" s="522"/>
      <c r="EH7" s="543" t="s">
        <v>62</v>
      </c>
      <c r="EI7" s="521"/>
      <c r="EJ7" s="521"/>
      <c r="EK7" s="521"/>
      <c r="EL7" s="521"/>
      <c r="EM7" s="521"/>
      <c r="EN7" s="544"/>
      <c r="EO7" s="433" t="s">
        <v>52</v>
      </c>
      <c r="EP7" s="520" t="s">
        <v>61</v>
      </c>
      <c r="EQ7" s="521"/>
      <c r="ER7" s="522"/>
      <c r="ES7" s="543" t="s">
        <v>62</v>
      </c>
      <c r="ET7" s="521"/>
      <c r="EU7" s="521"/>
      <c r="EV7" s="521"/>
      <c r="EW7" s="521"/>
      <c r="EX7" s="521"/>
      <c r="EY7" s="544"/>
      <c r="EZ7" s="433" t="s">
        <v>52</v>
      </c>
      <c r="FA7" s="520" t="s">
        <v>61</v>
      </c>
      <c r="FB7" s="521"/>
      <c r="FC7" s="522"/>
      <c r="FD7" s="543" t="s">
        <v>62</v>
      </c>
      <c r="FE7" s="521"/>
      <c r="FF7" s="521"/>
      <c r="FG7" s="521"/>
      <c r="FH7" s="521"/>
      <c r="FI7" s="521"/>
      <c r="FJ7" s="544"/>
      <c r="FK7" s="433" t="s">
        <v>52</v>
      </c>
      <c r="FL7" s="512" t="s">
        <v>61</v>
      </c>
      <c r="FM7" s="513"/>
      <c r="FN7" s="514"/>
      <c r="FO7" s="561" t="s">
        <v>62</v>
      </c>
      <c r="FP7" s="513"/>
      <c r="FQ7" s="513"/>
      <c r="FR7" s="513"/>
      <c r="FS7" s="513"/>
      <c r="FT7" s="513"/>
      <c r="FU7" s="562"/>
      <c r="FV7" s="516" t="s">
        <v>52</v>
      </c>
      <c r="FW7" s="520" t="s">
        <v>61</v>
      </c>
      <c r="FX7" s="521"/>
      <c r="FY7" s="522"/>
      <c r="FZ7" s="543" t="s">
        <v>62</v>
      </c>
      <c r="GA7" s="521"/>
      <c r="GB7" s="521"/>
      <c r="GC7" s="521"/>
      <c r="GD7" s="521"/>
      <c r="GE7" s="521"/>
      <c r="GF7" s="544"/>
      <c r="GG7" s="433" t="s">
        <v>52</v>
      </c>
      <c r="GH7" s="431" t="s">
        <v>61</v>
      </c>
      <c r="GI7" s="432"/>
      <c r="GJ7" s="432"/>
      <c r="GK7" s="523" t="s">
        <v>62</v>
      </c>
      <c r="GL7" s="432"/>
      <c r="GM7" s="432"/>
      <c r="GN7" s="432"/>
      <c r="GO7" s="432"/>
      <c r="GP7" s="432"/>
      <c r="GQ7" s="524"/>
      <c r="GR7" s="564" t="s">
        <v>52</v>
      </c>
      <c r="GS7" s="431" t="s">
        <v>61</v>
      </c>
      <c r="GT7" s="432"/>
      <c r="GU7" s="524"/>
      <c r="GV7" s="523" t="s">
        <v>62</v>
      </c>
      <c r="GW7" s="432"/>
      <c r="GX7" s="432"/>
      <c r="GY7" s="432"/>
      <c r="GZ7" s="432"/>
      <c r="HA7" s="432"/>
      <c r="HB7" s="524"/>
      <c r="HC7" s="564" t="s">
        <v>52</v>
      </c>
      <c r="HD7" s="520" t="s">
        <v>61</v>
      </c>
      <c r="HE7" s="521"/>
      <c r="HF7" s="522"/>
      <c r="HG7" s="543" t="s">
        <v>62</v>
      </c>
      <c r="HH7" s="521"/>
      <c r="HI7" s="521"/>
      <c r="HJ7" s="521"/>
      <c r="HK7" s="521"/>
      <c r="HL7" s="521"/>
      <c r="HM7" s="544"/>
      <c r="HN7" s="433" t="s">
        <v>52</v>
      </c>
      <c r="HO7" s="520" t="s">
        <v>61</v>
      </c>
      <c r="HP7" s="521"/>
      <c r="HQ7" s="522"/>
      <c r="HR7" s="543" t="s">
        <v>62</v>
      </c>
      <c r="HS7" s="521"/>
      <c r="HT7" s="521"/>
      <c r="HU7" s="521"/>
      <c r="HV7" s="521"/>
      <c r="HW7" s="521"/>
      <c r="HX7" s="544"/>
      <c r="HY7" s="433" t="s">
        <v>52</v>
      </c>
      <c r="HZ7" s="512" t="s">
        <v>61</v>
      </c>
      <c r="IA7" s="513"/>
      <c r="IB7" s="514"/>
      <c r="IC7" s="561" t="s">
        <v>62</v>
      </c>
      <c r="ID7" s="513"/>
      <c r="IE7" s="513"/>
      <c r="IF7" s="513"/>
      <c r="IG7" s="513"/>
      <c r="IH7" s="513"/>
      <c r="II7" s="562"/>
      <c r="IJ7" s="516" t="s">
        <v>52</v>
      </c>
      <c r="IK7" s="520" t="s">
        <v>61</v>
      </c>
      <c r="IL7" s="521"/>
      <c r="IM7" s="522"/>
      <c r="IN7" s="543" t="s">
        <v>62</v>
      </c>
      <c r="IO7" s="521"/>
      <c r="IP7" s="521"/>
      <c r="IQ7" s="521"/>
      <c r="IR7" s="521"/>
      <c r="IS7" s="521"/>
      <c r="IT7" s="544"/>
      <c r="IU7" s="433" t="s">
        <v>52</v>
      </c>
      <c r="IV7" s="520" t="s">
        <v>61</v>
      </c>
      <c r="IW7" s="521"/>
      <c r="IX7" s="544"/>
      <c r="IY7" s="543" t="s">
        <v>62</v>
      </c>
      <c r="IZ7" s="521"/>
      <c r="JA7" s="521"/>
      <c r="JB7" s="521"/>
      <c r="JC7" s="521"/>
      <c r="JD7" s="521"/>
      <c r="JE7" s="544"/>
      <c r="JF7" s="433" t="s">
        <v>52</v>
      </c>
      <c r="JG7" s="520" t="s">
        <v>61</v>
      </c>
      <c r="JH7" s="521"/>
      <c r="JI7" s="522"/>
      <c r="JJ7" s="543" t="s">
        <v>62</v>
      </c>
      <c r="JK7" s="521"/>
      <c r="JL7" s="521"/>
      <c r="JM7" s="521"/>
      <c r="JN7" s="521"/>
      <c r="JO7" s="521"/>
      <c r="JP7" s="544"/>
      <c r="JQ7" s="567" t="s">
        <v>52</v>
      </c>
      <c r="JR7" s="520" t="s">
        <v>61</v>
      </c>
      <c r="JS7" s="521"/>
      <c r="JT7" s="522"/>
      <c r="JU7" s="543" t="s">
        <v>62</v>
      </c>
      <c r="JV7" s="521"/>
      <c r="JW7" s="521"/>
      <c r="JX7" s="521"/>
      <c r="JY7" s="521"/>
      <c r="JZ7" s="521"/>
      <c r="KA7" s="544"/>
      <c r="KB7" s="567" t="s">
        <v>52</v>
      </c>
      <c r="KC7" s="520" t="s">
        <v>61</v>
      </c>
      <c r="KD7" s="521"/>
      <c r="KE7" s="522"/>
      <c r="KF7" s="543" t="s">
        <v>62</v>
      </c>
      <c r="KG7" s="521"/>
      <c r="KH7" s="521"/>
      <c r="KI7" s="521"/>
      <c r="KJ7" s="521"/>
      <c r="KK7" s="521"/>
      <c r="KL7" s="544"/>
      <c r="KM7" s="567" t="s">
        <v>52</v>
      </c>
      <c r="KN7" s="520" t="s">
        <v>61</v>
      </c>
      <c r="KO7" s="521"/>
      <c r="KP7" s="522"/>
      <c r="KQ7" s="543" t="s">
        <v>62</v>
      </c>
      <c r="KR7" s="521"/>
      <c r="KS7" s="521"/>
      <c r="KT7" s="521"/>
      <c r="KU7" s="521"/>
      <c r="KV7" s="521"/>
      <c r="KW7" s="544"/>
      <c r="KX7" s="567" t="s">
        <v>52</v>
      </c>
      <c r="KY7" s="520" t="s">
        <v>61</v>
      </c>
      <c r="KZ7" s="521"/>
      <c r="LA7" s="522"/>
      <c r="LB7" s="543" t="s">
        <v>62</v>
      </c>
      <c r="LC7" s="521"/>
      <c r="LD7" s="521"/>
      <c r="LE7" s="521"/>
      <c r="LF7" s="521"/>
      <c r="LG7" s="521"/>
      <c r="LH7" s="544"/>
      <c r="LI7" s="567" t="s">
        <v>52</v>
      </c>
      <c r="LJ7" s="520" t="s">
        <v>61</v>
      </c>
      <c r="LK7" s="521"/>
      <c r="LL7" s="522"/>
      <c r="LM7" s="543" t="s">
        <v>62</v>
      </c>
      <c r="LN7" s="521"/>
      <c r="LO7" s="521"/>
      <c r="LP7" s="521"/>
      <c r="LQ7" s="521"/>
      <c r="LR7" s="521"/>
      <c r="LS7" s="544"/>
      <c r="LT7" s="567" t="s">
        <v>52</v>
      </c>
      <c r="LU7" s="520" t="s">
        <v>61</v>
      </c>
      <c r="LV7" s="521"/>
      <c r="LW7" s="522"/>
      <c r="LX7" s="543" t="s">
        <v>62</v>
      </c>
      <c r="LY7" s="521"/>
      <c r="LZ7" s="521"/>
      <c r="MA7" s="521"/>
      <c r="MB7" s="521"/>
      <c r="MC7" s="521"/>
      <c r="MD7" s="544"/>
      <c r="ME7" s="567" t="s">
        <v>52</v>
      </c>
      <c r="MF7" s="512" t="s">
        <v>61</v>
      </c>
      <c r="MG7" s="513"/>
      <c r="MH7" s="514"/>
      <c r="MI7" s="561" t="s">
        <v>62</v>
      </c>
      <c r="MJ7" s="513"/>
      <c r="MK7" s="513"/>
      <c r="ML7" s="513"/>
      <c r="MM7" s="513"/>
      <c r="MN7" s="513"/>
      <c r="MO7" s="562"/>
      <c r="MP7" s="545" t="s">
        <v>52</v>
      </c>
      <c r="MQ7" s="520" t="s">
        <v>61</v>
      </c>
      <c r="MR7" s="521"/>
      <c r="MS7" s="522"/>
      <c r="MT7" s="543" t="s">
        <v>62</v>
      </c>
      <c r="MU7" s="521"/>
      <c r="MV7" s="521"/>
      <c r="MW7" s="521"/>
      <c r="MX7" s="521"/>
      <c r="MY7" s="521"/>
      <c r="MZ7" s="544"/>
      <c r="NA7" s="567" t="s">
        <v>52</v>
      </c>
      <c r="NB7" s="520" t="s">
        <v>61</v>
      </c>
      <c r="NC7" s="521"/>
      <c r="ND7" s="522"/>
      <c r="NE7" s="543" t="s">
        <v>62</v>
      </c>
      <c r="NF7" s="521"/>
      <c r="NG7" s="521"/>
      <c r="NH7" s="521"/>
      <c r="NI7" s="521"/>
      <c r="NJ7" s="521"/>
      <c r="NK7" s="544"/>
      <c r="NL7" s="567" t="s">
        <v>52</v>
      </c>
      <c r="NM7" s="520" t="s">
        <v>61</v>
      </c>
      <c r="NN7" s="521"/>
      <c r="NO7" s="522"/>
      <c r="NP7" s="543" t="s">
        <v>62</v>
      </c>
      <c r="NQ7" s="521"/>
      <c r="NR7" s="521"/>
      <c r="NS7" s="521"/>
      <c r="NT7" s="521"/>
      <c r="NU7" s="521"/>
      <c r="NV7" s="544"/>
      <c r="NW7" s="567" t="s">
        <v>52</v>
      </c>
      <c r="NX7" s="520" t="s">
        <v>61</v>
      </c>
      <c r="NY7" s="521"/>
      <c r="NZ7" s="522"/>
      <c r="OA7" s="543" t="s">
        <v>62</v>
      </c>
      <c r="OB7" s="521"/>
      <c r="OC7" s="521"/>
      <c r="OD7" s="521"/>
      <c r="OE7" s="521"/>
      <c r="OF7" s="521"/>
      <c r="OG7" s="544"/>
      <c r="OH7" s="567" t="s">
        <v>52</v>
      </c>
      <c r="OI7" s="512" t="s">
        <v>61</v>
      </c>
      <c r="OJ7" s="513"/>
      <c r="OK7" s="514"/>
      <c r="OL7" s="561" t="s">
        <v>62</v>
      </c>
      <c r="OM7" s="513"/>
      <c r="ON7" s="513"/>
      <c r="OO7" s="513"/>
      <c r="OP7" s="513"/>
      <c r="OQ7" s="513"/>
      <c r="OR7" s="562"/>
      <c r="OS7" s="545" t="s">
        <v>52</v>
      </c>
    </row>
    <row r="8" spans="1:409" ht="30" customHeight="1" thickBot="1" x14ac:dyDescent="0.25">
      <c r="B8" s="549"/>
      <c r="C8" s="249" t="s">
        <v>43</v>
      </c>
      <c r="D8" s="74" t="s">
        <v>44</v>
      </c>
      <c r="E8" s="250" t="s">
        <v>45</v>
      </c>
      <c r="F8" s="76" t="s">
        <v>83</v>
      </c>
      <c r="G8" s="74" t="s">
        <v>47</v>
      </c>
      <c r="H8" s="74" t="s">
        <v>48</v>
      </c>
      <c r="I8" s="74" t="s">
        <v>49</v>
      </c>
      <c r="J8" s="74" t="s">
        <v>50</v>
      </c>
      <c r="K8" s="74" t="s">
        <v>51</v>
      </c>
      <c r="L8" s="75" t="s">
        <v>45</v>
      </c>
      <c r="M8" s="559"/>
      <c r="N8" s="73" t="s">
        <v>43</v>
      </c>
      <c r="O8" s="74" t="s">
        <v>44</v>
      </c>
      <c r="P8" s="75" t="s">
        <v>45</v>
      </c>
      <c r="Q8" s="76" t="s">
        <v>83</v>
      </c>
      <c r="R8" s="74" t="s">
        <v>47</v>
      </c>
      <c r="S8" s="74" t="s">
        <v>48</v>
      </c>
      <c r="T8" s="74" t="s">
        <v>49</v>
      </c>
      <c r="U8" s="74" t="s">
        <v>50</v>
      </c>
      <c r="V8" s="74" t="s">
        <v>51</v>
      </c>
      <c r="W8" s="75" t="s">
        <v>45</v>
      </c>
      <c r="X8" s="546"/>
      <c r="Y8" s="73" t="s">
        <v>43</v>
      </c>
      <c r="Z8" s="74" t="s">
        <v>44</v>
      </c>
      <c r="AA8" s="75" t="s">
        <v>45</v>
      </c>
      <c r="AB8" s="76" t="s">
        <v>83</v>
      </c>
      <c r="AC8" s="74" t="s">
        <v>47</v>
      </c>
      <c r="AD8" s="74" t="s">
        <v>48</v>
      </c>
      <c r="AE8" s="74" t="s">
        <v>49</v>
      </c>
      <c r="AF8" s="74" t="s">
        <v>50</v>
      </c>
      <c r="AG8" s="74" t="s">
        <v>51</v>
      </c>
      <c r="AH8" s="75" t="s">
        <v>45</v>
      </c>
      <c r="AI8" s="532"/>
      <c r="AJ8" s="73" t="s">
        <v>43</v>
      </c>
      <c r="AK8" s="74" t="s">
        <v>44</v>
      </c>
      <c r="AL8" s="250" t="s">
        <v>45</v>
      </c>
      <c r="AM8" s="76" t="s">
        <v>83</v>
      </c>
      <c r="AN8" s="74" t="s">
        <v>47</v>
      </c>
      <c r="AO8" s="74" t="s">
        <v>48</v>
      </c>
      <c r="AP8" s="74" t="s">
        <v>49</v>
      </c>
      <c r="AQ8" s="74" t="s">
        <v>50</v>
      </c>
      <c r="AR8" s="74" t="s">
        <v>51</v>
      </c>
      <c r="AS8" s="75" t="s">
        <v>45</v>
      </c>
      <c r="AT8" s="532"/>
      <c r="AU8" s="73" t="s">
        <v>43</v>
      </c>
      <c r="AV8" s="74" t="s">
        <v>44</v>
      </c>
      <c r="AW8" s="250" t="s">
        <v>45</v>
      </c>
      <c r="AX8" s="76" t="s">
        <v>83</v>
      </c>
      <c r="AY8" s="74" t="s">
        <v>47</v>
      </c>
      <c r="AZ8" s="74" t="s">
        <v>48</v>
      </c>
      <c r="BA8" s="74" t="s">
        <v>49</v>
      </c>
      <c r="BB8" s="74" t="s">
        <v>50</v>
      </c>
      <c r="BC8" s="74" t="s">
        <v>51</v>
      </c>
      <c r="BD8" s="75" t="s">
        <v>45</v>
      </c>
      <c r="BE8" s="532"/>
      <c r="BF8" s="251" t="s">
        <v>43</v>
      </c>
      <c r="BG8" s="74" t="s">
        <v>44</v>
      </c>
      <c r="BH8" s="250" t="s">
        <v>45</v>
      </c>
      <c r="BI8" s="76" t="s">
        <v>83</v>
      </c>
      <c r="BJ8" s="74" t="s">
        <v>47</v>
      </c>
      <c r="BK8" s="74" t="s">
        <v>48</v>
      </c>
      <c r="BL8" s="74" t="s">
        <v>49</v>
      </c>
      <c r="BM8" s="74" t="s">
        <v>50</v>
      </c>
      <c r="BN8" s="74" t="s">
        <v>51</v>
      </c>
      <c r="BO8" s="75" t="s">
        <v>45</v>
      </c>
      <c r="BP8" s="532"/>
      <c r="BQ8" s="73" t="s">
        <v>43</v>
      </c>
      <c r="BR8" s="74" t="s">
        <v>44</v>
      </c>
      <c r="BS8" s="250" t="s">
        <v>45</v>
      </c>
      <c r="BT8" s="76" t="s">
        <v>83</v>
      </c>
      <c r="BU8" s="74" t="s">
        <v>47</v>
      </c>
      <c r="BV8" s="74" t="s">
        <v>48</v>
      </c>
      <c r="BW8" s="74" t="s">
        <v>49</v>
      </c>
      <c r="BX8" s="74" t="s">
        <v>50</v>
      </c>
      <c r="BY8" s="74" t="s">
        <v>51</v>
      </c>
      <c r="BZ8" s="75" t="s">
        <v>45</v>
      </c>
      <c r="CA8" s="532"/>
      <c r="CB8" s="73" t="s">
        <v>43</v>
      </c>
      <c r="CC8" s="74" t="s">
        <v>44</v>
      </c>
      <c r="CD8" s="250" t="s">
        <v>45</v>
      </c>
      <c r="CE8" s="76" t="s">
        <v>83</v>
      </c>
      <c r="CF8" s="74" t="s">
        <v>47</v>
      </c>
      <c r="CG8" s="74" t="s">
        <v>48</v>
      </c>
      <c r="CH8" s="74" t="s">
        <v>49</v>
      </c>
      <c r="CI8" s="74" t="s">
        <v>50</v>
      </c>
      <c r="CJ8" s="74" t="s">
        <v>51</v>
      </c>
      <c r="CK8" s="75" t="s">
        <v>45</v>
      </c>
      <c r="CL8" s="546"/>
      <c r="CM8" s="73" t="s">
        <v>43</v>
      </c>
      <c r="CN8" s="74" t="s">
        <v>44</v>
      </c>
      <c r="CO8" s="75" t="s">
        <v>45</v>
      </c>
      <c r="CP8" s="76" t="s">
        <v>83</v>
      </c>
      <c r="CQ8" s="74" t="s">
        <v>47</v>
      </c>
      <c r="CR8" s="74" t="s">
        <v>48</v>
      </c>
      <c r="CS8" s="74" t="s">
        <v>49</v>
      </c>
      <c r="CT8" s="74" t="s">
        <v>50</v>
      </c>
      <c r="CU8" s="74" t="s">
        <v>51</v>
      </c>
      <c r="CV8" s="75" t="s">
        <v>45</v>
      </c>
      <c r="CW8" s="546"/>
      <c r="CX8" s="73" t="s">
        <v>43</v>
      </c>
      <c r="CY8" s="74" t="s">
        <v>44</v>
      </c>
      <c r="CZ8" s="75" t="s">
        <v>45</v>
      </c>
      <c r="DA8" s="76" t="s">
        <v>83</v>
      </c>
      <c r="DB8" s="74" t="s">
        <v>47</v>
      </c>
      <c r="DC8" s="74" t="s">
        <v>48</v>
      </c>
      <c r="DD8" s="74" t="s">
        <v>49</v>
      </c>
      <c r="DE8" s="74" t="s">
        <v>50</v>
      </c>
      <c r="DF8" s="74" t="s">
        <v>51</v>
      </c>
      <c r="DG8" s="75" t="s">
        <v>45</v>
      </c>
      <c r="DH8" s="546"/>
      <c r="DI8" s="73" t="s">
        <v>43</v>
      </c>
      <c r="DJ8" s="74" t="s">
        <v>44</v>
      </c>
      <c r="DK8" s="75" t="s">
        <v>45</v>
      </c>
      <c r="DL8" s="76" t="s">
        <v>83</v>
      </c>
      <c r="DM8" s="74" t="s">
        <v>47</v>
      </c>
      <c r="DN8" s="74" t="s">
        <v>48</v>
      </c>
      <c r="DO8" s="74" t="s">
        <v>49</v>
      </c>
      <c r="DP8" s="74" t="s">
        <v>50</v>
      </c>
      <c r="DQ8" s="74" t="s">
        <v>51</v>
      </c>
      <c r="DR8" s="75" t="s">
        <v>45</v>
      </c>
      <c r="DS8" s="546"/>
      <c r="DT8" s="73" t="s">
        <v>43</v>
      </c>
      <c r="DU8" s="74" t="s">
        <v>44</v>
      </c>
      <c r="DV8" s="250" t="s">
        <v>45</v>
      </c>
      <c r="DW8" s="76" t="s">
        <v>83</v>
      </c>
      <c r="DX8" s="74" t="s">
        <v>47</v>
      </c>
      <c r="DY8" s="74" t="s">
        <v>48</v>
      </c>
      <c r="DZ8" s="74" t="s">
        <v>49</v>
      </c>
      <c r="EA8" s="74" t="s">
        <v>50</v>
      </c>
      <c r="EB8" s="74" t="s">
        <v>51</v>
      </c>
      <c r="EC8" s="75" t="s">
        <v>45</v>
      </c>
      <c r="ED8" s="532"/>
      <c r="EE8" s="73" t="s">
        <v>43</v>
      </c>
      <c r="EF8" s="74" t="s">
        <v>44</v>
      </c>
      <c r="EG8" s="250" t="s">
        <v>45</v>
      </c>
      <c r="EH8" s="76" t="s">
        <v>83</v>
      </c>
      <c r="EI8" s="74" t="s">
        <v>47</v>
      </c>
      <c r="EJ8" s="74" t="s">
        <v>48</v>
      </c>
      <c r="EK8" s="74" t="s">
        <v>49</v>
      </c>
      <c r="EL8" s="74" t="s">
        <v>50</v>
      </c>
      <c r="EM8" s="74" t="s">
        <v>51</v>
      </c>
      <c r="EN8" s="75" t="s">
        <v>45</v>
      </c>
      <c r="EO8" s="532"/>
      <c r="EP8" s="73" t="s">
        <v>43</v>
      </c>
      <c r="EQ8" s="74" t="s">
        <v>44</v>
      </c>
      <c r="ER8" s="250" t="s">
        <v>45</v>
      </c>
      <c r="ES8" s="76" t="s">
        <v>83</v>
      </c>
      <c r="ET8" s="74" t="s">
        <v>47</v>
      </c>
      <c r="EU8" s="74" t="s">
        <v>48</v>
      </c>
      <c r="EV8" s="74" t="s">
        <v>49</v>
      </c>
      <c r="EW8" s="74" t="s">
        <v>50</v>
      </c>
      <c r="EX8" s="74" t="s">
        <v>51</v>
      </c>
      <c r="EY8" s="75" t="s">
        <v>45</v>
      </c>
      <c r="EZ8" s="532"/>
      <c r="FA8" s="73" t="s">
        <v>43</v>
      </c>
      <c r="FB8" s="74" t="s">
        <v>44</v>
      </c>
      <c r="FC8" s="250" t="s">
        <v>45</v>
      </c>
      <c r="FD8" s="76" t="s">
        <v>83</v>
      </c>
      <c r="FE8" s="74" t="s">
        <v>47</v>
      </c>
      <c r="FF8" s="74" t="s">
        <v>48</v>
      </c>
      <c r="FG8" s="74" t="s">
        <v>49</v>
      </c>
      <c r="FH8" s="74" t="s">
        <v>50</v>
      </c>
      <c r="FI8" s="74" t="s">
        <v>51</v>
      </c>
      <c r="FJ8" s="75" t="s">
        <v>45</v>
      </c>
      <c r="FK8" s="532"/>
      <c r="FL8" s="73" t="s">
        <v>43</v>
      </c>
      <c r="FM8" s="74" t="s">
        <v>44</v>
      </c>
      <c r="FN8" s="250" t="s">
        <v>45</v>
      </c>
      <c r="FO8" s="76" t="s">
        <v>83</v>
      </c>
      <c r="FP8" s="74" t="s">
        <v>47</v>
      </c>
      <c r="FQ8" s="74" t="s">
        <v>48</v>
      </c>
      <c r="FR8" s="74" t="s">
        <v>49</v>
      </c>
      <c r="FS8" s="74" t="s">
        <v>50</v>
      </c>
      <c r="FT8" s="74" t="s">
        <v>51</v>
      </c>
      <c r="FU8" s="75" t="s">
        <v>45</v>
      </c>
      <c r="FV8" s="566"/>
      <c r="FW8" s="73" t="s">
        <v>43</v>
      </c>
      <c r="FX8" s="74" t="s">
        <v>44</v>
      </c>
      <c r="FY8" s="250" t="s">
        <v>45</v>
      </c>
      <c r="FZ8" s="76" t="s">
        <v>83</v>
      </c>
      <c r="GA8" s="74" t="s">
        <v>47</v>
      </c>
      <c r="GB8" s="74" t="s">
        <v>48</v>
      </c>
      <c r="GC8" s="74" t="s">
        <v>49</v>
      </c>
      <c r="GD8" s="74" t="s">
        <v>50</v>
      </c>
      <c r="GE8" s="74" t="s">
        <v>51</v>
      </c>
      <c r="GF8" s="75" t="s">
        <v>45</v>
      </c>
      <c r="GG8" s="532"/>
      <c r="GH8" s="73" t="s">
        <v>43</v>
      </c>
      <c r="GI8" s="74" t="s">
        <v>44</v>
      </c>
      <c r="GJ8" s="250" t="s">
        <v>45</v>
      </c>
      <c r="GK8" s="76" t="s">
        <v>83</v>
      </c>
      <c r="GL8" s="74" t="s">
        <v>47</v>
      </c>
      <c r="GM8" s="74" t="s">
        <v>48</v>
      </c>
      <c r="GN8" s="74" t="s">
        <v>49</v>
      </c>
      <c r="GO8" s="74" t="s">
        <v>50</v>
      </c>
      <c r="GP8" s="74" t="s">
        <v>51</v>
      </c>
      <c r="GQ8" s="75" t="s">
        <v>45</v>
      </c>
      <c r="GR8" s="565"/>
      <c r="GS8" s="73" t="s">
        <v>43</v>
      </c>
      <c r="GT8" s="74" t="s">
        <v>44</v>
      </c>
      <c r="GU8" s="250" t="s">
        <v>45</v>
      </c>
      <c r="GV8" s="76" t="s">
        <v>83</v>
      </c>
      <c r="GW8" s="74" t="s">
        <v>47</v>
      </c>
      <c r="GX8" s="74" t="s">
        <v>48</v>
      </c>
      <c r="GY8" s="74" t="s">
        <v>49</v>
      </c>
      <c r="GZ8" s="74" t="s">
        <v>50</v>
      </c>
      <c r="HA8" s="74" t="s">
        <v>51</v>
      </c>
      <c r="HB8" s="75" t="s">
        <v>45</v>
      </c>
      <c r="HC8" s="565"/>
      <c r="HD8" s="73" t="s">
        <v>43</v>
      </c>
      <c r="HE8" s="74" t="s">
        <v>44</v>
      </c>
      <c r="HF8" s="250" t="s">
        <v>45</v>
      </c>
      <c r="HG8" s="76" t="s">
        <v>83</v>
      </c>
      <c r="HH8" s="74" t="s">
        <v>47</v>
      </c>
      <c r="HI8" s="74" t="s">
        <v>48</v>
      </c>
      <c r="HJ8" s="74" t="s">
        <v>49</v>
      </c>
      <c r="HK8" s="74" t="s">
        <v>50</v>
      </c>
      <c r="HL8" s="74" t="s">
        <v>51</v>
      </c>
      <c r="HM8" s="75" t="s">
        <v>45</v>
      </c>
      <c r="HN8" s="532"/>
      <c r="HO8" s="73" t="s">
        <v>43</v>
      </c>
      <c r="HP8" s="74" t="s">
        <v>44</v>
      </c>
      <c r="HQ8" s="250" t="s">
        <v>45</v>
      </c>
      <c r="HR8" s="76" t="s">
        <v>83</v>
      </c>
      <c r="HS8" s="74" t="s">
        <v>47</v>
      </c>
      <c r="HT8" s="74" t="s">
        <v>48</v>
      </c>
      <c r="HU8" s="74" t="s">
        <v>49</v>
      </c>
      <c r="HV8" s="74" t="s">
        <v>50</v>
      </c>
      <c r="HW8" s="74" t="s">
        <v>51</v>
      </c>
      <c r="HX8" s="75" t="s">
        <v>45</v>
      </c>
      <c r="HY8" s="532"/>
      <c r="HZ8" s="73" t="s">
        <v>43</v>
      </c>
      <c r="IA8" s="74" t="s">
        <v>44</v>
      </c>
      <c r="IB8" s="250" t="s">
        <v>45</v>
      </c>
      <c r="IC8" s="76" t="s">
        <v>83</v>
      </c>
      <c r="ID8" s="74" t="s">
        <v>47</v>
      </c>
      <c r="IE8" s="74" t="s">
        <v>48</v>
      </c>
      <c r="IF8" s="74" t="s">
        <v>49</v>
      </c>
      <c r="IG8" s="74" t="s">
        <v>50</v>
      </c>
      <c r="IH8" s="74" t="s">
        <v>51</v>
      </c>
      <c r="II8" s="75" t="s">
        <v>45</v>
      </c>
      <c r="IJ8" s="566"/>
      <c r="IK8" s="73" t="s">
        <v>43</v>
      </c>
      <c r="IL8" s="74" t="s">
        <v>44</v>
      </c>
      <c r="IM8" s="250" t="s">
        <v>45</v>
      </c>
      <c r="IN8" s="76" t="s">
        <v>83</v>
      </c>
      <c r="IO8" s="252" t="s">
        <v>47</v>
      </c>
      <c r="IP8" s="252" t="s">
        <v>48</v>
      </c>
      <c r="IQ8" s="252" t="s">
        <v>49</v>
      </c>
      <c r="IR8" s="252" t="s">
        <v>50</v>
      </c>
      <c r="IS8" s="252" t="s">
        <v>51</v>
      </c>
      <c r="IT8" s="253" t="s">
        <v>45</v>
      </c>
      <c r="IU8" s="569"/>
      <c r="IV8" s="251" t="s">
        <v>43</v>
      </c>
      <c r="IW8" s="252" t="s">
        <v>44</v>
      </c>
      <c r="IX8" s="253" t="s">
        <v>45</v>
      </c>
      <c r="IY8" s="231" t="s">
        <v>83</v>
      </c>
      <c r="IZ8" s="252" t="s">
        <v>47</v>
      </c>
      <c r="JA8" s="252" t="s">
        <v>48</v>
      </c>
      <c r="JB8" s="252" t="s">
        <v>49</v>
      </c>
      <c r="JC8" s="252" t="s">
        <v>50</v>
      </c>
      <c r="JD8" s="252" t="s">
        <v>51</v>
      </c>
      <c r="JE8" s="253" t="s">
        <v>45</v>
      </c>
      <c r="JF8" s="569"/>
      <c r="JG8" s="251" t="s">
        <v>43</v>
      </c>
      <c r="JH8" s="252" t="s">
        <v>44</v>
      </c>
      <c r="JI8" s="254" t="s">
        <v>45</v>
      </c>
      <c r="JJ8" s="231" t="s">
        <v>83</v>
      </c>
      <c r="JK8" s="252" t="s">
        <v>47</v>
      </c>
      <c r="JL8" s="252" t="s">
        <v>48</v>
      </c>
      <c r="JM8" s="252" t="s">
        <v>49</v>
      </c>
      <c r="JN8" s="252" t="s">
        <v>50</v>
      </c>
      <c r="JO8" s="252" t="s">
        <v>51</v>
      </c>
      <c r="JP8" s="253" t="s">
        <v>45</v>
      </c>
      <c r="JQ8" s="568"/>
      <c r="JR8" s="251" t="s">
        <v>43</v>
      </c>
      <c r="JS8" s="252" t="s">
        <v>44</v>
      </c>
      <c r="JT8" s="254" t="s">
        <v>45</v>
      </c>
      <c r="JU8" s="231" t="s">
        <v>83</v>
      </c>
      <c r="JV8" s="252" t="s">
        <v>47</v>
      </c>
      <c r="JW8" s="252" t="s">
        <v>48</v>
      </c>
      <c r="JX8" s="252" t="s">
        <v>49</v>
      </c>
      <c r="JY8" s="252" t="s">
        <v>50</v>
      </c>
      <c r="JZ8" s="252" t="s">
        <v>51</v>
      </c>
      <c r="KA8" s="253" t="s">
        <v>45</v>
      </c>
      <c r="KB8" s="568"/>
      <c r="KC8" s="251" t="s">
        <v>43</v>
      </c>
      <c r="KD8" s="252" t="s">
        <v>44</v>
      </c>
      <c r="KE8" s="254" t="s">
        <v>45</v>
      </c>
      <c r="KF8" s="231" t="s">
        <v>83</v>
      </c>
      <c r="KG8" s="252" t="s">
        <v>47</v>
      </c>
      <c r="KH8" s="252" t="s">
        <v>48</v>
      </c>
      <c r="KI8" s="252" t="s">
        <v>49</v>
      </c>
      <c r="KJ8" s="252" t="s">
        <v>50</v>
      </c>
      <c r="KK8" s="252" t="s">
        <v>51</v>
      </c>
      <c r="KL8" s="253" t="s">
        <v>45</v>
      </c>
      <c r="KM8" s="568"/>
      <c r="KN8" s="251" t="s">
        <v>43</v>
      </c>
      <c r="KO8" s="252" t="s">
        <v>44</v>
      </c>
      <c r="KP8" s="254" t="s">
        <v>45</v>
      </c>
      <c r="KQ8" s="76" t="s">
        <v>83</v>
      </c>
      <c r="KR8" s="252" t="s">
        <v>47</v>
      </c>
      <c r="KS8" s="252" t="s">
        <v>48</v>
      </c>
      <c r="KT8" s="252" t="s">
        <v>49</v>
      </c>
      <c r="KU8" s="252" t="s">
        <v>50</v>
      </c>
      <c r="KV8" s="252" t="s">
        <v>51</v>
      </c>
      <c r="KW8" s="253" t="s">
        <v>45</v>
      </c>
      <c r="KX8" s="568"/>
      <c r="KY8" s="251" t="s">
        <v>43</v>
      </c>
      <c r="KZ8" s="252" t="s">
        <v>44</v>
      </c>
      <c r="LA8" s="254" t="s">
        <v>45</v>
      </c>
      <c r="LB8" s="76" t="s">
        <v>83</v>
      </c>
      <c r="LC8" s="252" t="s">
        <v>47</v>
      </c>
      <c r="LD8" s="252" t="s">
        <v>48</v>
      </c>
      <c r="LE8" s="252" t="s">
        <v>49</v>
      </c>
      <c r="LF8" s="252" t="s">
        <v>50</v>
      </c>
      <c r="LG8" s="252" t="s">
        <v>51</v>
      </c>
      <c r="LH8" s="253" t="s">
        <v>45</v>
      </c>
      <c r="LI8" s="568"/>
      <c r="LJ8" s="251" t="s">
        <v>43</v>
      </c>
      <c r="LK8" s="252" t="s">
        <v>44</v>
      </c>
      <c r="LL8" s="254" t="s">
        <v>45</v>
      </c>
      <c r="LM8" s="76" t="s">
        <v>83</v>
      </c>
      <c r="LN8" s="252" t="s">
        <v>47</v>
      </c>
      <c r="LO8" s="252" t="s">
        <v>48</v>
      </c>
      <c r="LP8" s="252" t="s">
        <v>49</v>
      </c>
      <c r="LQ8" s="252" t="s">
        <v>50</v>
      </c>
      <c r="LR8" s="252" t="s">
        <v>51</v>
      </c>
      <c r="LS8" s="253" t="s">
        <v>45</v>
      </c>
      <c r="LT8" s="568"/>
      <c r="LU8" s="251" t="s">
        <v>43</v>
      </c>
      <c r="LV8" s="252" t="s">
        <v>44</v>
      </c>
      <c r="LW8" s="254" t="s">
        <v>45</v>
      </c>
      <c r="LX8" s="76" t="s">
        <v>83</v>
      </c>
      <c r="LY8" s="252" t="s">
        <v>47</v>
      </c>
      <c r="LZ8" s="252" t="s">
        <v>48</v>
      </c>
      <c r="MA8" s="252" t="s">
        <v>49</v>
      </c>
      <c r="MB8" s="252" t="s">
        <v>50</v>
      </c>
      <c r="MC8" s="252" t="s">
        <v>51</v>
      </c>
      <c r="MD8" s="253" t="s">
        <v>45</v>
      </c>
      <c r="ME8" s="568"/>
      <c r="MF8" s="251" t="s">
        <v>43</v>
      </c>
      <c r="MG8" s="252" t="s">
        <v>44</v>
      </c>
      <c r="MH8" s="254" t="s">
        <v>45</v>
      </c>
      <c r="MI8" s="76" t="s">
        <v>83</v>
      </c>
      <c r="MJ8" s="252" t="s">
        <v>47</v>
      </c>
      <c r="MK8" s="252" t="s">
        <v>48</v>
      </c>
      <c r="ML8" s="252" t="s">
        <v>49</v>
      </c>
      <c r="MM8" s="252" t="s">
        <v>50</v>
      </c>
      <c r="MN8" s="252" t="s">
        <v>51</v>
      </c>
      <c r="MO8" s="253" t="s">
        <v>45</v>
      </c>
      <c r="MP8" s="568"/>
      <c r="MQ8" s="251" t="s">
        <v>43</v>
      </c>
      <c r="MR8" s="252" t="s">
        <v>44</v>
      </c>
      <c r="MS8" s="254" t="s">
        <v>45</v>
      </c>
      <c r="MT8" s="76" t="s">
        <v>83</v>
      </c>
      <c r="MU8" s="252" t="s">
        <v>47</v>
      </c>
      <c r="MV8" s="252" t="s">
        <v>48</v>
      </c>
      <c r="MW8" s="252" t="s">
        <v>49</v>
      </c>
      <c r="MX8" s="252" t="s">
        <v>50</v>
      </c>
      <c r="MY8" s="252" t="s">
        <v>51</v>
      </c>
      <c r="MZ8" s="253" t="s">
        <v>45</v>
      </c>
      <c r="NA8" s="568"/>
      <c r="NB8" s="251" t="s">
        <v>43</v>
      </c>
      <c r="NC8" s="252" t="s">
        <v>44</v>
      </c>
      <c r="ND8" s="254" t="s">
        <v>45</v>
      </c>
      <c r="NE8" s="76" t="s">
        <v>83</v>
      </c>
      <c r="NF8" s="252" t="s">
        <v>47</v>
      </c>
      <c r="NG8" s="252" t="s">
        <v>48</v>
      </c>
      <c r="NH8" s="252" t="s">
        <v>49</v>
      </c>
      <c r="NI8" s="252" t="s">
        <v>50</v>
      </c>
      <c r="NJ8" s="252" t="s">
        <v>51</v>
      </c>
      <c r="NK8" s="253" t="s">
        <v>45</v>
      </c>
      <c r="NL8" s="568"/>
      <c r="NM8" s="251" t="s">
        <v>43</v>
      </c>
      <c r="NN8" s="252" t="s">
        <v>44</v>
      </c>
      <c r="NO8" s="254" t="s">
        <v>45</v>
      </c>
      <c r="NP8" s="76" t="s">
        <v>83</v>
      </c>
      <c r="NQ8" s="252" t="s">
        <v>47</v>
      </c>
      <c r="NR8" s="252" t="s">
        <v>48</v>
      </c>
      <c r="NS8" s="252" t="s">
        <v>49</v>
      </c>
      <c r="NT8" s="252" t="s">
        <v>50</v>
      </c>
      <c r="NU8" s="252" t="s">
        <v>51</v>
      </c>
      <c r="NV8" s="253" t="s">
        <v>45</v>
      </c>
      <c r="NW8" s="568"/>
      <c r="NX8" s="251" t="s">
        <v>43</v>
      </c>
      <c r="NY8" s="252" t="s">
        <v>44</v>
      </c>
      <c r="NZ8" s="254" t="s">
        <v>45</v>
      </c>
      <c r="OA8" s="76" t="s">
        <v>83</v>
      </c>
      <c r="OB8" s="252" t="s">
        <v>47</v>
      </c>
      <c r="OC8" s="252" t="s">
        <v>48</v>
      </c>
      <c r="OD8" s="252" t="s">
        <v>49</v>
      </c>
      <c r="OE8" s="252" t="s">
        <v>50</v>
      </c>
      <c r="OF8" s="252" t="s">
        <v>51</v>
      </c>
      <c r="OG8" s="253" t="s">
        <v>45</v>
      </c>
      <c r="OH8" s="568"/>
      <c r="OI8" s="251" t="s">
        <v>43</v>
      </c>
      <c r="OJ8" s="252" t="s">
        <v>44</v>
      </c>
      <c r="OK8" s="254" t="s">
        <v>45</v>
      </c>
      <c r="OL8" s="231" t="s">
        <v>83</v>
      </c>
      <c r="OM8" s="252" t="s">
        <v>47</v>
      </c>
      <c r="ON8" s="252" t="s">
        <v>48</v>
      </c>
      <c r="OO8" s="252" t="s">
        <v>49</v>
      </c>
      <c r="OP8" s="252" t="s">
        <v>50</v>
      </c>
      <c r="OQ8" s="252" t="s">
        <v>51</v>
      </c>
      <c r="OR8" s="253" t="s">
        <v>45</v>
      </c>
      <c r="OS8" s="568"/>
    </row>
    <row r="9" spans="1:409" s="407" customFormat="1" ht="21" customHeight="1" x14ac:dyDescent="0.2">
      <c r="A9" s="70"/>
      <c r="B9" s="408" t="s">
        <v>4</v>
      </c>
      <c r="C9" s="255">
        <v>27446459</v>
      </c>
      <c r="D9" s="256">
        <v>50014320</v>
      </c>
      <c r="E9" s="257">
        <v>77460779</v>
      </c>
      <c r="F9" s="258">
        <v>0</v>
      </c>
      <c r="G9" s="256">
        <v>306839353</v>
      </c>
      <c r="H9" s="256">
        <v>426112187</v>
      </c>
      <c r="I9" s="256">
        <v>340129400</v>
      </c>
      <c r="J9" s="256">
        <v>324313156</v>
      </c>
      <c r="K9" s="256">
        <v>199656714</v>
      </c>
      <c r="L9" s="259">
        <v>1597050810</v>
      </c>
      <c r="M9" s="260">
        <v>1674511589</v>
      </c>
      <c r="N9" s="255">
        <v>8579188</v>
      </c>
      <c r="O9" s="256">
        <v>16430417</v>
      </c>
      <c r="P9" s="261">
        <v>25009605</v>
      </c>
      <c r="Q9" s="255">
        <v>0</v>
      </c>
      <c r="R9" s="256">
        <v>95712128</v>
      </c>
      <c r="S9" s="256">
        <v>146516117</v>
      </c>
      <c r="T9" s="256">
        <v>115618719</v>
      </c>
      <c r="U9" s="256">
        <v>125547420</v>
      </c>
      <c r="V9" s="256">
        <v>101422016</v>
      </c>
      <c r="W9" s="261">
        <v>584816400</v>
      </c>
      <c r="X9" s="260">
        <v>609826005</v>
      </c>
      <c r="Y9" s="255">
        <v>0</v>
      </c>
      <c r="Z9" s="256">
        <v>0</v>
      </c>
      <c r="AA9" s="261">
        <v>0</v>
      </c>
      <c r="AB9" s="262">
        <v>0</v>
      </c>
      <c r="AC9" s="263">
        <v>37616494</v>
      </c>
      <c r="AD9" s="263">
        <v>59138416</v>
      </c>
      <c r="AE9" s="263">
        <v>56429182</v>
      </c>
      <c r="AF9" s="263">
        <v>70128692</v>
      </c>
      <c r="AG9" s="263">
        <v>58306343</v>
      </c>
      <c r="AH9" s="261">
        <v>281619127</v>
      </c>
      <c r="AI9" s="260">
        <v>281619127</v>
      </c>
      <c r="AJ9" s="264">
        <v>0</v>
      </c>
      <c r="AK9" s="263">
        <v>0</v>
      </c>
      <c r="AL9" s="261">
        <v>0</v>
      </c>
      <c r="AM9" s="262">
        <v>0</v>
      </c>
      <c r="AN9" s="263">
        <v>381980</v>
      </c>
      <c r="AO9" s="259">
        <v>1713584</v>
      </c>
      <c r="AP9" s="263">
        <v>2735467</v>
      </c>
      <c r="AQ9" s="263">
        <v>6335626</v>
      </c>
      <c r="AR9" s="263">
        <v>10192606</v>
      </c>
      <c r="AS9" s="261">
        <v>21359263</v>
      </c>
      <c r="AT9" s="260">
        <v>21359263</v>
      </c>
      <c r="AU9" s="264">
        <v>4534066</v>
      </c>
      <c r="AV9" s="263">
        <v>11250403</v>
      </c>
      <c r="AW9" s="261">
        <v>15784469</v>
      </c>
      <c r="AX9" s="262">
        <v>0</v>
      </c>
      <c r="AY9" s="263">
        <v>35514353</v>
      </c>
      <c r="AZ9" s="263">
        <v>58821824</v>
      </c>
      <c r="BA9" s="263">
        <v>34455770</v>
      </c>
      <c r="BB9" s="263">
        <v>28192099</v>
      </c>
      <c r="BC9" s="263">
        <v>19880145</v>
      </c>
      <c r="BD9" s="261">
        <v>176864191</v>
      </c>
      <c r="BE9" s="265">
        <v>192648660</v>
      </c>
      <c r="BF9" s="264">
        <v>537517</v>
      </c>
      <c r="BG9" s="259">
        <v>1226494</v>
      </c>
      <c r="BH9" s="266">
        <v>1764011</v>
      </c>
      <c r="BI9" s="262">
        <v>0</v>
      </c>
      <c r="BJ9" s="263">
        <v>2560051</v>
      </c>
      <c r="BK9" s="263">
        <v>3773629</v>
      </c>
      <c r="BL9" s="263">
        <v>2799202</v>
      </c>
      <c r="BM9" s="263">
        <v>1244983</v>
      </c>
      <c r="BN9" s="263">
        <v>1373154</v>
      </c>
      <c r="BO9" s="261">
        <v>11751019</v>
      </c>
      <c r="BP9" s="260">
        <v>13515030</v>
      </c>
      <c r="BQ9" s="264">
        <v>3507605</v>
      </c>
      <c r="BR9" s="263">
        <v>3953520</v>
      </c>
      <c r="BS9" s="261">
        <v>7461125</v>
      </c>
      <c r="BT9" s="262">
        <v>0</v>
      </c>
      <c r="BU9" s="263">
        <v>19639250</v>
      </c>
      <c r="BV9" s="263">
        <v>23068664</v>
      </c>
      <c r="BW9" s="263">
        <v>19199098</v>
      </c>
      <c r="BX9" s="263">
        <v>19646020</v>
      </c>
      <c r="BY9" s="263">
        <v>11669768</v>
      </c>
      <c r="BZ9" s="261">
        <v>93222800</v>
      </c>
      <c r="CA9" s="260">
        <v>100683925</v>
      </c>
      <c r="CB9" s="264">
        <v>3013576</v>
      </c>
      <c r="CC9" s="263">
        <v>7669404</v>
      </c>
      <c r="CD9" s="261">
        <v>10682980</v>
      </c>
      <c r="CE9" s="262">
        <v>0</v>
      </c>
      <c r="CF9" s="263">
        <v>88979345</v>
      </c>
      <c r="CG9" s="263">
        <v>110872893</v>
      </c>
      <c r="CH9" s="267">
        <v>74832091</v>
      </c>
      <c r="CI9" s="263">
        <v>39724260</v>
      </c>
      <c r="CJ9" s="263">
        <v>17367768</v>
      </c>
      <c r="CK9" s="261">
        <v>331776357</v>
      </c>
      <c r="CL9" s="260">
        <v>342459337</v>
      </c>
      <c r="CM9" s="255">
        <v>0</v>
      </c>
      <c r="CN9" s="256">
        <v>0</v>
      </c>
      <c r="CO9" s="261">
        <v>0</v>
      </c>
      <c r="CP9" s="262">
        <v>0</v>
      </c>
      <c r="CQ9" s="263">
        <v>71910704</v>
      </c>
      <c r="CR9" s="263">
        <v>81342776</v>
      </c>
      <c r="CS9" s="263">
        <v>54889205</v>
      </c>
      <c r="CT9" s="263">
        <v>28264163</v>
      </c>
      <c r="CU9" s="263">
        <v>13893078</v>
      </c>
      <c r="CV9" s="268">
        <v>250299926</v>
      </c>
      <c r="CW9" s="260">
        <v>250299926</v>
      </c>
      <c r="CX9" s="264">
        <v>3013576</v>
      </c>
      <c r="CY9" s="263">
        <v>7669404</v>
      </c>
      <c r="CZ9" s="261">
        <v>10682980</v>
      </c>
      <c r="DA9" s="262">
        <v>0</v>
      </c>
      <c r="DB9" s="263">
        <v>17068641</v>
      </c>
      <c r="DC9" s="263">
        <v>29530117</v>
      </c>
      <c r="DD9" s="263">
        <v>19942886</v>
      </c>
      <c r="DE9" s="263">
        <v>11460097</v>
      </c>
      <c r="DF9" s="263">
        <v>3474690</v>
      </c>
      <c r="DG9" s="261">
        <v>81476431</v>
      </c>
      <c r="DH9" s="260">
        <v>92159411</v>
      </c>
      <c r="DI9" s="264">
        <v>94322</v>
      </c>
      <c r="DJ9" s="263">
        <v>880949</v>
      </c>
      <c r="DK9" s="266">
        <v>975271</v>
      </c>
      <c r="DL9" s="262">
        <v>0</v>
      </c>
      <c r="DM9" s="263">
        <v>8829335</v>
      </c>
      <c r="DN9" s="263">
        <v>21053574</v>
      </c>
      <c r="DO9" s="263">
        <v>32739651</v>
      </c>
      <c r="DP9" s="263">
        <v>27284101</v>
      </c>
      <c r="DQ9" s="263">
        <v>10857350</v>
      </c>
      <c r="DR9" s="269">
        <v>100764011</v>
      </c>
      <c r="DS9" s="260">
        <v>101739282</v>
      </c>
      <c r="DT9" s="264">
        <v>94322</v>
      </c>
      <c r="DU9" s="263">
        <v>737622</v>
      </c>
      <c r="DV9" s="261">
        <v>831944</v>
      </c>
      <c r="DW9" s="262">
        <v>0</v>
      </c>
      <c r="DX9" s="263">
        <v>7505982</v>
      </c>
      <c r="DY9" s="263">
        <v>18532936</v>
      </c>
      <c r="DZ9" s="263">
        <v>29302251</v>
      </c>
      <c r="EA9" s="263">
        <v>24672111</v>
      </c>
      <c r="EB9" s="263">
        <v>9545478</v>
      </c>
      <c r="EC9" s="261">
        <v>89558758</v>
      </c>
      <c r="ED9" s="260">
        <v>90390702</v>
      </c>
      <c r="EE9" s="264">
        <v>0</v>
      </c>
      <c r="EF9" s="259">
        <v>143327</v>
      </c>
      <c r="EG9" s="261">
        <v>143327</v>
      </c>
      <c r="EH9" s="265">
        <v>0</v>
      </c>
      <c r="EI9" s="263">
        <v>1323353</v>
      </c>
      <c r="EJ9" s="263">
        <v>2520638</v>
      </c>
      <c r="EK9" s="263">
        <v>3437400</v>
      </c>
      <c r="EL9" s="263">
        <v>2611990</v>
      </c>
      <c r="EM9" s="267">
        <v>1311872</v>
      </c>
      <c r="EN9" s="259">
        <v>11205253</v>
      </c>
      <c r="EO9" s="260">
        <v>11348580</v>
      </c>
      <c r="EP9" s="264">
        <v>0</v>
      </c>
      <c r="EQ9" s="263">
        <v>0</v>
      </c>
      <c r="ER9" s="259">
        <v>0</v>
      </c>
      <c r="ES9" s="262">
        <v>0</v>
      </c>
      <c r="ET9" s="263">
        <v>0</v>
      </c>
      <c r="EU9" s="263">
        <v>0</v>
      </c>
      <c r="EV9" s="263">
        <v>0</v>
      </c>
      <c r="EW9" s="263">
        <v>0</v>
      </c>
      <c r="EX9" s="263">
        <v>0</v>
      </c>
      <c r="EY9" s="268">
        <v>0</v>
      </c>
      <c r="EZ9" s="260">
        <v>0</v>
      </c>
      <c r="FA9" s="264">
        <v>0</v>
      </c>
      <c r="FB9" s="263">
        <v>0</v>
      </c>
      <c r="FC9" s="259">
        <v>0</v>
      </c>
      <c r="FD9" s="262">
        <v>0</v>
      </c>
      <c r="FE9" s="263">
        <v>0</v>
      </c>
      <c r="FF9" s="263">
        <v>0</v>
      </c>
      <c r="FG9" s="263">
        <v>0</v>
      </c>
      <c r="FH9" s="263">
        <v>0</v>
      </c>
      <c r="FI9" s="263">
        <v>0</v>
      </c>
      <c r="FJ9" s="268">
        <v>0</v>
      </c>
      <c r="FK9" s="260">
        <v>0</v>
      </c>
      <c r="FL9" s="264">
        <v>5635521</v>
      </c>
      <c r="FM9" s="263">
        <v>12286591</v>
      </c>
      <c r="FN9" s="261">
        <v>17922112</v>
      </c>
      <c r="FO9" s="262">
        <v>0</v>
      </c>
      <c r="FP9" s="263">
        <v>15884793</v>
      </c>
      <c r="FQ9" s="263">
        <v>42622701</v>
      </c>
      <c r="FR9" s="263">
        <v>27454721</v>
      </c>
      <c r="FS9" s="263">
        <v>21974962</v>
      </c>
      <c r="FT9" s="263">
        <v>14760013</v>
      </c>
      <c r="FU9" s="261">
        <v>122697190</v>
      </c>
      <c r="FV9" s="260">
        <v>140619302</v>
      </c>
      <c r="FW9" s="264">
        <v>3121584</v>
      </c>
      <c r="FX9" s="263">
        <v>8111620</v>
      </c>
      <c r="FY9" s="259">
        <v>11233204</v>
      </c>
      <c r="FZ9" s="265">
        <v>0</v>
      </c>
      <c r="GA9" s="263">
        <v>11774746</v>
      </c>
      <c r="GB9" s="270">
        <v>37970390</v>
      </c>
      <c r="GC9" s="263">
        <v>26004380</v>
      </c>
      <c r="GD9" s="270">
        <v>20698112</v>
      </c>
      <c r="GE9" s="263">
        <v>13972876</v>
      </c>
      <c r="GF9" s="268">
        <v>110420504</v>
      </c>
      <c r="GG9" s="271">
        <v>121653708</v>
      </c>
      <c r="GH9" s="272">
        <v>372693</v>
      </c>
      <c r="GI9" s="263">
        <v>801080</v>
      </c>
      <c r="GJ9" s="270">
        <v>1173773</v>
      </c>
      <c r="GK9" s="258">
        <v>0</v>
      </c>
      <c r="GL9" s="263">
        <v>683391</v>
      </c>
      <c r="GM9" s="259">
        <v>1752869</v>
      </c>
      <c r="GN9" s="263">
        <v>642762</v>
      </c>
      <c r="GO9" s="259">
        <v>470610</v>
      </c>
      <c r="GP9" s="263">
        <v>374337</v>
      </c>
      <c r="GQ9" s="269">
        <v>3923969</v>
      </c>
      <c r="GR9" s="260">
        <v>5097742</v>
      </c>
      <c r="GS9" s="259">
        <v>2141244</v>
      </c>
      <c r="GT9" s="263">
        <v>3373891</v>
      </c>
      <c r="GU9" s="261">
        <v>5515135</v>
      </c>
      <c r="GV9" s="259">
        <v>0</v>
      </c>
      <c r="GW9" s="263">
        <v>3426656</v>
      </c>
      <c r="GX9" s="259">
        <v>2899442</v>
      </c>
      <c r="GY9" s="263">
        <v>807579</v>
      </c>
      <c r="GZ9" s="259">
        <v>806240</v>
      </c>
      <c r="HA9" s="263">
        <v>412800</v>
      </c>
      <c r="HB9" s="259">
        <v>8352717</v>
      </c>
      <c r="HC9" s="260">
        <v>13867852</v>
      </c>
      <c r="HD9" s="259">
        <v>10123852</v>
      </c>
      <c r="HE9" s="263">
        <v>12746959</v>
      </c>
      <c r="HF9" s="259">
        <v>22870811</v>
      </c>
      <c r="HG9" s="265">
        <v>0</v>
      </c>
      <c r="HH9" s="263">
        <v>97433752</v>
      </c>
      <c r="HI9" s="270">
        <v>105046902</v>
      </c>
      <c r="HJ9" s="263">
        <v>89484218</v>
      </c>
      <c r="HK9" s="270">
        <v>109782413</v>
      </c>
      <c r="HL9" s="263">
        <v>55249567</v>
      </c>
      <c r="HM9" s="268">
        <v>456996852</v>
      </c>
      <c r="HN9" s="259">
        <v>479867663</v>
      </c>
      <c r="HO9" s="272">
        <v>0</v>
      </c>
      <c r="HP9" s="263">
        <v>0</v>
      </c>
      <c r="HQ9" s="268">
        <v>0</v>
      </c>
      <c r="HR9" s="270">
        <v>0</v>
      </c>
      <c r="HS9" s="263">
        <v>0</v>
      </c>
      <c r="HT9" s="270">
        <v>0</v>
      </c>
      <c r="HU9" s="263">
        <v>0</v>
      </c>
      <c r="HV9" s="270">
        <v>0</v>
      </c>
      <c r="HW9" s="263">
        <v>0</v>
      </c>
      <c r="HX9" s="270">
        <v>0</v>
      </c>
      <c r="HY9" s="260">
        <v>0</v>
      </c>
      <c r="HZ9" s="273">
        <v>379924</v>
      </c>
      <c r="IA9" s="274">
        <v>1080438</v>
      </c>
      <c r="IB9" s="275">
        <v>1460362</v>
      </c>
      <c r="IC9" s="276">
        <v>0</v>
      </c>
      <c r="ID9" s="274">
        <v>79308382</v>
      </c>
      <c r="IE9" s="277">
        <v>109468808</v>
      </c>
      <c r="IF9" s="278">
        <v>101931354</v>
      </c>
      <c r="IG9" s="274">
        <v>79017293</v>
      </c>
      <c r="IH9" s="278">
        <v>54385442</v>
      </c>
      <c r="II9" s="279">
        <v>424111279</v>
      </c>
      <c r="IJ9" s="280">
        <v>425571641</v>
      </c>
      <c r="IK9" s="281">
        <v>0</v>
      </c>
      <c r="IL9" s="282">
        <v>0</v>
      </c>
      <c r="IM9" s="283">
        <v>0</v>
      </c>
      <c r="IN9" s="406">
        <v>0</v>
      </c>
      <c r="IO9" s="284">
        <v>1103926</v>
      </c>
      <c r="IP9" s="284">
        <v>3369696</v>
      </c>
      <c r="IQ9" s="284">
        <v>4671445</v>
      </c>
      <c r="IR9" s="284">
        <v>5258702</v>
      </c>
      <c r="IS9" s="284">
        <v>6015586</v>
      </c>
      <c r="IT9" s="285">
        <v>20419355</v>
      </c>
      <c r="IU9" s="286">
        <v>20419355</v>
      </c>
      <c r="IV9" s="287">
        <v>0</v>
      </c>
      <c r="IW9" s="284">
        <v>0</v>
      </c>
      <c r="IX9" s="288">
        <v>0</v>
      </c>
      <c r="IY9" s="406">
        <v>0</v>
      </c>
      <c r="IZ9" s="284">
        <v>226055</v>
      </c>
      <c r="JA9" s="284">
        <v>509708</v>
      </c>
      <c r="JB9" s="284">
        <v>557341</v>
      </c>
      <c r="JC9" s="284">
        <v>1393264</v>
      </c>
      <c r="JD9" s="284">
        <v>844625</v>
      </c>
      <c r="JE9" s="288">
        <v>3530993</v>
      </c>
      <c r="JF9" s="289">
        <v>3530993</v>
      </c>
      <c r="JG9" s="287">
        <v>0</v>
      </c>
      <c r="JH9" s="284">
        <v>0</v>
      </c>
      <c r="JI9" s="285">
        <v>0</v>
      </c>
      <c r="JJ9" s="290">
        <v>0</v>
      </c>
      <c r="JK9" s="284">
        <v>34594017</v>
      </c>
      <c r="JL9" s="284">
        <v>41596134</v>
      </c>
      <c r="JM9" s="284">
        <v>26576022</v>
      </c>
      <c r="JN9" s="284">
        <v>13858325</v>
      </c>
      <c r="JO9" s="284">
        <v>7631718</v>
      </c>
      <c r="JP9" s="288">
        <v>124256216</v>
      </c>
      <c r="JQ9" s="286">
        <v>124256216</v>
      </c>
      <c r="JR9" s="287">
        <v>0</v>
      </c>
      <c r="JS9" s="284">
        <v>0</v>
      </c>
      <c r="JT9" s="285">
        <v>0</v>
      </c>
      <c r="JU9" s="290">
        <v>0</v>
      </c>
      <c r="JV9" s="284">
        <v>4262461</v>
      </c>
      <c r="JW9" s="284">
        <v>7831744</v>
      </c>
      <c r="JX9" s="284">
        <v>6368052</v>
      </c>
      <c r="JY9" s="284">
        <v>3528280</v>
      </c>
      <c r="JZ9" s="284">
        <v>2019450</v>
      </c>
      <c r="KA9" s="288">
        <v>24009987</v>
      </c>
      <c r="KB9" s="286">
        <v>24009987</v>
      </c>
      <c r="KC9" s="291">
        <v>379924</v>
      </c>
      <c r="KD9" s="292">
        <v>837034</v>
      </c>
      <c r="KE9" s="288">
        <v>1216958</v>
      </c>
      <c r="KF9" s="290">
        <v>0</v>
      </c>
      <c r="KG9" s="284">
        <v>10744311</v>
      </c>
      <c r="KH9" s="284">
        <v>13970354</v>
      </c>
      <c r="KI9" s="284">
        <v>16936619</v>
      </c>
      <c r="KJ9" s="284">
        <v>11508351</v>
      </c>
      <c r="KK9" s="284">
        <v>9794605</v>
      </c>
      <c r="KL9" s="288">
        <v>62954240</v>
      </c>
      <c r="KM9" s="293">
        <v>64171198</v>
      </c>
      <c r="KN9" s="281">
        <v>0</v>
      </c>
      <c r="KO9" s="282">
        <v>243404</v>
      </c>
      <c r="KP9" s="283">
        <v>243404</v>
      </c>
      <c r="KQ9" s="406">
        <v>0</v>
      </c>
      <c r="KR9" s="284">
        <v>25089264</v>
      </c>
      <c r="KS9" s="284">
        <v>36482097</v>
      </c>
      <c r="KT9" s="284">
        <v>35630703</v>
      </c>
      <c r="KU9" s="284">
        <v>26812405</v>
      </c>
      <c r="KV9" s="284">
        <v>13880292</v>
      </c>
      <c r="KW9" s="288">
        <v>137894761</v>
      </c>
      <c r="KX9" s="286">
        <v>138138165</v>
      </c>
      <c r="KY9" s="287">
        <v>0</v>
      </c>
      <c r="KZ9" s="284">
        <v>0</v>
      </c>
      <c r="LA9" s="288">
        <v>0</v>
      </c>
      <c r="LB9" s="406">
        <v>0</v>
      </c>
      <c r="LC9" s="284">
        <v>650939</v>
      </c>
      <c r="LD9" s="284">
        <v>968567</v>
      </c>
      <c r="LE9" s="284">
        <v>619108</v>
      </c>
      <c r="LF9" s="284">
        <v>916631</v>
      </c>
      <c r="LG9" s="284">
        <v>992524</v>
      </c>
      <c r="LH9" s="288">
        <v>4147769</v>
      </c>
      <c r="LI9" s="289">
        <v>4147769</v>
      </c>
      <c r="LJ9" s="287">
        <v>0</v>
      </c>
      <c r="LK9" s="284">
        <v>0</v>
      </c>
      <c r="LL9" s="288">
        <v>0</v>
      </c>
      <c r="LM9" s="406">
        <v>0</v>
      </c>
      <c r="LN9" s="284">
        <v>237692</v>
      </c>
      <c r="LO9" s="284">
        <v>460112</v>
      </c>
      <c r="LP9" s="284">
        <v>3014742</v>
      </c>
      <c r="LQ9" s="284">
        <v>7183367</v>
      </c>
      <c r="LR9" s="284">
        <v>4667715</v>
      </c>
      <c r="LS9" s="288">
        <v>15563628</v>
      </c>
      <c r="LT9" s="286">
        <v>15563628</v>
      </c>
      <c r="LU9" s="287">
        <v>0</v>
      </c>
      <c r="LV9" s="284">
        <v>0</v>
      </c>
      <c r="LW9" s="288">
        <v>0</v>
      </c>
      <c r="LX9" s="406">
        <v>0</v>
      </c>
      <c r="LY9" s="284">
        <v>2399717</v>
      </c>
      <c r="LZ9" s="284">
        <v>4280396</v>
      </c>
      <c r="MA9" s="284">
        <v>7557322</v>
      </c>
      <c r="MB9" s="284">
        <v>8557968</v>
      </c>
      <c r="MC9" s="284">
        <v>8538927</v>
      </c>
      <c r="MD9" s="288">
        <v>31334330</v>
      </c>
      <c r="ME9" s="289">
        <v>31334330</v>
      </c>
      <c r="MF9" s="287">
        <v>0</v>
      </c>
      <c r="MG9" s="284">
        <v>0</v>
      </c>
      <c r="MH9" s="288">
        <v>0</v>
      </c>
      <c r="MI9" s="406">
        <v>0</v>
      </c>
      <c r="MJ9" s="284">
        <v>25462839</v>
      </c>
      <c r="MK9" s="284">
        <v>61698359</v>
      </c>
      <c r="ML9" s="284">
        <v>198548381</v>
      </c>
      <c r="MM9" s="284">
        <v>276830002</v>
      </c>
      <c r="MN9" s="284">
        <v>143978236</v>
      </c>
      <c r="MO9" s="288">
        <v>706517817</v>
      </c>
      <c r="MP9" s="293">
        <v>706517817</v>
      </c>
      <c r="MQ9" s="287">
        <v>0</v>
      </c>
      <c r="MR9" s="284">
        <v>0</v>
      </c>
      <c r="MS9" s="288">
        <v>0</v>
      </c>
      <c r="MT9" s="406">
        <v>0</v>
      </c>
      <c r="MU9" s="284">
        <v>4602652</v>
      </c>
      <c r="MV9" s="284">
        <v>15645137</v>
      </c>
      <c r="MW9" s="284">
        <v>117180404</v>
      </c>
      <c r="MX9" s="284">
        <v>176357985</v>
      </c>
      <c r="MY9" s="284">
        <v>94420933</v>
      </c>
      <c r="MZ9" s="288">
        <v>408207111</v>
      </c>
      <c r="NA9" s="293">
        <v>408207111</v>
      </c>
      <c r="NB9" s="287">
        <v>0</v>
      </c>
      <c r="NC9" s="284">
        <v>0</v>
      </c>
      <c r="ND9" s="288">
        <v>0</v>
      </c>
      <c r="NE9" s="406">
        <v>0</v>
      </c>
      <c r="NF9" s="284">
        <v>20860187</v>
      </c>
      <c r="NG9" s="284">
        <v>45716654</v>
      </c>
      <c r="NH9" s="284">
        <v>79592664</v>
      </c>
      <c r="NI9" s="284">
        <v>94451954</v>
      </c>
      <c r="NJ9" s="284">
        <v>42400181</v>
      </c>
      <c r="NK9" s="288">
        <v>283021640</v>
      </c>
      <c r="NL9" s="286">
        <v>283021640</v>
      </c>
      <c r="NM9" s="287">
        <v>0</v>
      </c>
      <c r="NN9" s="284">
        <v>0</v>
      </c>
      <c r="NO9" s="288">
        <v>0</v>
      </c>
      <c r="NP9" s="406">
        <v>0</v>
      </c>
      <c r="NQ9" s="284">
        <v>0</v>
      </c>
      <c r="NR9" s="284">
        <v>0</v>
      </c>
      <c r="NS9" s="284">
        <v>0</v>
      </c>
      <c r="NT9" s="284">
        <v>0</v>
      </c>
      <c r="NU9" s="284">
        <v>0</v>
      </c>
      <c r="NV9" s="288">
        <v>0</v>
      </c>
      <c r="NW9" s="289">
        <v>0</v>
      </c>
      <c r="NX9" s="287">
        <v>0</v>
      </c>
      <c r="NY9" s="284">
        <v>0</v>
      </c>
      <c r="NZ9" s="288">
        <v>0</v>
      </c>
      <c r="OA9" s="406">
        <v>0</v>
      </c>
      <c r="OB9" s="284">
        <v>0</v>
      </c>
      <c r="OC9" s="284">
        <v>336568</v>
      </c>
      <c r="OD9" s="284">
        <v>1775313</v>
      </c>
      <c r="OE9" s="284">
        <v>6020063</v>
      </c>
      <c r="OF9" s="284">
        <v>7157122</v>
      </c>
      <c r="OG9" s="288">
        <v>15289066</v>
      </c>
      <c r="OH9" s="289">
        <v>15289066</v>
      </c>
      <c r="OI9" s="287">
        <v>27826383</v>
      </c>
      <c r="OJ9" s="284">
        <v>51094758</v>
      </c>
      <c r="OK9" s="285">
        <v>78921141</v>
      </c>
      <c r="OL9" s="290">
        <v>0</v>
      </c>
      <c r="OM9" s="284">
        <v>411610574</v>
      </c>
      <c r="ON9" s="284">
        <v>597279354</v>
      </c>
      <c r="OO9" s="284">
        <v>640609135</v>
      </c>
      <c r="OP9" s="284">
        <v>680160451</v>
      </c>
      <c r="OQ9" s="284">
        <v>398020392</v>
      </c>
      <c r="OR9" s="288">
        <v>2727679906</v>
      </c>
      <c r="OS9" s="293">
        <v>2806601047</v>
      </c>
    </row>
    <row r="10" spans="1:409" s="407" customFormat="1" ht="21" customHeight="1" x14ac:dyDescent="0.2">
      <c r="A10" s="70"/>
      <c r="B10" s="409" t="s">
        <v>5</v>
      </c>
      <c r="C10" s="295">
        <v>11288524</v>
      </c>
      <c r="D10" s="296">
        <v>26161856</v>
      </c>
      <c r="E10" s="297">
        <v>37450380</v>
      </c>
      <c r="F10" s="298">
        <v>0</v>
      </c>
      <c r="G10" s="296">
        <v>113340179</v>
      </c>
      <c r="H10" s="296">
        <v>196621362</v>
      </c>
      <c r="I10" s="296">
        <v>152983984</v>
      </c>
      <c r="J10" s="296">
        <v>149350012</v>
      </c>
      <c r="K10" s="296">
        <v>88798585</v>
      </c>
      <c r="L10" s="298">
        <v>701094122</v>
      </c>
      <c r="M10" s="299">
        <v>738544502</v>
      </c>
      <c r="N10" s="295">
        <v>3541116</v>
      </c>
      <c r="O10" s="296">
        <v>8896182</v>
      </c>
      <c r="P10" s="297">
        <v>12437298</v>
      </c>
      <c r="Q10" s="295">
        <v>0</v>
      </c>
      <c r="R10" s="296">
        <v>37396745</v>
      </c>
      <c r="S10" s="296">
        <v>73124174</v>
      </c>
      <c r="T10" s="296">
        <v>53788781</v>
      </c>
      <c r="U10" s="296">
        <v>60061403</v>
      </c>
      <c r="V10" s="296">
        <v>42138457</v>
      </c>
      <c r="W10" s="297">
        <v>266509560</v>
      </c>
      <c r="X10" s="299">
        <v>278946858</v>
      </c>
      <c r="Y10" s="295">
        <v>0</v>
      </c>
      <c r="Z10" s="296">
        <v>0</v>
      </c>
      <c r="AA10" s="297">
        <v>0</v>
      </c>
      <c r="AB10" s="295">
        <v>0</v>
      </c>
      <c r="AC10" s="296">
        <v>14758918</v>
      </c>
      <c r="AD10" s="296">
        <v>27964078</v>
      </c>
      <c r="AE10" s="296">
        <v>24559112</v>
      </c>
      <c r="AF10" s="296">
        <v>31420217</v>
      </c>
      <c r="AG10" s="296">
        <v>23426067</v>
      </c>
      <c r="AH10" s="297">
        <v>122128392</v>
      </c>
      <c r="AI10" s="299">
        <v>122128392</v>
      </c>
      <c r="AJ10" s="295">
        <v>0</v>
      </c>
      <c r="AK10" s="296">
        <v>0</v>
      </c>
      <c r="AL10" s="297">
        <v>0</v>
      </c>
      <c r="AM10" s="295">
        <v>0</v>
      </c>
      <c r="AN10" s="296">
        <v>15398</v>
      </c>
      <c r="AO10" s="296">
        <v>702442</v>
      </c>
      <c r="AP10" s="296">
        <v>1229939</v>
      </c>
      <c r="AQ10" s="296">
        <v>3320957</v>
      </c>
      <c r="AR10" s="296">
        <v>4635938</v>
      </c>
      <c r="AS10" s="297">
        <v>9904674</v>
      </c>
      <c r="AT10" s="299">
        <v>9904674</v>
      </c>
      <c r="AU10" s="295">
        <v>1955695</v>
      </c>
      <c r="AV10" s="296">
        <v>6151641</v>
      </c>
      <c r="AW10" s="297">
        <v>8107336</v>
      </c>
      <c r="AX10" s="295">
        <v>0</v>
      </c>
      <c r="AY10" s="296">
        <v>14754997</v>
      </c>
      <c r="AZ10" s="296">
        <v>32048470</v>
      </c>
      <c r="BA10" s="296">
        <v>18657528</v>
      </c>
      <c r="BB10" s="296">
        <v>15782882</v>
      </c>
      <c r="BC10" s="296">
        <v>8598091</v>
      </c>
      <c r="BD10" s="297">
        <v>89841968</v>
      </c>
      <c r="BE10" s="299">
        <v>97949304</v>
      </c>
      <c r="BF10" s="295">
        <v>146832</v>
      </c>
      <c r="BG10" s="296">
        <v>619445</v>
      </c>
      <c r="BH10" s="300">
        <v>766277</v>
      </c>
      <c r="BI10" s="301">
        <v>0</v>
      </c>
      <c r="BJ10" s="296">
        <v>660400</v>
      </c>
      <c r="BK10" s="296">
        <v>1526616</v>
      </c>
      <c r="BL10" s="296">
        <v>1161616</v>
      </c>
      <c r="BM10" s="296">
        <v>661335</v>
      </c>
      <c r="BN10" s="296">
        <v>536017</v>
      </c>
      <c r="BO10" s="297">
        <v>4545984</v>
      </c>
      <c r="BP10" s="299">
        <v>5312261</v>
      </c>
      <c r="BQ10" s="295">
        <v>1438589</v>
      </c>
      <c r="BR10" s="296">
        <v>2125096</v>
      </c>
      <c r="BS10" s="297">
        <v>3563685</v>
      </c>
      <c r="BT10" s="295">
        <v>0</v>
      </c>
      <c r="BU10" s="296">
        <v>7207032</v>
      </c>
      <c r="BV10" s="296">
        <v>10882568</v>
      </c>
      <c r="BW10" s="296">
        <v>8180586</v>
      </c>
      <c r="BX10" s="296">
        <v>8876012</v>
      </c>
      <c r="BY10" s="296">
        <v>4942344</v>
      </c>
      <c r="BZ10" s="297">
        <v>40088542</v>
      </c>
      <c r="CA10" s="299">
        <v>43652227</v>
      </c>
      <c r="CB10" s="295">
        <v>1451267</v>
      </c>
      <c r="CC10" s="296">
        <v>3937617</v>
      </c>
      <c r="CD10" s="297">
        <v>5388884</v>
      </c>
      <c r="CE10" s="295">
        <v>0</v>
      </c>
      <c r="CF10" s="296">
        <v>30375057</v>
      </c>
      <c r="CG10" s="296">
        <v>48061533</v>
      </c>
      <c r="CH10" s="296">
        <v>30153356</v>
      </c>
      <c r="CI10" s="296">
        <v>16990060</v>
      </c>
      <c r="CJ10" s="296">
        <v>8860246</v>
      </c>
      <c r="CK10" s="297">
        <v>134440252</v>
      </c>
      <c r="CL10" s="299">
        <v>139829136</v>
      </c>
      <c r="CM10" s="295">
        <v>0</v>
      </c>
      <c r="CN10" s="296">
        <v>0</v>
      </c>
      <c r="CO10" s="297">
        <v>0</v>
      </c>
      <c r="CP10" s="301">
        <v>0</v>
      </c>
      <c r="CQ10" s="296">
        <v>24314409</v>
      </c>
      <c r="CR10" s="296">
        <v>33694500</v>
      </c>
      <c r="CS10" s="296">
        <v>20317055</v>
      </c>
      <c r="CT10" s="296">
        <v>11462276</v>
      </c>
      <c r="CU10" s="296">
        <v>7502583</v>
      </c>
      <c r="CV10" s="297">
        <v>97290823</v>
      </c>
      <c r="CW10" s="299">
        <v>97290823</v>
      </c>
      <c r="CX10" s="295">
        <v>1451267</v>
      </c>
      <c r="CY10" s="296">
        <v>3937617</v>
      </c>
      <c r="CZ10" s="297">
        <v>5388884</v>
      </c>
      <c r="DA10" s="295">
        <v>0</v>
      </c>
      <c r="DB10" s="296">
        <v>6060648</v>
      </c>
      <c r="DC10" s="296">
        <v>14367033</v>
      </c>
      <c r="DD10" s="296">
        <v>9836301</v>
      </c>
      <c r="DE10" s="296">
        <v>5527784</v>
      </c>
      <c r="DF10" s="296">
        <v>1357663</v>
      </c>
      <c r="DG10" s="297">
        <v>37149429</v>
      </c>
      <c r="DH10" s="299">
        <v>42538313</v>
      </c>
      <c r="DI10" s="295">
        <v>94322</v>
      </c>
      <c r="DJ10" s="296">
        <v>376474</v>
      </c>
      <c r="DK10" s="300">
        <v>470796</v>
      </c>
      <c r="DL10" s="301">
        <v>0</v>
      </c>
      <c r="DM10" s="296">
        <v>3093926</v>
      </c>
      <c r="DN10" s="296">
        <v>8171397</v>
      </c>
      <c r="DO10" s="296">
        <v>16520338</v>
      </c>
      <c r="DP10" s="296">
        <v>11727205</v>
      </c>
      <c r="DQ10" s="296">
        <v>5135949</v>
      </c>
      <c r="DR10" s="297">
        <v>44648815</v>
      </c>
      <c r="DS10" s="299">
        <v>45119611</v>
      </c>
      <c r="DT10" s="295">
        <v>94322</v>
      </c>
      <c r="DU10" s="296">
        <v>295399</v>
      </c>
      <c r="DV10" s="297">
        <v>389721</v>
      </c>
      <c r="DW10" s="295">
        <v>0</v>
      </c>
      <c r="DX10" s="296">
        <v>2480785</v>
      </c>
      <c r="DY10" s="296">
        <v>6986997</v>
      </c>
      <c r="DZ10" s="296">
        <v>14048919</v>
      </c>
      <c r="EA10" s="296">
        <v>10246943</v>
      </c>
      <c r="EB10" s="296">
        <v>4324026</v>
      </c>
      <c r="EC10" s="297">
        <v>38087670</v>
      </c>
      <c r="ED10" s="299">
        <v>38477391</v>
      </c>
      <c r="EE10" s="295">
        <v>0</v>
      </c>
      <c r="EF10" s="300">
        <v>81075</v>
      </c>
      <c r="EG10" s="297">
        <v>81075</v>
      </c>
      <c r="EH10" s="295">
        <v>0</v>
      </c>
      <c r="EI10" s="296">
        <v>613141</v>
      </c>
      <c r="EJ10" s="296">
        <v>1184400</v>
      </c>
      <c r="EK10" s="296">
        <v>2471419</v>
      </c>
      <c r="EL10" s="296">
        <v>1480262</v>
      </c>
      <c r="EM10" s="296">
        <v>811923</v>
      </c>
      <c r="EN10" s="300">
        <v>6561145</v>
      </c>
      <c r="EO10" s="299">
        <v>6642220</v>
      </c>
      <c r="EP10" s="295">
        <v>0</v>
      </c>
      <c r="EQ10" s="296">
        <v>0</v>
      </c>
      <c r="ER10" s="300">
        <v>0</v>
      </c>
      <c r="ES10" s="301">
        <v>0</v>
      </c>
      <c r="ET10" s="296">
        <v>0</v>
      </c>
      <c r="EU10" s="296">
        <v>0</v>
      </c>
      <c r="EV10" s="296">
        <v>0</v>
      </c>
      <c r="EW10" s="296">
        <v>0</v>
      </c>
      <c r="EX10" s="296">
        <v>0</v>
      </c>
      <c r="EY10" s="297">
        <v>0</v>
      </c>
      <c r="EZ10" s="299">
        <v>0</v>
      </c>
      <c r="FA10" s="295">
        <v>0</v>
      </c>
      <c r="FB10" s="296">
        <v>0</v>
      </c>
      <c r="FC10" s="300">
        <v>0</v>
      </c>
      <c r="FD10" s="301">
        <v>0</v>
      </c>
      <c r="FE10" s="296">
        <v>0</v>
      </c>
      <c r="FF10" s="296">
        <v>0</v>
      </c>
      <c r="FG10" s="296">
        <v>0</v>
      </c>
      <c r="FH10" s="296">
        <v>0</v>
      </c>
      <c r="FI10" s="296">
        <v>0</v>
      </c>
      <c r="FJ10" s="297">
        <v>0</v>
      </c>
      <c r="FK10" s="299">
        <v>0</v>
      </c>
      <c r="FL10" s="295">
        <v>2146595</v>
      </c>
      <c r="FM10" s="296">
        <v>6144857</v>
      </c>
      <c r="FN10" s="297">
        <v>8291452</v>
      </c>
      <c r="FO10" s="295">
        <v>0</v>
      </c>
      <c r="FP10" s="296">
        <v>4787385</v>
      </c>
      <c r="FQ10" s="296">
        <v>18306669</v>
      </c>
      <c r="FR10" s="296">
        <v>11641675</v>
      </c>
      <c r="FS10" s="296">
        <v>10039426</v>
      </c>
      <c r="FT10" s="296">
        <v>6399681</v>
      </c>
      <c r="FU10" s="297">
        <v>51174836</v>
      </c>
      <c r="FV10" s="299">
        <v>59466288</v>
      </c>
      <c r="FW10" s="302">
        <v>864168</v>
      </c>
      <c r="FX10" s="296">
        <v>3737096</v>
      </c>
      <c r="FY10" s="300">
        <v>4601264</v>
      </c>
      <c r="FZ10" s="301">
        <v>0</v>
      </c>
      <c r="GA10" s="296">
        <v>3431990</v>
      </c>
      <c r="GB10" s="296">
        <v>16516179</v>
      </c>
      <c r="GC10" s="296">
        <v>11251432</v>
      </c>
      <c r="GD10" s="296">
        <v>9211464</v>
      </c>
      <c r="GE10" s="296">
        <v>5776312</v>
      </c>
      <c r="GF10" s="297">
        <v>46187377</v>
      </c>
      <c r="GG10" s="303">
        <v>50788641</v>
      </c>
      <c r="GH10" s="302">
        <v>144219</v>
      </c>
      <c r="GI10" s="296">
        <v>374233</v>
      </c>
      <c r="GJ10" s="300">
        <v>518452</v>
      </c>
      <c r="GK10" s="301">
        <v>0</v>
      </c>
      <c r="GL10" s="296">
        <v>162915</v>
      </c>
      <c r="GM10" s="296">
        <v>602434</v>
      </c>
      <c r="GN10" s="296">
        <v>304883</v>
      </c>
      <c r="GO10" s="296">
        <v>347322</v>
      </c>
      <c r="GP10" s="296">
        <v>210569</v>
      </c>
      <c r="GQ10" s="297">
        <v>1628123</v>
      </c>
      <c r="GR10" s="299">
        <v>2146575</v>
      </c>
      <c r="GS10" s="295">
        <v>1138208</v>
      </c>
      <c r="GT10" s="296">
        <v>2033528</v>
      </c>
      <c r="GU10" s="297">
        <v>3171736</v>
      </c>
      <c r="GV10" s="295">
        <v>0</v>
      </c>
      <c r="GW10" s="296">
        <v>1192480</v>
      </c>
      <c r="GX10" s="296">
        <v>1188056</v>
      </c>
      <c r="GY10" s="296">
        <v>85360</v>
      </c>
      <c r="GZ10" s="296">
        <v>480640</v>
      </c>
      <c r="HA10" s="296">
        <v>412800</v>
      </c>
      <c r="HB10" s="300">
        <v>3359336</v>
      </c>
      <c r="HC10" s="299">
        <v>6531072</v>
      </c>
      <c r="HD10" s="295">
        <v>4055224</v>
      </c>
      <c r="HE10" s="296">
        <v>6806726</v>
      </c>
      <c r="HF10" s="300">
        <v>10861950</v>
      </c>
      <c r="HG10" s="301">
        <v>0</v>
      </c>
      <c r="HH10" s="296">
        <v>37687066</v>
      </c>
      <c r="HI10" s="296">
        <v>48957589</v>
      </c>
      <c r="HJ10" s="296">
        <v>40879834</v>
      </c>
      <c r="HK10" s="296">
        <v>50531918</v>
      </c>
      <c r="HL10" s="296">
        <v>26264252</v>
      </c>
      <c r="HM10" s="297">
        <v>204320659</v>
      </c>
      <c r="HN10" s="298">
        <v>215182609</v>
      </c>
      <c r="HO10" s="302">
        <v>0</v>
      </c>
      <c r="HP10" s="296">
        <v>0</v>
      </c>
      <c r="HQ10" s="297">
        <v>0</v>
      </c>
      <c r="HR10" s="295">
        <v>0</v>
      </c>
      <c r="HS10" s="296">
        <v>0</v>
      </c>
      <c r="HT10" s="296">
        <v>0</v>
      </c>
      <c r="HU10" s="296">
        <v>0</v>
      </c>
      <c r="HV10" s="296">
        <v>0</v>
      </c>
      <c r="HW10" s="296">
        <v>0</v>
      </c>
      <c r="HX10" s="300">
        <v>0</v>
      </c>
      <c r="HY10" s="299">
        <v>0</v>
      </c>
      <c r="HZ10" s="304">
        <v>165434</v>
      </c>
      <c r="IA10" s="305">
        <v>494199</v>
      </c>
      <c r="IB10" s="306">
        <v>659633</v>
      </c>
      <c r="IC10" s="307">
        <v>0</v>
      </c>
      <c r="ID10" s="308">
        <v>30382172</v>
      </c>
      <c r="IE10" s="309">
        <v>50275461</v>
      </c>
      <c r="IF10" s="310">
        <v>42857077</v>
      </c>
      <c r="IG10" s="308">
        <v>32993224</v>
      </c>
      <c r="IH10" s="310">
        <v>21680277</v>
      </c>
      <c r="II10" s="311">
        <v>178188211</v>
      </c>
      <c r="IJ10" s="312">
        <v>178847844</v>
      </c>
      <c r="IK10" s="313">
        <v>0</v>
      </c>
      <c r="IL10" s="314">
        <v>0</v>
      </c>
      <c r="IM10" s="315">
        <v>0</v>
      </c>
      <c r="IN10" s="403">
        <v>0</v>
      </c>
      <c r="IO10" s="316">
        <v>427914</v>
      </c>
      <c r="IP10" s="316">
        <v>1975041</v>
      </c>
      <c r="IQ10" s="316">
        <v>2266328</v>
      </c>
      <c r="IR10" s="316">
        <v>2942020</v>
      </c>
      <c r="IS10" s="316">
        <v>2969371</v>
      </c>
      <c r="IT10" s="317">
        <v>10580674</v>
      </c>
      <c r="IU10" s="318">
        <v>10580674</v>
      </c>
      <c r="IV10" s="319">
        <v>0</v>
      </c>
      <c r="IW10" s="316">
        <v>0</v>
      </c>
      <c r="IX10" s="320">
        <v>0</v>
      </c>
      <c r="IY10" s="403">
        <v>0</v>
      </c>
      <c r="IZ10" s="316">
        <v>127302</v>
      </c>
      <c r="JA10" s="316">
        <v>452964</v>
      </c>
      <c r="JB10" s="316">
        <v>377593</v>
      </c>
      <c r="JC10" s="316">
        <v>1302946</v>
      </c>
      <c r="JD10" s="316">
        <v>684631</v>
      </c>
      <c r="JE10" s="320">
        <v>2945436</v>
      </c>
      <c r="JF10" s="321">
        <v>2945436</v>
      </c>
      <c r="JG10" s="319">
        <v>0</v>
      </c>
      <c r="JH10" s="316">
        <v>0</v>
      </c>
      <c r="JI10" s="317">
        <v>0</v>
      </c>
      <c r="JJ10" s="322">
        <v>0</v>
      </c>
      <c r="JK10" s="316">
        <v>12161217</v>
      </c>
      <c r="JL10" s="316">
        <v>19741030</v>
      </c>
      <c r="JM10" s="316">
        <v>15866399</v>
      </c>
      <c r="JN10" s="316">
        <v>5891527</v>
      </c>
      <c r="JO10" s="316">
        <v>3182188</v>
      </c>
      <c r="JP10" s="320">
        <v>56842361</v>
      </c>
      <c r="JQ10" s="318">
        <v>56842361</v>
      </c>
      <c r="JR10" s="319">
        <v>0</v>
      </c>
      <c r="JS10" s="316">
        <v>0</v>
      </c>
      <c r="JT10" s="317">
        <v>0</v>
      </c>
      <c r="JU10" s="322">
        <v>0</v>
      </c>
      <c r="JV10" s="316">
        <v>2814815</v>
      </c>
      <c r="JW10" s="316">
        <v>4568340</v>
      </c>
      <c r="JX10" s="316">
        <v>3755374</v>
      </c>
      <c r="JY10" s="316">
        <v>1883908</v>
      </c>
      <c r="JZ10" s="316">
        <v>917726</v>
      </c>
      <c r="KA10" s="320">
        <v>13940163</v>
      </c>
      <c r="KB10" s="318">
        <v>13940163</v>
      </c>
      <c r="KC10" s="323">
        <v>165434</v>
      </c>
      <c r="KD10" s="324">
        <v>250795</v>
      </c>
      <c r="KE10" s="320">
        <v>416229</v>
      </c>
      <c r="KF10" s="322">
        <v>0</v>
      </c>
      <c r="KG10" s="316">
        <v>5078186</v>
      </c>
      <c r="KH10" s="316">
        <v>6832677</v>
      </c>
      <c r="KI10" s="316">
        <v>6905830</v>
      </c>
      <c r="KJ10" s="316">
        <v>5886739</v>
      </c>
      <c r="KK10" s="316">
        <v>5207949</v>
      </c>
      <c r="KL10" s="320">
        <v>29911381</v>
      </c>
      <c r="KM10" s="325">
        <v>30327610</v>
      </c>
      <c r="KN10" s="313">
        <v>0</v>
      </c>
      <c r="KO10" s="314">
        <v>243404</v>
      </c>
      <c r="KP10" s="315">
        <v>243404</v>
      </c>
      <c r="KQ10" s="403">
        <v>0</v>
      </c>
      <c r="KR10" s="316">
        <v>9100318</v>
      </c>
      <c r="KS10" s="316">
        <v>15861778</v>
      </c>
      <c r="KT10" s="316">
        <v>11858013</v>
      </c>
      <c r="KU10" s="316">
        <v>10884671</v>
      </c>
      <c r="KV10" s="316">
        <v>6085821</v>
      </c>
      <c r="KW10" s="320">
        <v>53790601</v>
      </c>
      <c r="KX10" s="318">
        <v>54034005</v>
      </c>
      <c r="KY10" s="319">
        <v>0</v>
      </c>
      <c r="KZ10" s="316">
        <v>0</v>
      </c>
      <c r="LA10" s="320">
        <v>0</v>
      </c>
      <c r="LB10" s="403">
        <v>0</v>
      </c>
      <c r="LC10" s="316">
        <v>0</v>
      </c>
      <c r="LD10" s="316">
        <v>0</v>
      </c>
      <c r="LE10" s="316">
        <v>0</v>
      </c>
      <c r="LF10" s="316">
        <v>0</v>
      </c>
      <c r="LG10" s="316">
        <v>0</v>
      </c>
      <c r="LH10" s="320">
        <v>0</v>
      </c>
      <c r="LI10" s="321">
        <v>0</v>
      </c>
      <c r="LJ10" s="319">
        <v>0</v>
      </c>
      <c r="LK10" s="316">
        <v>0</v>
      </c>
      <c r="LL10" s="320">
        <v>0</v>
      </c>
      <c r="LM10" s="403">
        <v>0</v>
      </c>
      <c r="LN10" s="316">
        <v>237692</v>
      </c>
      <c r="LO10" s="316">
        <v>0</v>
      </c>
      <c r="LP10" s="316">
        <v>766126</v>
      </c>
      <c r="LQ10" s="316">
        <v>1444769</v>
      </c>
      <c r="LR10" s="316">
        <v>640068</v>
      </c>
      <c r="LS10" s="320">
        <v>3088655</v>
      </c>
      <c r="LT10" s="318">
        <v>3088655</v>
      </c>
      <c r="LU10" s="319">
        <v>0</v>
      </c>
      <c r="LV10" s="316">
        <v>0</v>
      </c>
      <c r="LW10" s="320">
        <v>0</v>
      </c>
      <c r="LX10" s="403">
        <v>0</v>
      </c>
      <c r="LY10" s="316">
        <v>434728</v>
      </c>
      <c r="LZ10" s="316">
        <v>843631</v>
      </c>
      <c r="MA10" s="316">
        <v>1061414</v>
      </c>
      <c r="MB10" s="316">
        <v>2756644</v>
      </c>
      <c r="MC10" s="316">
        <v>1992523</v>
      </c>
      <c r="MD10" s="320">
        <v>7088940</v>
      </c>
      <c r="ME10" s="321">
        <v>7088940</v>
      </c>
      <c r="MF10" s="319">
        <v>0</v>
      </c>
      <c r="MG10" s="316">
        <v>0</v>
      </c>
      <c r="MH10" s="320">
        <v>0</v>
      </c>
      <c r="MI10" s="403">
        <v>0</v>
      </c>
      <c r="MJ10" s="316">
        <v>10984252</v>
      </c>
      <c r="MK10" s="316">
        <v>35189731</v>
      </c>
      <c r="ML10" s="316">
        <v>97504147</v>
      </c>
      <c r="MM10" s="316">
        <v>134747574</v>
      </c>
      <c r="MN10" s="316">
        <v>67111782</v>
      </c>
      <c r="MO10" s="320">
        <v>345537486</v>
      </c>
      <c r="MP10" s="325">
        <v>345537486</v>
      </c>
      <c r="MQ10" s="319">
        <v>0</v>
      </c>
      <c r="MR10" s="316">
        <v>0</v>
      </c>
      <c r="MS10" s="320">
        <v>0</v>
      </c>
      <c r="MT10" s="403">
        <v>0</v>
      </c>
      <c r="MU10" s="316">
        <v>2464896</v>
      </c>
      <c r="MV10" s="316">
        <v>11803067</v>
      </c>
      <c r="MW10" s="316">
        <v>57748055</v>
      </c>
      <c r="MX10" s="316">
        <v>79871239</v>
      </c>
      <c r="MY10" s="316">
        <v>43391069</v>
      </c>
      <c r="MZ10" s="320">
        <v>195278326</v>
      </c>
      <c r="NA10" s="325">
        <v>195278326</v>
      </c>
      <c r="NB10" s="319">
        <v>0</v>
      </c>
      <c r="NC10" s="316">
        <v>0</v>
      </c>
      <c r="ND10" s="320">
        <v>0</v>
      </c>
      <c r="NE10" s="403">
        <v>0</v>
      </c>
      <c r="NF10" s="316">
        <v>8519356</v>
      </c>
      <c r="NG10" s="316">
        <v>23386664</v>
      </c>
      <c r="NH10" s="316">
        <v>39391159</v>
      </c>
      <c r="NI10" s="316">
        <v>51641233</v>
      </c>
      <c r="NJ10" s="316">
        <v>21173762</v>
      </c>
      <c r="NK10" s="320">
        <v>144112174</v>
      </c>
      <c r="NL10" s="318">
        <v>144112174</v>
      </c>
      <c r="NM10" s="319">
        <v>0</v>
      </c>
      <c r="NN10" s="316">
        <v>0</v>
      </c>
      <c r="NO10" s="320">
        <v>0</v>
      </c>
      <c r="NP10" s="403">
        <v>0</v>
      </c>
      <c r="NQ10" s="316">
        <v>0</v>
      </c>
      <c r="NR10" s="316">
        <v>0</v>
      </c>
      <c r="NS10" s="316">
        <v>0</v>
      </c>
      <c r="NT10" s="316">
        <v>0</v>
      </c>
      <c r="NU10" s="316">
        <v>0</v>
      </c>
      <c r="NV10" s="320">
        <v>0</v>
      </c>
      <c r="NW10" s="321">
        <v>0</v>
      </c>
      <c r="NX10" s="319">
        <v>0</v>
      </c>
      <c r="NY10" s="316">
        <v>0</v>
      </c>
      <c r="NZ10" s="320">
        <v>0</v>
      </c>
      <c r="OA10" s="403">
        <v>0</v>
      </c>
      <c r="OB10" s="316">
        <v>0</v>
      </c>
      <c r="OC10" s="316">
        <v>0</v>
      </c>
      <c r="OD10" s="316">
        <v>364933</v>
      </c>
      <c r="OE10" s="316">
        <v>3235102</v>
      </c>
      <c r="OF10" s="316">
        <v>2546951</v>
      </c>
      <c r="OG10" s="320">
        <v>6146986</v>
      </c>
      <c r="OH10" s="321">
        <v>6146986</v>
      </c>
      <c r="OI10" s="319">
        <v>11453958</v>
      </c>
      <c r="OJ10" s="316">
        <v>26656055</v>
      </c>
      <c r="OK10" s="317">
        <v>38110013</v>
      </c>
      <c r="OL10" s="322">
        <v>0</v>
      </c>
      <c r="OM10" s="316">
        <v>154706603</v>
      </c>
      <c r="ON10" s="316">
        <v>282086554</v>
      </c>
      <c r="OO10" s="316">
        <v>293345208</v>
      </c>
      <c r="OP10" s="316">
        <v>317090810</v>
      </c>
      <c r="OQ10" s="316">
        <v>177590644</v>
      </c>
      <c r="OR10" s="320">
        <v>1224819819</v>
      </c>
      <c r="OS10" s="325">
        <v>1262929832</v>
      </c>
    </row>
    <row r="11" spans="1:409" s="70" customFormat="1" ht="21" customHeight="1" x14ac:dyDescent="0.2">
      <c r="B11" s="410" t="s">
        <v>6</v>
      </c>
      <c r="C11" s="326">
        <v>4108883</v>
      </c>
      <c r="D11" s="327">
        <v>4261356</v>
      </c>
      <c r="E11" s="328">
        <v>8370239</v>
      </c>
      <c r="F11" s="329">
        <v>0</v>
      </c>
      <c r="G11" s="327">
        <v>46599425</v>
      </c>
      <c r="H11" s="327">
        <v>52240220</v>
      </c>
      <c r="I11" s="327">
        <v>39906341</v>
      </c>
      <c r="J11" s="327">
        <v>38334743</v>
      </c>
      <c r="K11" s="327">
        <v>25754664</v>
      </c>
      <c r="L11" s="329">
        <v>202835393</v>
      </c>
      <c r="M11" s="330">
        <v>211205632</v>
      </c>
      <c r="N11" s="326">
        <v>1216046</v>
      </c>
      <c r="O11" s="327">
        <v>1722631</v>
      </c>
      <c r="P11" s="328">
        <v>2938677</v>
      </c>
      <c r="Q11" s="326">
        <v>0</v>
      </c>
      <c r="R11" s="327">
        <v>14233053</v>
      </c>
      <c r="S11" s="327">
        <v>16926865</v>
      </c>
      <c r="T11" s="327">
        <v>13808319</v>
      </c>
      <c r="U11" s="327">
        <v>14444996</v>
      </c>
      <c r="V11" s="327">
        <v>12602686</v>
      </c>
      <c r="W11" s="328">
        <v>72015919</v>
      </c>
      <c r="X11" s="330">
        <v>74954596</v>
      </c>
      <c r="Y11" s="326">
        <v>0</v>
      </c>
      <c r="Z11" s="327">
        <v>0</v>
      </c>
      <c r="AA11" s="328">
        <v>0</v>
      </c>
      <c r="AB11" s="326">
        <v>0</v>
      </c>
      <c r="AC11" s="327">
        <v>5127496</v>
      </c>
      <c r="AD11" s="327">
        <v>6621860</v>
      </c>
      <c r="AE11" s="327">
        <v>6577559</v>
      </c>
      <c r="AF11" s="327">
        <v>8023622</v>
      </c>
      <c r="AG11" s="327">
        <v>7355297</v>
      </c>
      <c r="AH11" s="328">
        <v>33705834</v>
      </c>
      <c r="AI11" s="330">
        <v>33705834</v>
      </c>
      <c r="AJ11" s="326">
        <v>0</v>
      </c>
      <c r="AK11" s="327">
        <v>0</v>
      </c>
      <c r="AL11" s="328">
        <v>0</v>
      </c>
      <c r="AM11" s="326">
        <v>0</v>
      </c>
      <c r="AN11" s="327">
        <v>49283</v>
      </c>
      <c r="AO11" s="327">
        <v>188708</v>
      </c>
      <c r="AP11" s="327">
        <v>148035</v>
      </c>
      <c r="AQ11" s="327">
        <v>450480</v>
      </c>
      <c r="AR11" s="327">
        <v>999156</v>
      </c>
      <c r="AS11" s="328">
        <v>1835662</v>
      </c>
      <c r="AT11" s="330">
        <v>1835662</v>
      </c>
      <c r="AU11" s="326">
        <v>544423</v>
      </c>
      <c r="AV11" s="327">
        <v>1198762</v>
      </c>
      <c r="AW11" s="328">
        <v>1743185</v>
      </c>
      <c r="AX11" s="326">
        <v>0</v>
      </c>
      <c r="AY11" s="327">
        <v>5470653</v>
      </c>
      <c r="AZ11" s="327">
        <v>6641527</v>
      </c>
      <c r="BA11" s="327">
        <v>4113867</v>
      </c>
      <c r="BB11" s="327">
        <v>3459578</v>
      </c>
      <c r="BC11" s="327">
        <v>2390337</v>
      </c>
      <c r="BD11" s="328">
        <v>22075962</v>
      </c>
      <c r="BE11" s="330">
        <v>23819147</v>
      </c>
      <c r="BF11" s="326">
        <v>131471</v>
      </c>
      <c r="BG11" s="327">
        <v>57061</v>
      </c>
      <c r="BH11" s="331">
        <v>188532</v>
      </c>
      <c r="BI11" s="332">
        <v>0</v>
      </c>
      <c r="BJ11" s="327">
        <v>426173</v>
      </c>
      <c r="BK11" s="327">
        <v>459874</v>
      </c>
      <c r="BL11" s="327">
        <v>207178</v>
      </c>
      <c r="BM11" s="327">
        <v>25780</v>
      </c>
      <c r="BN11" s="327">
        <v>137896</v>
      </c>
      <c r="BO11" s="328">
        <v>1256901</v>
      </c>
      <c r="BP11" s="330">
        <v>1445433</v>
      </c>
      <c r="BQ11" s="326">
        <v>540152</v>
      </c>
      <c r="BR11" s="327">
        <v>466808</v>
      </c>
      <c r="BS11" s="328">
        <v>1006960</v>
      </c>
      <c r="BT11" s="326">
        <v>0</v>
      </c>
      <c r="BU11" s="327">
        <v>3159448</v>
      </c>
      <c r="BV11" s="327">
        <v>3014896</v>
      </c>
      <c r="BW11" s="327">
        <v>2761680</v>
      </c>
      <c r="BX11" s="327">
        <v>2485536</v>
      </c>
      <c r="BY11" s="327">
        <v>1720000</v>
      </c>
      <c r="BZ11" s="328">
        <v>13141560</v>
      </c>
      <c r="CA11" s="330">
        <v>14148520</v>
      </c>
      <c r="CB11" s="326">
        <v>300957</v>
      </c>
      <c r="CC11" s="327">
        <v>396513</v>
      </c>
      <c r="CD11" s="328">
        <v>697470</v>
      </c>
      <c r="CE11" s="326">
        <v>0</v>
      </c>
      <c r="CF11" s="327">
        <v>12616539</v>
      </c>
      <c r="CG11" s="327">
        <v>13826984</v>
      </c>
      <c r="CH11" s="327">
        <v>8620653</v>
      </c>
      <c r="CI11" s="327">
        <v>5130844</v>
      </c>
      <c r="CJ11" s="327">
        <v>1615918</v>
      </c>
      <c r="CK11" s="328">
        <v>41810938</v>
      </c>
      <c r="CL11" s="330">
        <v>42508408</v>
      </c>
      <c r="CM11" s="326">
        <v>0</v>
      </c>
      <c r="CN11" s="327">
        <v>0</v>
      </c>
      <c r="CO11" s="328">
        <v>0</v>
      </c>
      <c r="CP11" s="332">
        <v>0</v>
      </c>
      <c r="CQ11" s="327">
        <v>10355781</v>
      </c>
      <c r="CR11" s="327">
        <v>10634304</v>
      </c>
      <c r="CS11" s="327">
        <v>6072103</v>
      </c>
      <c r="CT11" s="327">
        <v>3579522</v>
      </c>
      <c r="CU11" s="327">
        <v>1008683</v>
      </c>
      <c r="CV11" s="328">
        <v>31650393</v>
      </c>
      <c r="CW11" s="330">
        <v>31650393</v>
      </c>
      <c r="CX11" s="326">
        <v>300957</v>
      </c>
      <c r="CY11" s="327">
        <v>396513</v>
      </c>
      <c r="CZ11" s="328">
        <v>697470</v>
      </c>
      <c r="DA11" s="326">
        <v>0</v>
      </c>
      <c r="DB11" s="327">
        <v>2260758</v>
      </c>
      <c r="DC11" s="327">
        <v>3192680</v>
      </c>
      <c r="DD11" s="327">
        <v>2548550</v>
      </c>
      <c r="DE11" s="327">
        <v>1551322</v>
      </c>
      <c r="DF11" s="327">
        <v>607235</v>
      </c>
      <c r="DG11" s="328">
        <v>10160545</v>
      </c>
      <c r="DH11" s="330">
        <v>10858015</v>
      </c>
      <c r="DI11" s="326">
        <v>0</v>
      </c>
      <c r="DJ11" s="327">
        <v>0</v>
      </c>
      <c r="DK11" s="331">
        <v>0</v>
      </c>
      <c r="DL11" s="332">
        <v>0</v>
      </c>
      <c r="DM11" s="327">
        <v>1327125</v>
      </c>
      <c r="DN11" s="327">
        <v>2677482</v>
      </c>
      <c r="DO11" s="327">
        <v>2830930</v>
      </c>
      <c r="DP11" s="327">
        <v>2857779</v>
      </c>
      <c r="DQ11" s="327">
        <v>943994</v>
      </c>
      <c r="DR11" s="328">
        <v>10637310</v>
      </c>
      <c r="DS11" s="330">
        <v>10637310</v>
      </c>
      <c r="DT11" s="326">
        <v>0</v>
      </c>
      <c r="DU11" s="327">
        <v>0</v>
      </c>
      <c r="DV11" s="328">
        <v>0</v>
      </c>
      <c r="DW11" s="326">
        <v>0</v>
      </c>
      <c r="DX11" s="327">
        <v>1190940</v>
      </c>
      <c r="DY11" s="327">
        <v>2317015</v>
      </c>
      <c r="DZ11" s="327">
        <v>2555155</v>
      </c>
      <c r="EA11" s="327">
        <v>2180112</v>
      </c>
      <c r="EB11" s="327">
        <v>684974</v>
      </c>
      <c r="EC11" s="328">
        <v>8928196</v>
      </c>
      <c r="ED11" s="330">
        <v>8928196</v>
      </c>
      <c r="EE11" s="326">
        <v>0</v>
      </c>
      <c r="EF11" s="331">
        <v>0</v>
      </c>
      <c r="EG11" s="328">
        <v>0</v>
      </c>
      <c r="EH11" s="326">
        <v>0</v>
      </c>
      <c r="EI11" s="327">
        <v>136185</v>
      </c>
      <c r="EJ11" s="327">
        <v>360467</v>
      </c>
      <c r="EK11" s="327">
        <v>275775</v>
      </c>
      <c r="EL11" s="327">
        <v>677667</v>
      </c>
      <c r="EM11" s="327">
        <v>259020</v>
      </c>
      <c r="EN11" s="331">
        <v>1709114</v>
      </c>
      <c r="EO11" s="330">
        <v>1709114</v>
      </c>
      <c r="EP11" s="326">
        <v>0</v>
      </c>
      <c r="EQ11" s="327">
        <v>0</v>
      </c>
      <c r="ER11" s="331">
        <v>0</v>
      </c>
      <c r="ES11" s="332">
        <v>0</v>
      </c>
      <c r="ET11" s="327">
        <v>0</v>
      </c>
      <c r="EU11" s="327">
        <v>0</v>
      </c>
      <c r="EV11" s="327">
        <v>0</v>
      </c>
      <c r="EW11" s="327">
        <v>0</v>
      </c>
      <c r="EX11" s="327">
        <v>0</v>
      </c>
      <c r="EY11" s="328">
        <v>0</v>
      </c>
      <c r="EZ11" s="330">
        <v>0</v>
      </c>
      <c r="FA11" s="326">
        <v>0</v>
      </c>
      <c r="FB11" s="327">
        <v>0</v>
      </c>
      <c r="FC11" s="331">
        <v>0</v>
      </c>
      <c r="FD11" s="332">
        <v>0</v>
      </c>
      <c r="FE11" s="327">
        <v>0</v>
      </c>
      <c r="FF11" s="327">
        <v>0</v>
      </c>
      <c r="FG11" s="327">
        <v>0</v>
      </c>
      <c r="FH11" s="327">
        <v>0</v>
      </c>
      <c r="FI11" s="327">
        <v>0</v>
      </c>
      <c r="FJ11" s="328">
        <v>0</v>
      </c>
      <c r="FK11" s="330">
        <v>0</v>
      </c>
      <c r="FL11" s="326">
        <v>838176</v>
      </c>
      <c r="FM11" s="327">
        <v>1012892</v>
      </c>
      <c r="FN11" s="328">
        <v>1851068</v>
      </c>
      <c r="FO11" s="326">
        <v>0</v>
      </c>
      <c r="FP11" s="327">
        <v>2283327</v>
      </c>
      <c r="FQ11" s="327">
        <v>4956563</v>
      </c>
      <c r="FR11" s="327">
        <v>3482887</v>
      </c>
      <c r="FS11" s="327">
        <v>2669096</v>
      </c>
      <c r="FT11" s="327">
        <v>1882120</v>
      </c>
      <c r="FU11" s="328">
        <v>15273993</v>
      </c>
      <c r="FV11" s="330">
        <v>17125061</v>
      </c>
      <c r="FW11" s="333">
        <v>457536</v>
      </c>
      <c r="FX11" s="327">
        <v>894936</v>
      </c>
      <c r="FY11" s="331">
        <v>1352472</v>
      </c>
      <c r="FZ11" s="332">
        <v>0</v>
      </c>
      <c r="GA11" s="327">
        <v>2067432</v>
      </c>
      <c r="GB11" s="327">
        <v>4419926</v>
      </c>
      <c r="GC11" s="327">
        <v>3130696</v>
      </c>
      <c r="GD11" s="327">
        <v>2608296</v>
      </c>
      <c r="GE11" s="327">
        <v>1882120</v>
      </c>
      <c r="GF11" s="328">
        <v>14108470</v>
      </c>
      <c r="GG11" s="334">
        <v>15460942</v>
      </c>
      <c r="GH11" s="333">
        <v>0</v>
      </c>
      <c r="GI11" s="327">
        <v>96836</v>
      </c>
      <c r="GJ11" s="331">
        <v>96836</v>
      </c>
      <c r="GK11" s="332">
        <v>0</v>
      </c>
      <c r="GL11" s="327">
        <v>134855</v>
      </c>
      <c r="GM11" s="327">
        <v>307317</v>
      </c>
      <c r="GN11" s="327">
        <v>103012</v>
      </c>
      <c r="GO11" s="327">
        <v>0</v>
      </c>
      <c r="GP11" s="327">
        <v>0</v>
      </c>
      <c r="GQ11" s="328">
        <v>545184</v>
      </c>
      <c r="GR11" s="330">
        <v>642020</v>
      </c>
      <c r="GS11" s="326">
        <v>380640</v>
      </c>
      <c r="GT11" s="327">
        <v>21120</v>
      </c>
      <c r="GU11" s="328">
        <v>401760</v>
      </c>
      <c r="GV11" s="326">
        <v>0</v>
      </c>
      <c r="GW11" s="327">
        <v>81040</v>
      </c>
      <c r="GX11" s="327">
        <v>229320</v>
      </c>
      <c r="GY11" s="327">
        <v>249179</v>
      </c>
      <c r="GZ11" s="327">
        <v>60800</v>
      </c>
      <c r="HA11" s="327">
        <v>0</v>
      </c>
      <c r="HB11" s="331">
        <v>620339</v>
      </c>
      <c r="HC11" s="330">
        <v>1022099</v>
      </c>
      <c r="HD11" s="326">
        <v>1753704</v>
      </c>
      <c r="HE11" s="327">
        <v>1129320</v>
      </c>
      <c r="HF11" s="331">
        <v>2883024</v>
      </c>
      <c r="HG11" s="332">
        <v>0</v>
      </c>
      <c r="HH11" s="327">
        <v>16139381</v>
      </c>
      <c r="HI11" s="327">
        <v>13852326</v>
      </c>
      <c r="HJ11" s="327">
        <v>11163552</v>
      </c>
      <c r="HK11" s="327">
        <v>13232028</v>
      </c>
      <c r="HL11" s="327">
        <v>8709946</v>
      </c>
      <c r="HM11" s="328">
        <v>63097233</v>
      </c>
      <c r="HN11" s="329">
        <v>65980257</v>
      </c>
      <c r="HO11" s="333">
        <v>0</v>
      </c>
      <c r="HP11" s="327">
        <v>0</v>
      </c>
      <c r="HQ11" s="328">
        <v>0</v>
      </c>
      <c r="HR11" s="326">
        <v>0</v>
      </c>
      <c r="HS11" s="327">
        <v>0</v>
      </c>
      <c r="HT11" s="327">
        <v>0</v>
      </c>
      <c r="HU11" s="327">
        <v>0</v>
      </c>
      <c r="HV11" s="327">
        <v>0</v>
      </c>
      <c r="HW11" s="327">
        <v>0</v>
      </c>
      <c r="HX11" s="331">
        <v>0</v>
      </c>
      <c r="HY11" s="330">
        <v>0</v>
      </c>
      <c r="HZ11" s="335">
        <v>46784</v>
      </c>
      <c r="IA11" s="336">
        <v>275438</v>
      </c>
      <c r="IB11" s="337">
        <v>322222</v>
      </c>
      <c r="IC11" s="338">
        <v>0</v>
      </c>
      <c r="ID11" s="336">
        <v>13090207</v>
      </c>
      <c r="IE11" s="339">
        <v>13386452</v>
      </c>
      <c r="IF11" s="337">
        <v>15452341</v>
      </c>
      <c r="IG11" s="336">
        <v>10759732</v>
      </c>
      <c r="IH11" s="337">
        <v>10715171</v>
      </c>
      <c r="II11" s="340">
        <v>63403903</v>
      </c>
      <c r="IJ11" s="341">
        <v>63726125</v>
      </c>
      <c r="IK11" s="342">
        <v>0</v>
      </c>
      <c r="IL11" s="343">
        <v>0</v>
      </c>
      <c r="IM11" s="344">
        <v>0</v>
      </c>
      <c r="IN11" s="404">
        <v>0</v>
      </c>
      <c r="IO11" s="345">
        <v>136872</v>
      </c>
      <c r="IP11" s="345">
        <v>464102</v>
      </c>
      <c r="IQ11" s="345">
        <v>1191281</v>
      </c>
      <c r="IR11" s="345">
        <v>523304</v>
      </c>
      <c r="IS11" s="345">
        <v>1091500</v>
      </c>
      <c r="IT11" s="346">
        <v>3407059</v>
      </c>
      <c r="IU11" s="347">
        <v>3407059</v>
      </c>
      <c r="IV11" s="348">
        <v>0</v>
      </c>
      <c r="IW11" s="345">
        <v>0</v>
      </c>
      <c r="IX11" s="349">
        <v>0</v>
      </c>
      <c r="IY11" s="404">
        <v>0</v>
      </c>
      <c r="IZ11" s="345">
        <v>88252</v>
      </c>
      <c r="JA11" s="345">
        <v>56744</v>
      </c>
      <c r="JB11" s="345">
        <v>169247</v>
      </c>
      <c r="JC11" s="345">
        <v>77365</v>
      </c>
      <c r="JD11" s="345">
        <v>129110</v>
      </c>
      <c r="JE11" s="349">
        <v>520718</v>
      </c>
      <c r="JF11" s="350">
        <v>520718</v>
      </c>
      <c r="JG11" s="348">
        <v>0</v>
      </c>
      <c r="JH11" s="345">
        <v>0</v>
      </c>
      <c r="JI11" s="346">
        <v>0</v>
      </c>
      <c r="JJ11" s="351">
        <v>0</v>
      </c>
      <c r="JK11" s="345">
        <v>4378352</v>
      </c>
      <c r="JL11" s="345">
        <v>3294531</v>
      </c>
      <c r="JM11" s="345">
        <v>2062207</v>
      </c>
      <c r="JN11" s="345">
        <v>1588218</v>
      </c>
      <c r="JO11" s="345">
        <v>2302034</v>
      </c>
      <c r="JP11" s="349">
        <v>13625342</v>
      </c>
      <c r="JQ11" s="347">
        <v>13625342</v>
      </c>
      <c r="JR11" s="348">
        <v>0</v>
      </c>
      <c r="JS11" s="345">
        <v>0</v>
      </c>
      <c r="JT11" s="346">
        <v>0</v>
      </c>
      <c r="JU11" s="351">
        <v>0</v>
      </c>
      <c r="JV11" s="345">
        <v>475536</v>
      </c>
      <c r="JW11" s="345">
        <v>1474994</v>
      </c>
      <c r="JX11" s="345">
        <v>614315</v>
      </c>
      <c r="JY11" s="345">
        <v>501713</v>
      </c>
      <c r="JZ11" s="345">
        <v>301583</v>
      </c>
      <c r="KA11" s="349">
        <v>3368141</v>
      </c>
      <c r="KB11" s="347">
        <v>3368141</v>
      </c>
      <c r="KC11" s="352">
        <v>46784</v>
      </c>
      <c r="KD11" s="353">
        <v>275438</v>
      </c>
      <c r="KE11" s="349">
        <v>322222</v>
      </c>
      <c r="KF11" s="351">
        <v>0</v>
      </c>
      <c r="KG11" s="345">
        <v>1540189</v>
      </c>
      <c r="KH11" s="345">
        <v>2493859</v>
      </c>
      <c r="KI11" s="345">
        <v>2074897</v>
      </c>
      <c r="KJ11" s="345">
        <v>1312923</v>
      </c>
      <c r="KK11" s="345">
        <v>881530</v>
      </c>
      <c r="KL11" s="349">
        <v>8303398</v>
      </c>
      <c r="KM11" s="354">
        <v>8625620</v>
      </c>
      <c r="KN11" s="342">
        <v>0</v>
      </c>
      <c r="KO11" s="343">
        <v>0</v>
      </c>
      <c r="KP11" s="344">
        <v>0</v>
      </c>
      <c r="KQ11" s="404">
        <v>0</v>
      </c>
      <c r="KR11" s="345">
        <v>5477301</v>
      </c>
      <c r="KS11" s="345">
        <v>4724417</v>
      </c>
      <c r="KT11" s="345">
        <v>6223160</v>
      </c>
      <c r="KU11" s="345">
        <v>4648953</v>
      </c>
      <c r="KV11" s="345">
        <v>2258045</v>
      </c>
      <c r="KW11" s="349">
        <v>23331876</v>
      </c>
      <c r="KX11" s="347">
        <v>23331876</v>
      </c>
      <c r="KY11" s="348">
        <v>0</v>
      </c>
      <c r="KZ11" s="345">
        <v>0</v>
      </c>
      <c r="LA11" s="349">
        <v>0</v>
      </c>
      <c r="LB11" s="404">
        <v>0</v>
      </c>
      <c r="LC11" s="345">
        <v>0</v>
      </c>
      <c r="LD11" s="345">
        <v>0</v>
      </c>
      <c r="LE11" s="345">
        <v>0</v>
      </c>
      <c r="LF11" s="345">
        <v>0</v>
      </c>
      <c r="LG11" s="345">
        <v>0</v>
      </c>
      <c r="LH11" s="349">
        <v>0</v>
      </c>
      <c r="LI11" s="350">
        <v>0</v>
      </c>
      <c r="LJ11" s="348">
        <v>0</v>
      </c>
      <c r="LK11" s="345">
        <v>0</v>
      </c>
      <c r="LL11" s="349">
        <v>0</v>
      </c>
      <c r="LM11" s="404">
        <v>0</v>
      </c>
      <c r="LN11" s="345">
        <v>0</v>
      </c>
      <c r="LO11" s="345">
        <v>0</v>
      </c>
      <c r="LP11" s="345">
        <v>888643</v>
      </c>
      <c r="LQ11" s="345">
        <v>1380449</v>
      </c>
      <c r="LR11" s="345">
        <v>967541</v>
      </c>
      <c r="LS11" s="349">
        <v>3236633</v>
      </c>
      <c r="LT11" s="347">
        <v>3236633</v>
      </c>
      <c r="LU11" s="348">
        <v>0</v>
      </c>
      <c r="LV11" s="345">
        <v>0</v>
      </c>
      <c r="LW11" s="349">
        <v>0</v>
      </c>
      <c r="LX11" s="404">
        <v>0</v>
      </c>
      <c r="LY11" s="345">
        <v>993705</v>
      </c>
      <c r="LZ11" s="345">
        <v>877805</v>
      </c>
      <c r="MA11" s="345">
        <v>2228591</v>
      </c>
      <c r="MB11" s="345">
        <v>726807</v>
      </c>
      <c r="MC11" s="345">
        <v>2783828</v>
      </c>
      <c r="MD11" s="349">
        <v>7610736</v>
      </c>
      <c r="ME11" s="350">
        <v>7610736</v>
      </c>
      <c r="MF11" s="348">
        <v>0</v>
      </c>
      <c r="MG11" s="345">
        <v>0</v>
      </c>
      <c r="MH11" s="349">
        <v>0</v>
      </c>
      <c r="MI11" s="404">
        <v>0</v>
      </c>
      <c r="MJ11" s="345">
        <v>3187826</v>
      </c>
      <c r="MK11" s="345">
        <v>5615874</v>
      </c>
      <c r="ML11" s="345">
        <v>22135738</v>
      </c>
      <c r="MM11" s="345">
        <v>26782864</v>
      </c>
      <c r="MN11" s="345">
        <v>16463551</v>
      </c>
      <c r="MO11" s="349">
        <v>74185853</v>
      </c>
      <c r="MP11" s="354">
        <v>74185853</v>
      </c>
      <c r="MQ11" s="348">
        <v>0</v>
      </c>
      <c r="MR11" s="345">
        <v>0</v>
      </c>
      <c r="MS11" s="349">
        <v>0</v>
      </c>
      <c r="MT11" s="404">
        <v>0</v>
      </c>
      <c r="MU11" s="345">
        <v>1079911</v>
      </c>
      <c r="MV11" s="345">
        <v>1832350</v>
      </c>
      <c r="MW11" s="345">
        <v>12155738</v>
      </c>
      <c r="MX11" s="345">
        <v>17217689</v>
      </c>
      <c r="MY11" s="345">
        <v>10864316</v>
      </c>
      <c r="MZ11" s="349">
        <v>43150004</v>
      </c>
      <c r="NA11" s="354">
        <v>43150004</v>
      </c>
      <c r="NB11" s="348">
        <v>0</v>
      </c>
      <c r="NC11" s="345">
        <v>0</v>
      </c>
      <c r="ND11" s="349">
        <v>0</v>
      </c>
      <c r="NE11" s="404">
        <v>0</v>
      </c>
      <c r="NF11" s="345">
        <v>2107915</v>
      </c>
      <c r="NG11" s="345">
        <v>3783524</v>
      </c>
      <c r="NH11" s="345">
        <v>9980000</v>
      </c>
      <c r="NI11" s="345">
        <v>9565175</v>
      </c>
      <c r="NJ11" s="345">
        <v>5599235</v>
      </c>
      <c r="NK11" s="349">
        <v>31035849</v>
      </c>
      <c r="NL11" s="347">
        <v>31035849</v>
      </c>
      <c r="NM11" s="348">
        <v>0</v>
      </c>
      <c r="NN11" s="345">
        <v>0</v>
      </c>
      <c r="NO11" s="349">
        <v>0</v>
      </c>
      <c r="NP11" s="404">
        <v>0</v>
      </c>
      <c r="NQ11" s="345">
        <v>0</v>
      </c>
      <c r="NR11" s="345">
        <v>0</v>
      </c>
      <c r="NS11" s="345">
        <v>0</v>
      </c>
      <c r="NT11" s="345">
        <v>0</v>
      </c>
      <c r="NU11" s="345">
        <v>0</v>
      </c>
      <c r="NV11" s="349">
        <v>0</v>
      </c>
      <c r="NW11" s="350">
        <v>0</v>
      </c>
      <c r="NX11" s="348">
        <v>0</v>
      </c>
      <c r="NY11" s="345">
        <v>0</v>
      </c>
      <c r="NZ11" s="349">
        <v>0</v>
      </c>
      <c r="OA11" s="404">
        <v>0</v>
      </c>
      <c r="OB11" s="345">
        <v>0</v>
      </c>
      <c r="OC11" s="345">
        <v>0</v>
      </c>
      <c r="OD11" s="345">
        <v>0</v>
      </c>
      <c r="OE11" s="345">
        <v>0</v>
      </c>
      <c r="OF11" s="345">
        <v>0</v>
      </c>
      <c r="OG11" s="349">
        <v>0</v>
      </c>
      <c r="OH11" s="350">
        <v>0</v>
      </c>
      <c r="OI11" s="348">
        <v>4155667</v>
      </c>
      <c r="OJ11" s="345">
        <v>4536794</v>
      </c>
      <c r="OK11" s="346">
        <v>8692461</v>
      </c>
      <c r="OL11" s="351">
        <v>0</v>
      </c>
      <c r="OM11" s="345">
        <v>62877458</v>
      </c>
      <c r="ON11" s="345">
        <v>71242546</v>
      </c>
      <c r="OO11" s="345">
        <v>77494420</v>
      </c>
      <c r="OP11" s="345">
        <v>75877339</v>
      </c>
      <c r="OQ11" s="345">
        <v>52933386</v>
      </c>
      <c r="OR11" s="349">
        <v>340425149</v>
      </c>
      <c r="OS11" s="354">
        <v>349117610</v>
      </c>
    </row>
    <row r="12" spans="1:409" s="70" customFormat="1" ht="21" customHeight="1" x14ac:dyDescent="0.2">
      <c r="B12" s="410" t="s">
        <v>14</v>
      </c>
      <c r="C12" s="326">
        <v>1894539</v>
      </c>
      <c r="D12" s="327">
        <v>2969341</v>
      </c>
      <c r="E12" s="328">
        <v>4863880</v>
      </c>
      <c r="F12" s="329">
        <v>0</v>
      </c>
      <c r="G12" s="327">
        <v>15679795</v>
      </c>
      <c r="H12" s="327">
        <v>30744948</v>
      </c>
      <c r="I12" s="327">
        <v>27296779</v>
      </c>
      <c r="J12" s="327">
        <v>20599105</v>
      </c>
      <c r="K12" s="327">
        <v>13460875</v>
      </c>
      <c r="L12" s="331">
        <v>107781502</v>
      </c>
      <c r="M12" s="330">
        <v>112645382</v>
      </c>
      <c r="N12" s="326">
        <v>697686</v>
      </c>
      <c r="O12" s="327">
        <v>1210003</v>
      </c>
      <c r="P12" s="328">
        <v>1907689</v>
      </c>
      <c r="Q12" s="326">
        <v>0</v>
      </c>
      <c r="R12" s="327">
        <v>4749948</v>
      </c>
      <c r="S12" s="327">
        <v>10590599</v>
      </c>
      <c r="T12" s="327">
        <v>9327231</v>
      </c>
      <c r="U12" s="327">
        <v>7333450</v>
      </c>
      <c r="V12" s="327">
        <v>7866672</v>
      </c>
      <c r="W12" s="328">
        <v>39867900</v>
      </c>
      <c r="X12" s="330">
        <v>41775589</v>
      </c>
      <c r="Y12" s="326">
        <v>0</v>
      </c>
      <c r="Z12" s="327">
        <v>0</v>
      </c>
      <c r="AA12" s="328">
        <v>0</v>
      </c>
      <c r="AB12" s="326">
        <v>0</v>
      </c>
      <c r="AC12" s="327">
        <v>1892856</v>
      </c>
      <c r="AD12" s="327">
        <v>4511350</v>
      </c>
      <c r="AE12" s="327">
        <v>5017516</v>
      </c>
      <c r="AF12" s="327">
        <v>3947648</v>
      </c>
      <c r="AG12" s="327">
        <v>5490758</v>
      </c>
      <c r="AH12" s="328">
        <v>20860128</v>
      </c>
      <c r="AI12" s="330">
        <v>20860128</v>
      </c>
      <c r="AJ12" s="326">
        <v>0</v>
      </c>
      <c r="AK12" s="327">
        <v>0</v>
      </c>
      <c r="AL12" s="328">
        <v>0</v>
      </c>
      <c r="AM12" s="326">
        <v>0</v>
      </c>
      <c r="AN12" s="327">
        <v>0</v>
      </c>
      <c r="AO12" s="327">
        <v>49283</v>
      </c>
      <c r="AP12" s="327">
        <v>161921</v>
      </c>
      <c r="AQ12" s="327">
        <v>348307</v>
      </c>
      <c r="AR12" s="327">
        <v>279868</v>
      </c>
      <c r="AS12" s="328">
        <v>839379</v>
      </c>
      <c r="AT12" s="330">
        <v>839379</v>
      </c>
      <c r="AU12" s="326">
        <v>300482</v>
      </c>
      <c r="AV12" s="327">
        <v>886239</v>
      </c>
      <c r="AW12" s="328">
        <v>1186721</v>
      </c>
      <c r="AX12" s="326">
        <v>0</v>
      </c>
      <c r="AY12" s="327">
        <v>1533075</v>
      </c>
      <c r="AZ12" s="327">
        <v>4156004</v>
      </c>
      <c r="BA12" s="327">
        <v>2209253</v>
      </c>
      <c r="BB12" s="327">
        <v>1683413</v>
      </c>
      <c r="BC12" s="327">
        <v>1095742</v>
      </c>
      <c r="BD12" s="328">
        <v>10677487</v>
      </c>
      <c r="BE12" s="330">
        <v>11864208</v>
      </c>
      <c r="BF12" s="326">
        <v>66708</v>
      </c>
      <c r="BG12" s="327">
        <v>18692</v>
      </c>
      <c r="BH12" s="331">
        <v>85400</v>
      </c>
      <c r="BI12" s="332">
        <v>0</v>
      </c>
      <c r="BJ12" s="327">
        <v>38185</v>
      </c>
      <c r="BK12" s="327">
        <v>69202</v>
      </c>
      <c r="BL12" s="327">
        <v>277469</v>
      </c>
      <c r="BM12" s="327">
        <v>63322</v>
      </c>
      <c r="BN12" s="327">
        <v>0</v>
      </c>
      <c r="BO12" s="328">
        <v>448178</v>
      </c>
      <c r="BP12" s="330">
        <v>533578</v>
      </c>
      <c r="BQ12" s="326">
        <v>330496</v>
      </c>
      <c r="BR12" s="327">
        <v>305072</v>
      </c>
      <c r="BS12" s="328">
        <v>635568</v>
      </c>
      <c r="BT12" s="326">
        <v>0</v>
      </c>
      <c r="BU12" s="327">
        <v>1285832</v>
      </c>
      <c r="BV12" s="327">
        <v>1804760</v>
      </c>
      <c r="BW12" s="327">
        <v>1661072</v>
      </c>
      <c r="BX12" s="327">
        <v>1290760</v>
      </c>
      <c r="BY12" s="327">
        <v>1000304</v>
      </c>
      <c r="BZ12" s="328">
        <v>7042728</v>
      </c>
      <c r="CA12" s="330">
        <v>7678296</v>
      </c>
      <c r="CB12" s="326">
        <v>119273</v>
      </c>
      <c r="CC12" s="327">
        <v>433493</v>
      </c>
      <c r="CD12" s="328">
        <v>552766</v>
      </c>
      <c r="CE12" s="326">
        <v>0</v>
      </c>
      <c r="CF12" s="327">
        <v>5113034</v>
      </c>
      <c r="CG12" s="327">
        <v>8940371</v>
      </c>
      <c r="CH12" s="327">
        <v>6996906</v>
      </c>
      <c r="CI12" s="327">
        <v>4535374</v>
      </c>
      <c r="CJ12" s="327">
        <v>971854</v>
      </c>
      <c r="CK12" s="328">
        <v>26557539</v>
      </c>
      <c r="CL12" s="330">
        <v>27110305</v>
      </c>
      <c r="CM12" s="326">
        <v>0</v>
      </c>
      <c r="CN12" s="327">
        <v>0</v>
      </c>
      <c r="CO12" s="328">
        <v>0</v>
      </c>
      <c r="CP12" s="332">
        <v>0</v>
      </c>
      <c r="CQ12" s="327">
        <v>4763118</v>
      </c>
      <c r="CR12" s="327">
        <v>7136377</v>
      </c>
      <c r="CS12" s="327">
        <v>6148674</v>
      </c>
      <c r="CT12" s="327">
        <v>3720985</v>
      </c>
      <c r="CU12" s="327">
        <v>828958</v>
      </c>
      <c r="CV12" s="328">
        <v>22598112</v>
      </c>
      <c r="CW12" s="330">
        <v>22598112</v>
      </c>
      <c r="CX12" s="326">
        <v>119273</v>
      </c>
      <c r="CY12" s="327">
        <v>433493</v>
      </c>
      <c r="CZ12" s="328">
        <v>552766</v>
      </c>
      <c r="DA12" s="326">
        <v>0</v>
      </c>
      <c r="DB12" s="327">
        <v>349916</v>
      </c>
      <c r="DC12" s="327">
        <v>1803994</v>
      </c>
      <c r="DD12" s="327">
        <v>848232</v>
      </c>
      <c r="DE12" s="327">
        <v>814389</v>
      </c>
      <c r="DF12" s="327">
        <v>142896</v>
      </c>
      <c r="DG12" s="328">
        <v>3959427</v>
      </c>
      <c r="DH12" s="330">
        <v>4512193</v>
      </c>
      <c r="DI12" s="326">
        <v>0</v>
      </c>
      <c r="DJ12" s="327">
        <v>0</v>
      </c>
      <c r="DK12" s="331">
        <v>0</v>
      </c>
      <c r="DL12" s="332">
        <v>0</v>
      </c>
      <c r="DM12" s="327">
        <v>379045</v>
      </c>
      <c r="DN12" s="327">
        <v>1456606</v>
      </c>
      <c r="DO12" s="327">
        <v>1990117</v>
      </c>
      <c r="DP12" s="327">
        <v>2825315</v>
      </c>
      <c r="DQ12" s="327">
        <v>484819</v>
      </c>
      <c r="DR12" s="328">
        <v>7135902</v>
      </c>
      <c r="DS12" s="330">
        <v>7135902</v>
      </c>
      <c r="DT12" s="326">
        <v>0</v>
      </c>
      <c r="DU12" s="327">
        <v>0</v>
      </c>
      <c r="DV12" s="328">
        <v>0</v>
      </c>
      <c r="DW12" s="326">
        <v>0</v>
      </c>
      <c r="DX12" s="327">
        <v>379045</v>
      </c>
      <c r="DY12" s="327">
        <v>1396942</v>
      </c>
      <c r="DZ12" s="327">
        <v>1966920</v>
      </c>
      <c r="EA12" s="327">
        <v>2825315</v>
      </c>
      <c r="EB12" s="327">
        <v>422935</v>
      </c>
      <c r="EC12" s="328">
        <v>6991157</v>
      </c>
      <c r="ED12" s="330">
        <v>6991157</v>
      </c>
      <c r="EE12" s="326">
        <v>0</v>
      </c>
      <c r="EF12" s="331">
        <v>0</v>
      </c>
      <c r="EG12" s="328">
        <v>0</v>
      </c>
      <c r="EH12" s="326">
        <v>0</v>
      </c>
      <c r="EI12" s="327">
        <v>0</v>
      </c>
      <c r="EJ12" s="327">
        <v>59664</v>
      </c>
      <c r="EK12" s="327">
        <v>23197</v>
      </c>
      <c r="EL12" s="327">
        <v>0</v>
      </c>
      <c r="EM12" s="327">
        <v>61884</v>
      </c>
      <c r="EN12" s="331">
        <v>144745</v>
      </c>
      <c r="EO12" s="330">
        <v>144745</v>
      </c>
      <c r="EP12" s="326">
        <v>0</v>
      </c>
      <c r="EQ12" s="327">
        <v>0</v>
      </c>
      <c r="ER12" s="331">
        <v>0</v>
      </c>
      <c r="ES12" s="332">
        <v>0</v>
      </c>
      <c r="ET12" s="327">
        <v>0</v>
      </c>
      <c r="EU12" s="327">
        <v>0</v>
      </c>
      <c r="EV12" s="327">
        <v>0</v>
      </c>
      <c r="EW12" s="327">
        <v>0</v>
      </c>
      <c r="EX12" s="327">
        <v>0</v>
      </c>
      <c r="EY12" s="328">
        <v>0</v>
      </c>
      <c r="EZ12" s="330">
        <v>0</v>
      </c>
      <c r="FA12" s="326">
        <v>0</v>
      </c>
      <c r="FB12" s="327">
        <v>0</v>
      </c>
      <c r="FC12" s="331">
        <v>0</v>
      </c>
      <c r="FD12" s="332">
        <v>0</v>
      </c>
      <c r="FE12" s="327">
        <v>0</v>
      </c>
      <c r="FF12" s="327">
        <v>0</v>
      </c>
      <c r="FG12" s="327">
        <v>0</v>
      </c>
      <c r="FH12" s="327">
        <v>0</v>
      </c>
      <c r="FI12" s="327">
        <v>0</v>
      </c>
      <c r="FJ12" s="328">
        <v>0</v>
      </c>
      <c r="FK12" s="330">
        <v>0</v>
      </c>
      <c r="FL12" s="326">
        <v>407728</v>
      </c>
      <c r="FM12" s="327">
        <v>869584</v>
      </c>
      <c r="FN12" s="328">
        <v>1277312</v>
      </c>
      <c r="FO12" s="326">
        <v>0</v>
      </c>
      <c r="FP12" s="327">
        <v>952504</v>
      </c>
      <c r="FQ12" s="327">
        <v>3436380</v>
      </c>
      <c r="FR12" s="327">
        <v>2212408</v>
      </c>
      <c r="FS12" s="327">
        <v>1805184</v>
      </c>
      <c r="FT12" s="327">
        <v>1390824</v>
      </c>
      <c r="FU12" s="328">
        <v>9797300</v>
      </c>
      <c r="FV12" s="330">
        <v>11074612</v>
      </c>
      <c r="FW12" s="333">
        <v>232464</v>
      </c>
      <c r="FX12" s="327">
        <v>798528</v>
      </c>
      <c r="FY12" s="331">
        <v>1030992</v>
      </c>
      <c r="FZ12" s="332">
        <v>0</v>
      </c>
      <c r="GA12" s="327">
        <v>729584</v>
      </c>
      <c r="GB12" s="327">
        <v>3241680</v>
      </c>
      <c r="GC12" s="327">
        <v>2152728</v>
      </c>
      <c r="GD12" s="327">
        <v>1645184</v>
      </c>
      <c r="GE12" s="327">
        <v>1390824</v>
      </c>
      <c r="GF12" s="328">
        <v>9160000</v>
      </c>
      <c r="GG12" s="334">
        <v>10190992</v>
      </c>
      <c r="GH12" s="333">
        <v>80000</v>
      </c>
      <c r="GI12" s="327">
        <v>71056</v>
      </c>
      <c r="GJ12" s="331">
        <v>151056</v>
      </c>
      <c r="GK12" s="332">
        <v>0</v>
      </c>
      <c r="GL12" s="327">
        <v>118208</v>
      </c>
      <c r="GM12" s="327">
        <v>97900</v>
      </c>
      <c r="GN12" s="327">
        <v>59680</v>
      </c>
      <c r="GO12" s="327">
        <v>0</v>
      </c>
      <c r="GP12" s="327">
        <v>0</v>
      </c>
      <c r="GQ12" s="328">
        <v>275788</v>
      </c>
      <c r="GR12" s="330">
        <v>426844</v>
      </c>
      <c r="GS12" s="326">
        <v>95264</v>
      </c>
      <c r="GT12" s="327">
        <v>0</v>
      </c>
      <c r="GU12" s="328">
        <v>95264</v>
      </c>
      <c r="GV12" s="326">
        <v>0</v>
      </c>
      <c r="GW12" s="327">
        <v>104712</v>
      </c>
      <c r="GX12" s="327">
        <v>96800</v>
      </c>
      <c r="GY12" s="327">
        <v>0</v>
      </c>
      <c r="GZ12" s="327">
        <v>160000</v>
      </c>
      <c r="HA12" s="327">
        <v>0</v>
      </c>
      <c r="HB12" s="331">
        <v>361512</v>
      </c>
      <c r="HC12" s="330">
        <v>456776</v>
      </c>
      <c r="HD12" s="326">
        <v>669852</v>
      </c>
      <c r="HE12" s="327">
        <v>456261</v>
      </c>
      <c r="HF12" s="331">
        <v>1126113</v>
      </c>
      <c r="HG12" s="332">
        <v>0</v>
      </c>
      <c r="HH12" s="327">
        <v>4485264</v>
      </c>
      <c r="HI12" s="327">
        <v>6320992</v>
      </c>
      <c r="HJ12" s="327">
        <v>6770117</v>
      </c>
      <c r="HK12" s="327">
        <v>4099782</v>
      </c>
      <c r="HL12" s="327">
        <v>2746706</v>
      </c>
      <c r="HM12" s="328">
        <v>24422861</v>
      </c>
      <c r="HN12" s="329">
        <v>25548974</v>
      </c>
      <c r="HO12" s="333">
        <v>0</v>
      </c>
      <c r="HP12" s="327">
        <v>0</v>
      </c>
      <c r="HQ12" s="328">
        <v>0</v>
      </c>
      <c r="HR12" s="326">
        <v>0</v>
      </c>
      <c r="HS12" s="327">
        <v>0</v>
      </c>
      <c r="HT12" s="327">
        <v>0</v>
      </c>
      <c r="HU12" s="327">
        <v>0</v>
      </c>
      <c r="HV12" s="327">
        <v>0</v>
      </c>
      <c r="HW12" s="327">
        <v>0</v>
      </c>
      <c r="HX12" s="331">
        <v>0</v>
      </c>
      <c r="HY12" s="330">
        <v>0</v>
      </c>
      <c r="HZ12" s="335">
        <v>41539</v>
      </c>
      <c r="IA12" s="336">
        <v>68138</v>
      </c>
      <c r="IB12" s="337">
        <v>109677</v>
      </c>
      <c r="IC12" s="355">
        <v>0</v>
      </c>
      <c r="ID12" s="356">
        <v>6979428</v>
      </c>
      <c r="IE12" s="357">
        <v>7293616</v>
      </c>
      <c r="IF12" s="358">
        <v>8848291</v>
      </c>
      <c r="IG12" s="356">
        <v>7579832</v>
      </c>
      <c r="IH12" s="358">
        <v>6163436</v>
      </c>
      <c r="II12" s="359">
        <v>36864603</v>
      </c>
      <c r="IJ12" s="341">
        <v>36974280</v>
      </c>
      <c r="IK12" s="342">
        <v>0</v>
      </c>
      <c r="IL12" s="343">
        <v>0</v>
      </c>
      <c r="IM12" s="344">
        <v>0</v>
      </c>
      <c r="IN12" s="404">
        <v>0</v>
      </c>
      <c r="IO12" s="345">
        <v>96110</v>
      </c>
      <c r="IP12" s="345">
        <v>445556</v>
      </c>
      <c r="IQ12" s="345">
        <v>447065</v>
      </c>
      <c r="IR12" s="345">
        <v>893066</v>
      </c>
      <c r="IS12" s="345">
        <v>1826256</v>
      </c>
      <c r="IT12" s="346">
        <v>3708053</v>
      </c>
      <c r="IU12" s="347">
        <v>3708053</v>
      </c>
      <c r="IV12" s="348">
        <v>0</v>
      </c>
      <c r="IW12" s="345">
        <v>0</v>
      </c>
      <c r="IX12" s="349">
        <v>0</v>
      </c>
      <c r="IY12" s="404">
        <v>0</v>
      </c>
      <c r="IZ12" s="345">
        <v>0</v>
      </c>
      <c r="JA12" s="345">
        <v>0</v>
      </c>
      <c r="JB12" s="345">
        <v>0</v>
      </c>
      <c r="JC12" s="345">
        <v>0</v>
      </c>
      <c r="JD12" s="345">
        <v>0</v>
      </c>
      <c r="JE12" s="349">
        <v>0</v>
      </c>
      <c r="JF12" s="350">
        <v>0</v>
      </c>
      <c r="JG12" s="348">
        <v>0</v>
      </c>
      <c r="JH12" s="345">
        <v>0</v>
      </c>
      <c r="JI12" s="346">
        <v>0</v>
      </c>
      <c r="JJ12" s="351">
        <v>0</v>
      </c>
      <c r="JK12" s="345">
        <v>2824497</v>
      </c>
      <c r="JL12" s="345">
        <v>3784283</v>
      </c>
      <c r="JM12" s="345">
        <v>2286456</v>
      </c>
      <c r="JN12" s="345">
        <v>1614432</v>
      </c>
      <c r="JO12" s="345">
        <v>731075</v>
      </c>
      <c r="JP12" s="349">
        <v>11240743</v>
      </c>
      <c r="JQ12" s="347">
        <v>11240743</v>
      </c>
      <c r="JR12" s="348">
        <v>0</v>
      </c>
      <c r="JS12" s="345">
        <v>0</v>
      </c>
      <c r="JT12" s="346">
        <v>0</v>
      </c>
      <c r="JU12" s="351">
        <v>0</v>
      </c>
      <c r="JV12" s="345">
        <v>182028</v>
      </c>
      <c r="JW12" s="345">
        <v>83855</v>
      </c>
      <c r="JX12" s="345">
        <v>356537</v>
      </c>
      <c r="JY12" s="345">
        <v>0</v>
      </c>
      <c r="JZ12" s="345">
        <v>0</v>
      </c>
      <c r="KA12" s="349">
        <v>622420</v>
      </c>
      <c r="KB12" s="347">
        <v>622420</v>
      </c>
      <c r="KC12" s="352">
        <v>41539</v>
      </c>
      <c r="KD12" s="353">
        <v>68138</v>
      </c>
      <c r="KE12" s="349">
        <v>109677</v>
      </c>
      <c r="KF12" s="351">
        <v>0</v>
      </c>
      <c r="KG12" s="345">
        <v>706370</v>
      </c>
      <c r="KH12" s="345">
        <v>523293</v>
      </c>
      <c r="KI12" s="345">
        <v>1697058</v>
      </c>
      <c r="KJ12" s="345">
        <v>715915</v>
      </c>
      <c r="KK12" s="345">
        <v>1135107</v>
      </c>
      <c r="KL12" s="349">
        <v>4777743</v>
      </c>
      <c r="KM12" s="354">
        <v>4887420</v>
      </c>
      <c r="KN12" s="342">
        <v>0</v>
      </c>
      <c r="KO12" s="343">
        <v>0</v>
      </c>
      <c r="KP12" s="344">
        <v>0</v>
      </c>
      <c r="KQ12" s="404">
        <v>0</v>
      </c>
      <c r="KR12" s="345">
        <v>3035878</v>
      </c>
      <c r="KS12" s="345">
        <v>2280603</v>
      </c>
      <c r="KT12" s="345">
        <v>3294507</v>
      </c>
      <c r="KU12" s="345">
        <v>3277802</v>
      </c>
      <c r="KV12" s="345">
        <v>1390861</v>
      </c>
      <c r="KW12" s="349">
        <v>13279651</v>
      </c>
      <c r="KX12" s="347">
        <v>13279651</v>
      </c>
      <c r="KY12" s="348">
        <v>0</v>
      </c>
      <c r="KZ12" s="345">
        <v>0</v>
      </c>
      <c r="LA12" s="349">
        <v>0</v>
      </c>
      <c r="LB12" s="404">
        <v>0</v>
      </c>
      <c r="LC12" s="345">
        <v>0</v>
      </c>
      <c r="LD12" s="345">
        <v>0</v>
      </c>
      <c r="LE12" s="345">
        <v>0</v>
      </c>
      <c r="LF12" s="345">
        <v>0</v>
      </c>
      <c r="LG12" s="345">
        <v>0</v>
      </c>
      <c r="LH12" s="349">
        <v>0</v>
      </c>
      <c r="LI12" s="350">
        <v>0</v>
      </c>
      <c r="LJ12" s="348">
        <v>0</v>
      </c>
      <c r="LK12" s="345">
        <v>0</v>
      </c>
      <c r="LL12" s="349">
        <v>0</v>
      </c>
      <c r="LM12" s="404">
        <v>0</v>
      </c>
      <c r="LN12" s="345">
        <v>0</v>
      </c>
      <c r="LO12" s="345">
        <v>0</v>
      </c>
      <c r="LP12" s="345">
        <v>245455</v>
      </c>
      <c r="LQ12" s="345">
        <v>295904</v>
      </c>
      <c r="LR12" s="345">
        <v>0</v>
      </c>
      <c r="LS12" s="349">
        <v>541359</v>
      </c>
      <c r="LT12" s="347">
        <v>541359</v>
      </c>
      <c r="LU12" s="348">
        <v>0</v>
      </c>
      <c r="LV12" s="345">
        <v>0</v>
      </c>
      <c r="LW12" s="349">
        <v>0</v>
      </c>
      <c r="LX12" s="404">
        <v>0</v>
      </c>
      <c r="LY12" s="345">
        <v>134545</v>
      </c>
      <c r="LZ12" s="345">
        <v>176026</v>
      </c>
      <c r="MA12" s="345">
        <v>521213</v>
      </c>
      <c r="MB12" s="345">
        <v>782713</v>
      </c>
      <c r="MC12" s="345">
        <v>1080137</v>
      </c>
      <c r="MD12" s="349">
        <v>2694634</v>
      </c>
      <c r="ME12" s="350">
        <v>2694634</v>
      </c>
      <c r="MF12" s="348">
        <v>0</v>
      </c>
      <c r="MG12" s="345">
        <v>0</v>
      </c>
      <c r="MH12" s="349">
        <v>0</v>
      </c>
      <c r="MI12" s="404">
        <v>0</v>
      </c>
      <c r="MJ12" s="345">
        <v>25784</v>
      </c>
      <c r="MK12" s="345">
        <v>2743622</v>
      </c>
      <c r="ML12" s="345">
        <v>16293779</v>
      </c>
      <c r="MM12" s="345">
        <v>23372621</v>
      </c>
      <c r="MN12" s="345">
        <v>12345032</v>
      </c>
      <c r="MO12" s="349">
        <v>54780838</v>
      </c>
      <c r="MP12" s="354">
        <v>54780838</v>
      </c>
      <c r="MQ12" s="348">
        <v>0</v>
      </c>
      <c r="MR12" s="345">
        <v>0</v>
      </c>
      <c r="MS12" s="349">
        <v>0</v>
      </c>
      <c r="MT12" s="404">
        <v>0</v>
      </c>
      <c r="MU12" s="345">
        <v>0</v>
      </c>
      <c r="MV12" s="345">
        <v>221390</v>
      </c>
      <c r="MW12" s="345">
        <v>10678631</v>
      </c>
      <c r="MX12" s="345">
        <v>14840875</v>
      </c>
      <c r="MY12" s="345">
        <v>7443877</v>
      </c>
      <c r="MZ12" s="349">
        <v>33184773</v>
      </c>
      <c r="NA12" s="354">
        <v>33184773</v>
      </c>
      <c r="NB12" s="348">
        <v>0</v>
      </c>
      <c r="NC12" s="345">
        <v>0</v>
      </c>
      <c r="ND12" s="349">
        <v>0</v>
      </c>
      <c r="NE12" s="404">
        <v>0</v>
      </c>
      <c r="NF12" s="345">
        <v>25784</v>
      </c>
      <c r="NG12" s="345">
        <v>2522232</v>
      </c>
      <c r="NH12" s="345">
        <v>4868255</v>
      </c>
      <c r="NI12" s="345">
        <v>7436165</v>
      </c>
      <c r="NJ12" s="345">
        <v>2960995</v>
      </c>
      <c r="NK12" s="349">
        <v>17813431</v>
      </c>
      <c r="NL12" s="347">
        <v>17813431</v>
      </c>
      <c r="NM12" s="348">
        <v>0</v>
      </c>
      <c r="NN12" s="345">
        <v>0</v>
      </c>
      <c r="NO12" s="349">
        <v>0</v>
      </c>
      <c r="NP12" s="404">
        <v>0</v>
      </c>
      <c r="NQ12" s="345">
        <v>0</v>
      </c>
      <c r="NR12" s="345">
        <v>0</v>
      </c>
      <c r="NS12" s="345">
        <v>0</v>
      </c>
      <c r="NT12" s="345">
        <v>0</v>
      </c>
      <c r="NU12" s="345">
        <v>0</v>
      </c>
      <c r="NV12" s="349">
        <v>0</v>
      </c>
      <c r="NW12" s="350">
        <v>0</v>
      </c>
      <c r="NX12" s="348">
        <v>0</v>
      </c>
      <c r="NY12" s="345">
        <v>0</v>
      </c>
      <c r="NZ12" s="349">
        <v>0</v>
      </c>
      <c r="OA12" s="404">
        <v>0</v>
      </c>
      <c r="OB12" s="345">
        <v>0</v>
      </c>
      <c r="OC12" s="345">
        <v>0</v>
      </c>
      <c r="OD12" s="345">
        <v>746893</v>
      </c>
      <c r="OE12" s="345">
        <v>1095581</v>
      </c>
      <c r="OF12" s="345">
        <v>1940160</v>
      </c>
      <c r="OG12" s="349">
        <v>3782634</v>
      </c>
      <c r="OH12" s="350">
        <v>3782634</v>
      </c>
      <c r="OI12" s="348">
        <v>1936078</v>
      </c>
      <c r="OJ12" s="345">
        <v>3037479</v>
      </c>
      <c r="OK12" s="346">
        <v>4973557</v>
      </c>
      <c r="OL12" s="351">
        <v>0</v>
      </c>
      <c r="OM12" s="345">
        <v>22685007</v>
      </c>
      <c r="ON12" s="345">
        <v>40782186</v>
      </c>
      <c r="OO12" s="345">
        <v>52438849</v>
      </c>
      <c r="OP12" s="345">
        <v>51551558</v>
      </c>
      <c r="OQ12" s="345">
        <v>31969343</v>
      </c>
      <c r="OR12" s="349">
        <v>199426943</v>
      </c>
      <c r="OS12" s="354">
        <v>204400500</v>
      </c>
    </row>
    <row r="13" spans="1:409" s="70" customFormat="1" ht="21" customHeight="1" x14ac:dyDescent="0.2">
      <c r="B13" s="410" t="s">
        <v>7</v>
      </c>
      <c r="C13" s="326">
        <v>1821600</v>
      </c>
      <c r="D13" s="327">
        <v>1906426</v>
      </c>
      <c r="E13" s="328">
        <v>3728026</v>
      </c>
      <c r="F13" s="329">
        <v>0</v>
      </c>
      <c r="G13" s="327">
        <v>25121745</v>
      </c>
      <c r="H13" s="327">
        <v>24926666</v>
      </c>
      <c r="I13" s="327">
        <v>16654712</v>
      </c>
      <c r="J13" s="327">
        <v>16240750</v>
      </c>
      <c r="K13" s="327">
        <v>13010955</v>
      </c>
      <c r="L13" s="329">
        <v>95954828</v>
      </c>
      <c r="M13" s="330">
        <v>99682854</v>
      </c>
      <c r="N13" s="326">
        <v>211248</v>
      </c>
      <c r="O13" s="327">
        <v>266649</v>
      </c>
      <c r="P13" s="328">
        <v>477897</v>
      </c>
      <c r="Q13" s="326">
        <v>0</v>
      </c>
      <c r="R13" s="327">
        <v>6741857</v>
      </c>
      <c r="S13" s="327">
        <v>7729401</v>
      </c>
      <c r="T13" s="327">
        <v>4292127</v>
      </c>
      <c r="U13" s="327">
        <v>5484699</v>
      </c>
      <c r="V13" s="327">
        <v>6416039</v>
      </c>
      <c r="W13" s="328">
        <v>30664123</v>
      </c>
      <c r="X13" s="330">
        <v>31142020</v>
      </c>
      <c r="Y13" s="326">
        <v>0</v>
      </c>
      <c r="Z13" s="327">
        <v>0</v>
      </c>
      <c r="AA13" s="328">
        <v>0</v>
      </c>
      <c r="AB13" s="326">
        <v>0</v>
      </c>
      <c r="AC13" s="327">
        <v>2961034</v>
      </c>
      <c r="AD13" s="327">
        <v>3701040</v>
      </c>
      <c r="AE13" s="327">
        <v>2226509</v>
      </c>
      <c r="AF13" s="327">
        <v>3119579</v>
      </c>
      <c r="AG13" s="327">
        <v>3726373</v>
      </c>
      <c r="AH13" s="328">
        <v>15734535</v>
      </c>
      <c r="AI13" s="330">
        <v>15734535</v>
      </c>
      <c r="AJ13" s="326">
        <v>0</v>
      </c>
      <c r="AK13" s="327">
        <v>0</v>
      </c>
      <c r="AL13" s="328">
        <v>0</v>
      </c>
      <c r="AM13" s="326">
        <v>0</v>
      </c>
      <c r="AN13" s="327">
        <v>73960</v>
      </c>
      <c r="AO13" s="327">
        <v>458995</v>
      </c>
      <c r="AP13" s="327">
        <v>194066</v>
      </c>
      <c r="AQ13" s="327">
        <v>530364</v>
      </c>
      <c r="AR13" s="327">
        <v>696612</v>
      </c>
      <c r="AS13" s="328">
        <v>1953997</v>
      </c>
      <c r="AT13" s="330">
        <v>1953997</v>
      </c>
      <c r="AU13" s="326">
        <v>0</v>
      </c>
      <c r="AV13" s="327">
        <v>29457</v>
      </c>
      <c r="AW13" s="328">
        <v>29457</v>
      </c>
      <c r="AX13" s="326">
        <v>0</v>
      </c>
      <c r="AY13" s="327">
        <v>1933610</v>
      </c>
      <c r="AZ13" s="327">
        <v>2015113</v>
      </c>
      <c r="BA13" s="327">
        <v>828357</v>
      </c>
      <c r="BB13" s="327">
        <v>783498</v>
      </c>
      <c r="BC13" s="327">
        <v>1194266</v>
      </c>
      <c r="BD13" s="328">
        <v>6754844</v>
      </c>
      <c r="BE13" s="330">
        <v>6784301</v>
      </c>
      <c r="BF13" s="326">
        <v>0</v>
      </c>
      <c r="BG13" s="327">
        <v>36568</v>
      </c>
      <c r="BH13" s="331">
        <v>36568</v>
      </c>
      <c r="BI13" s="332">
        <v>0</v>
      </c>
      <c r="BJ13" s="327">
        <v>260301</v>
      </c>
      <c r="BK13" s="327">
        <v>153165</v>
      </c>
      <c r="BL13" s="327">
        <v>124827</v>
      </c>
      <c r="BM13" s="327">
        <v>80434</v>
      </c>
      <c r="BN13" s="327">
        <v>32132</v>
      </c>
      <c r="BO13" s="328">
        <v>650859</v>
      </c>
      <c r="BP13" s="330">
        <v>687427</v>
      </c>
      <c r="BQ13" s="326">
        <v>211248</v>
      </c>
      <c r="BR13" s="327">
        <v>200624</v>
      </c>
      <c r="BS13" s="328">
        <v>411872</v>
      </c>
      <c r="BT13" s="326">
        <v>0</v>
      </c>
      <c r="BU13" s="327">
        <v>1512952</v>
      </c>
      <c r="BV13" s="327">
        <v>1401088</v>
      </c>
      <c r="BW13" s="327">
        <v>918368</v>
      </c>
      <c r="BX13" s="327">
        <v>970824</v>
      </c>
      <c r="BY13" s="327">
        <v>766656</v>
      </c>
      <c r="BZ13" s="328">
        <v>5569888</v>
      </c>
      <c r="CA13" s="330">
        <v>5981760</v>
      </c>
      <c r="CB13" s="326">
        <v>81941</v>
      </c>
      <c r="CC13" s="327">
        <v>193696</v>
      </c>
      <c r="CD13" s="328">
        <v>275637</v>
      </c>
      <c r="CE13" s="326">
        <v>0</v>
      </c>
      <c r="CF13" s="327">
        <v>8059891</v>
      </c>
      <c r="CG13" s="327">
        <v>5750855</v>
      </c>
      <c r="CH13" s="327">
        <v>3795393</v>
      </c>
      <c r="CI13" s="327">
        <v>1429861</v>
      </c>
      <c r="CJ13" s="327">
        <v>936915</v>
      </c>
      <c r="CK13" s="328">
        <v>19972915</v>
      </c>
      <c r="CL13" s="330">
        <v>20248552</v>
      </c>
      <c r="CM13" s="326">
        <v>0</v>
      </c>
      <c r="CN13" s="327">
        <v>0</v>
      </c>
      <c r="CO13" s="328">
        <v>0</v>
      </c>
      <c r="CP13" s="332">
        <v>0</v>
      </c>
      <c r="CQ13" s="327">
        <v>6932360</v>
      </c>
      <c r="CR13" s="327">
        <v>4269783</v>
      </c>
      <c r="CS13" s="327">
        <v>3258038</v>
      </c>
      <c r="CT13" s="327">
        <v>1116837</v>
      </c>
      <c r="CU13" s="327">
        <v>685219</v>
      </c>
      <c r="CV13" s="328">
        <v>16262237</v>
      </c>
      <c r="CW13" s="330">
        <v>16262237</v>
      </c>
      <c r="CX13" s="326">
        <v>81941</v>
      </c>
      <c r="CY13" s="327">
        <v>193696</v>
      </c>
      <c r="CZ13" s="328">
        <v>275637</v>
      </c>
      <c r="DA13" s="326">
        <v>0</v>
      </c>
      <c r="DB13" s="327">
        <v>1127531</v>
      </c>
      <c r="DC13" s="327">
        <v>1481072</v>
      </c>
      <c r="DD13" s="327">
        <v>537355</v>
      </c>
      <c r="DE13" s="327">
        <v>313024</v>
      </c>
      <c r="DF13" s="327">
        <v>251696</v>
      </c>
      <c r="DG13" s="328">
        <v>3710678</v>
      </c>
      <c r="DH13" s="330">
        <v>3986315</v>
      </c>
      <c r="DI13" s="326">
        <v>0</v>
      </c>
      <c r="DJ13" s="327">
        <v>0</v>
      </c>
      <c r="DK13" s="331">
        <v>0</v>
      </c>
      <c r="DL13" s="332">
        <v>0</v>
      </c>
      <c r="DM13" s="327">
        <v>762141</v>
      </c>
      <c r="DN13" s="327">
        <v>2712629</v>
      </c>
      <c r="DO13" s="327">
        <v>2356090</v>
      </c>
      <c r="DP13" s="327">
        <v>2131883</v>
      </c>
      <c r="DQ13" s="327">
        <v>757040</v>
      </c>
      <c r="DR13" s="328">
        <v>8719783</v>
      </c>
      <c r="DS13" s="330">
        <v>8719783</v>
      </c>
      <c r="DT13" s="326">
        <v>0</v>
      </c>
      <c r="DU13" s="327">
        <v>0</v>
      </c>
      <c r="DV13" s="328">
        <v>0</v>
      </c>
      <c r="DW13" s="326">
        <v>0</v>
      </c>
      <c r="DX13" s="327">
        <v>762141</v>
      </c>
      <c r="DY13" s="327">
        <v>2524454</v>
      </c>
      <c r="DZ13" s="327">
        <v>2299478</v>
      </c>
      <c r="EA13" s="327">
        <v>2071199</v>
      </c>
      <c r="EB13" s="327">
        <v>757040</v>
      </c>
      <c r="EC13" s="328">
        <v>8414312</v>
      </c>
      <c r="ED13" s="330">
        <v>8414312</v>
      </c>
      <c r="EE13" s="326">
        <v>0</v>
      </c>
      <c r="EF13" s="331">
        <v>0</v>
      </c>
      <c r="EG13" s="328">
        <v>0</v>
      </c>
      <c r="EH13" s="326">
        <v>0</v>
      </c>
      <c r="EI13" s="327">
        <v>0</v>
      </c>
      <c r="EJ13" s="327">
        <v>188175</v>
      </c>
      <c r="EK13" s="327">
        <v>56612</v>
      </c>
      <c r="EL13" s="327">
        <v>60684</v>
      </c>
      <c r="EM13" s="327">
        <v>0</v>
      </c>
      <c r="EN13" s="331">
        <v>305471</v>
      </c>
      <c r="EO13" s="330">
        <v>305471</v>
      </c>
      <c r="EP13" s="326">
        <v>0</v>
      </c>
      <c r="EQ13" s="327">
        <v>0</v>
      </c>
      <c r="ER13" s="331">
        <v>0</v>
      </c>
      <c r="ES13" s="332">
        <v>0</v>
      </c>
      <c r="ET13" s="327">
        <v>0</v>
      </c>
      <c r="EU13" s="327">
        <v>0</v>
      </c>
      <c r="EV13" s="327">
        <v>0</v>
      </c>
      <c r="EW13" s="327">
        <v>0</v>
      </c>
      <c r="EX13" s="327">
        <v>0</v>
      </c>
      <c r="EY13" s="328">
        <v>0</v>
      </c>
      <c r="EZ13" s="330">
        <v>0</v>
      </c>
      <c r="FA13" s="326">
        <v>0</v>
      </c>
      <c r="FB13" s="327">
        <v>0</v>
      </c>
      <c r="FC13" s="331">
        <v>0</v>
      </c>
      <c r="FD13" s="332">
        <v>0</v>
      </c>
      <c r="FE13" s="327">
        <v>0</v>
      </c>
      <c r="FF13" s="327">
        <v>0</v>
      </c>
      <c r="FG13" s="327">
        <v>0</v>
      </c>
      <c r="FH13" s="327">
        <v>0</v>
      </c>
      <c r="FI13" s="327">
        <v>0</v>
      </c>
      <c r="FJ13" s="328">
        <v>0</v>
      </c>
      <c r="FK13" s="330">
        <v>0</v>
      </c>
      <c r="FL13" s="326">
        <v>243379</v>
      </c>
      <c r="FM13" s="327">
        <v>380788</v>
      </c>
      <c r="FN13" s="328">
        <v>624167</v>
      </c>
      <c r="FO13" s="326">
        <v>0</v>
      </c>
      <c r="FP13" s="327">
        <v>1138768</v>
      </c>
      <c r="FQ13" s="327">
        <v>2295092</v>
      </c>
      <c r="FR13" s="327">
        <v>1279440</v>
      </c>
      <c r="FS13" s="327">
        <v>1036600</v>
      </c>
      <c r="FT13" s="327">
        <v>795392</v>
      </c>
      <c r="FU13" s="328">
        <v>6545292</v>
      </c>
      <c r="FV13" s="330">
        <v>7169459</v>
      </c>
      <c r="FW13" s="333">
        <v>180864</v>
      </c>
      <c r="FX13" s="327">
        <v>215208</v>
      </c>
      <c r="FY13" s="331">
        <v>396072</v>
      </c>
      <c r="FZ13" s="332">
        <v>0</v>
      </c>
      <c r="GA13" s="327">
        <v>900824</v>
      </c>
      <c r="GB13" s="327">
        <v>2116616</v>
      </c>
      <c r="GC13" s="327">
        <v>1271168</v>
      </c>
      <c r="GD13" s="327">
        <v>1036600</v>
      </c>
      <c r="GE13" s="327">
        <v>783072</v>
      </c>
      <c r="GF13" s="328">
        <v>6108280</v>
      </c>
      <c r="GG13" s="334">
        <v>6504352</v>
      </c>
      <c r="GH13" s="333">
        <v>62515</v>
      </c>
      <c r="GI13" s="327">
        <v>42592</v>
      </c>
      <c r="GJ13" s="331">
        <v>105107</v>
      </c>
      <c r="GK13" s="332">
        <v>0</v>
      </c>
      <c r="GL13" s="327">
        <v>46464</v>
      </c>
      <c r="GM13" s="327">
        <v>102476</v>
      </c>
      <c r="GN13" s="327">
        <v>8272</v>
      </c>
      <c r="GO13" s="327">
        <v>0</v>
      </c>
      <c r="GP13" s="327">
        <v>12320</v>
      </c>
      <c r="GQ13" s="328">
        <v>169532</v>
      </c>
      <c r="GR13" s="330">
        <v>274639</v>
      </c>
      <c r="GS13" s="326">
        <v>0</v>
      </c>
      <c r="GT13" s="327">
        <v>122988</v>
      </c>
      <c r="GU13" s="328">
        <v>122988</v>
      </c>
      <c r="GV13" s="326">
        <v>0</v>
      </c>
      <c r="GW13" s="327">
        <v>191480</v>
      </c>
      <c r="GX13" s="327">
        <v>76000</v>
      </c>
      <c r="GY13" s="327">
        <v>0</v>
      </c>
      <c r="GZ13" s="327">
        <v>0</v>
      </c>
      <c r="HA13" s="327">
        <v>0</v>
      </c>
      <c r="HB13" s="331">
        <v>267480</v>
      </c>
      <c r="HC13" s="330">
        <v>390468</v>
      </c>
      <c r="HD13" s="326">
        <v>1285032</v>
      </c>
      <c r="HE13" s="327">
        <v>1065293</v>
      </c>
      <c r="HF13" s="331">
        <v>2350325</v>
      </c>
      <c r="HG13" s="332">
        <v>0</v>
      </c>
      <c r="HH13" s="327">
        <v>8419088</v>
      </c>
      <c r="HI13" s="327">
        <v>6438689</v>
      </c>
      <c r="HJ13" s="327">
        <v>4931662</v>
      </c>
      <c r="HK13" s="327">
        <v>6157707</v>
      </c>
      <c r="HL13" s="327">
        <v>4105569</v>
      </c>
      <c r="HM13" s="328">
        <v>30052715</v>
      </c>
      <c r="HN13" s="329">
        <v>32403040</v>
      </c>
      <c r="HO13" s="333">
        <v>0</v>
      </c>
      <c r="HP13" s="327">
        <v>0</v>
      </c>
      <c r="HQ13" s="328">
        <v>0</v>
      </c>
      <c r="HR13" s="326">
        <v>0</v>
      </c>
      <c r="HS13" s="327">
        <v>0</v>
      </c>
      <c r="HT13" s="327">
        <v>0</v>
      </c>
      <c r="HU13" s="327">
        <v>0</v>
      </c>
      <c r="HV13" s="327">
        <v>0</v>
      </c>
      <c r="HW13" s="327">
        <v>0</v>
      </c>
      <c r="HX13" s="331">
        <v>0</v>
      </c>
      <c r="HY13" s="330">
        <v>0</v>
      </c>
      <c r="HZ13" s="335">
        <v>0</v>
      </c>
      <c r="IA13" s="336">
        <v>0</v>
      </c>
      <c r="IB13" s="337">
        <v>0</v>
      </c>
      <c r="IC13" s="338">
        <v>0</v>
      </c>
      <c r="ID13" s="336">
        <v>5404315</v>
      </c>
      <c r="IE13" s="339">
        <v>7977087</v>
      </c>
      <c r="IF13" s="337">
        <v>4435153</v>
      </c>
      <c r="IG13" s="336">
        <v>2889965</v>
      </c>
      <c r="IH13" s="337">
        <v>888382</v>
      </c>
      <c r="II13" s="340">
        <v>21594902</v>
      </c>
      <c r="IJ13" s="341">
        <v>21594902</v>
      </c>
      <c r="IK13" s="342">
        <v>0</v>
      </c>
      <c r="IL13" s="343">
        <v>0</v>
      </c>
      <c r="IM13" s="344">
        <v>0</v>
      </c>
      <c r="IN13" s="404">
        <v>0</v>
      </c>
      <c r="IO13" s="345">
        <v>0</v>
      </c>
      <c r="IP13" s="345">
        <v>154604</v>
      </c>
      <c r="IQ13" s="345">
        <v>0</v>
      </c>
      <c r="IR13" s="345">
        <v>481659</v>
      </c>
      <c r="IS13" s="345">
        <v>0</v>
      </c>
      <c r="IT13" s="346">
        <v>636263</v>
      </c>
      <c r="IU13" s="347">
        <v>636263</v>
      </c>
      <c r="IV13" s="348">
        <v>0</v>
      </c>
      <c r="IW13" s="345">
        <v>0</v>
      </c>
      <c r="IX13" s="349">
        <v>0</v>
      </c>
      <c r="IY13" s="404">
        <v>0</v>
      </c>
      <c r="IZ13" s="345">
        <v>0</v>
      </c>
      <c r="JA13" s="345">
        <v>0</v>
      </c>
      <c r="JB13" s="345">
        <v>0</v>
      </c>
      <c r="JC13" s="345">
        <v>0</v>
      </c>
      <c r="JD13" s="345">
        <v>0</v>
      </c>
      <c r="JE13" s="349">
        <v>0</v>
      </c>
      <c r="JF13" s="350">
        <v>0</v>
      </c>
      <c r="JG13" s="348">
        <v>0</v>
      </c>
      <c r="JH13" s="345">
        <v>0</v>
      </c>
      <c r="JI13" s="346">
        <v>0</v>
      </c>
      <c r="JJ13" s="351">
        <v>0</v>
      </c>
      <c r="JK13" s="345">
        <v>2767284</v>
      </c>
      <c r="JL13" s="345">
        <v>3075316</v>
      </c>
      <c r="JM13" s="345">
        <v>1108378</v>
      </c>
      <c r="JN13" s="345">
        <v>293431</v>
      </c>
      <c r="JO13" s="345">
        <v>0</v>
      </c>
      <c r="JP13" s="349">
        <v>7244409</v>
      </c>
      <c r="JQ13" s="347">
        <v>7244409</v>
      </c>
      <c r="JR13" s="348">
        <v>0</v>
      </c>
      <c r="JS13" s="345">
        <v>0</v>
      </c>
      <c r="JT13" s="346">
        <v>0</v>
      </c>
      <c r="JU13" s="351">
        <v>0</v>
      </c>
      <c r="JV13" s="345">
        <v>338924</v>
      </c>
      <c r="JW13" s="345">
        <v>943496</v>
      </c>
      <c r="JX13" s="345">
        <v>512690</v>
      </c>
      <c r="JY13" s="345">
        <v>274514</v>
      </c>
      <c r="JZ13" s="345">
        <v>63004</v>
      </c>
      <c r="KA13" s="349">
        <v>2132628</v>
      </c>
      <c r="KB13" s="347">
        <v>2132628</v>
      </c>
      <c r="KC13" s="352">
        <v>0</v>
      </c>
      <c r="KD13" s="353">
        <v>0</v>
      </c>
      <c r="KE13" s="349">
        <v>0</v>
      </c>
      <c r="KF13" s="351">
        <v>0</v>
      </c>
      <c r="KG13" s="345">
        <v>582303</v>
      </c>
      <c r="KH13" s="345">
        <v>488634</v>
      </c>
      <c r="KI13" s="345">
        <v>445833</v>
      </c>
      <c r="KJ13" s="345">
        <v>511362</v>
      </c>
      <c r="KK13" s="345">
        <v>0</v>
      </c>
      <c r="KL13" s="349">
        <v>2028132</v>
      </c>
      <c r="KM13" s="354">
        <v>2028132</v>
      </c>
      <c r="KN13" s="342">
        <v>0</v>
      </c>
      <c r="KO13" s="343">
        <v>0</v>
      </c>
      <c r="KP13" s="344">
        <v>0</v>
      </c>
      <c r="KQ13" s="404">
        <v>0</v>
      </c>
      <c r="KR13" s="345">
        <v>1715804</v>
      </c>
      <c r="KS13" s="345">
        <v>3315037</v>
      </c>
      <c r="KT13" s="345">
        <v>1829864</v>
      </c>
      <c r="KU13" s="345">
        <v>1029983</v>
      </c>
      <c r="KV13" s="345">
        <v>519232</v>
      </c>
      <c r="KW13" s="349">
        <v>8409920</v>
      </c>
      <c r="KX13" s="347">
        <v>8409920</v>
      </c>
      <c r="KY13" s="348">
        <v>0</v>
      </c>
      <c r="KZ13" s="345">
        <v>0</v>
      </c>
      <c r="LA13" s="349">
        <v>0</v>
      </c>
      <c r="LB13" s="404">
        <v>0</v>
      </c>
      <c r="LC13" s="345">
        <v>0</v>
      </c>
      <c r="LD13" s="345">
        <v>0</v>
      </c>
      <c r="LE13" s="345">
        <v>0</v>
      </c>
      <c r="LF13" s="345">
        <v>0</v>
      </c>
      <c r="LG13" s="345">
        <v>0</v>
      </c>
      <c r="LH13" s="349">
        <v>0</v>
      </c>
      <c r="LI13" s="350">
        <v>0</v>
      </c>
      <c r="LJ13" s="348">
        <v>0</v>
      </c>
      <c r="LK13" s="345">
        <v>0</v>
      </c>
      <c r="LL13" s="349">
        <v>0</v>
      </c>
      <c r="LM13" s="404">
        <v>0</v>
      </c>
      <c r="LN13" s="345">
        <v>0</v>
      </c>
      <c r="LO13" s="345">
        <v>0</v>
      </c>
      <c r="LP13" s="345">
        <v>0</v>
      </c>
      <c r="LQ13" s="345">
        <v>0</v>
      </c>
      <c r="LR13" s="345">
        <v>0</v>
      </c>
      <c r="LS13" s="349">
        <v>0</v>
      </c>
      <c r="LT13" s="347">
        <v>0</v>
      </c>
      <c r="LU13" s="348">
        <v>0</v>
      </c>
      <c r="LV13" s="345">
        <v>0</v>
      </c>
      <c r="LW13" s="349">
        <v>0</v>
      </c>
      <c r="LX13" s="404">
        <v>0</v>
      </c>
      <c r="LY13" s="345">
        <v>0</v>
      </c>
      <c r="LZ13" s="345">
        <v>0</v>
      </c>
      <c r="MA13" s="345">
        <v>538388</v>
      </c>
      <c r="MB13" s="345">
        <v>299016</v>
      </c>
      <c r="MC13" s="345">
        <v>306146</v>
      </c>
      <c r="MD13" s="349">
        <v>1143550</v>
      </c>
      <c r="ME13" s="350">
        <v>1143550</v>
      </c>
      <c r="MF13" s="348">
        <v>0</v>
      </c>
      <c r="MG13" s="345">
        <v>0</v>
      </c>
      <c r="MH13" s="349">
        <v>0</v>
      </c>
      <c r="MI13" s="404">
        <v>0</v>
      </c>
      <c r="MJ13" s="345">
        <v>3351195</v>
      </c>
      <c r="MK13" s="345">
        <v>2860283</v>
      </c>
      <c r="ML13" s="345">
        <v>12540779</v>
      </c>
      <c r="MM13" s="345">
        <v>17851819</v>
      </c>
      <c r="MN13" s="345">
        <v>6890598</v>
      </c>
      <c r="MO13" s="349">
        <v>43494674</v>
      </c>
      <c r="MP13" s="354">
        <v>43494674</v>
      </c>
      <c r="MQ13" s="348">
        <v>0</v>
      </c>
      <c r="MR13" s="345">
        <v>0</v>
      </c>
      <c r="MS13" s="349">
        <v>0</v>
      </c>
      <c r="MT13" s="404">
        <v>0</v>
      </c>
      <c r="MU13" s="345">
        <v>0</v>
      </c>
      <c r="MV13" s="345">
        <v>242309</v>
      </c>
      <c r="MW13" s="345">
        <v>8508899</v>
      </c>
      <c r="MX13" s="345">
        <v>13109807</v>
      </c>
      <c r="MY13" s="345">
        <v>6240090</v>
      </c>
      <c r="MZ13" s="349">
        <v>28101105</v>
      </c>
      <c r="NA13" s="354">
        <v>28101105</v>
      </c>
      <c r="NB13" s="348">
        <v>0</v>
      </c>
      <c r="NC13" s="345">
        <v>0</v>
      </c>
      <c r="ND13" s="349">
        <v>0</v>
      </c>
      <c r="NE13" s="404">
        <v>0</v>
      </c>
      <c r="NF13" s="345">
        <v>3351195</v>
      </c>
      <c r="NG13" s="345">
        <v>2617974</v>
      </c>
      <c r="NH13" s="345">
        <v>4031880</v>
      </c>
      <c r="NI13" s="345">
        <v>4378295</v>
      </c>
      <c r="NJ13" s="345">
        <v>650508</v>
      </c>
      <c r="NK13" s="349">
        <v>15029852</v>
      </c>
      <c r="NL13" s="347">
        <v>15029852</v>
      </c>
      <c r="NM13" s="348">
        <v>0</v>
      </c>
      <c r="NN13" s="345">
        <v>0</v>
      </c>
      <c r="NO13" s="349">
        <v>0</v>
      </c>
      <c r="NP13" s="404">
        <v>0</v>
      </c>
      <c r="NQ13" s="345">
        <v>0</v>
      </c>
      <c r="NR13" s="345">
        <v>0</v>
      </c>
      <c r="NS13" s="345">
        <v>0</v>
      </c>
      <c r="NT13" s="345">
        <v>0</v>
      </c>
      <c r="NU13" s="345">
        <v>0</v>
      </c>
      <c r="NV13" s="349">
        <v>0</v>
      </c>
      <c r="NW13" s="350">
        <v>0</v>
      </c>
      <c r="NX13" s="348">
        <v>0</v>
      </c>
      <c r="NY13" s="345">
        <v>0</v>
      </c>
      <c r="NZ13" s="349">
        <v>0</v>
      </c>
      <c r="OA13" s="404">
        <v>0</v>
      </c>
      <c r="OB13" s="345">
        <v>0</v>
      </c>
      <c r="OC13" s="345">
        <v>0</v>
      </c>
      <c r="OD13" s="345">
        <v>0</v>
      </c>
      <c r="OE13" s="345">
        <v>363717</v>
      </c>
      <c r="OF13" s="345">
        <v>0</v>
      </c>
      <c r="OG13" s="349">
        <v>363717</v>
      </c>
      <c r="OH13" s="350">
        <v>363717</v>
      </c>
      <c r="OI13" s="348">
        <v>1821600</v>
      </c>
      <c r="OJ13" s="345">
        <v>1906426</v>
      </c>
      <c r="OK13" s="346">
        <v>3728026</v>
      </c>
      <c r="OL13" s="351">
        <v>0</v>
      </c>
      <c r="OM13" s="345">
        <v>33877255</v>
      </c>
      <c r="ON13" s="345">
        <v>35764036</v>
      </c>
      <c r="OO13" s="345">
        <v>33630644</v>
      </c>
      <c r="OP13" s="345">
        <v>36982534</v>
      </c>
      <c r="OQ13" s="345">
        <v>20789935</v>
      </c>
      <c r="OR13" s="349">
        <v>161044404</v>
      </c>
      <c r="OS13" s="354">
        <v>164772430</v>
      </c>
    </row>
    <row r="14" spans="1:409" s="70" customFormat="1" ht="21" customHeight="1" x14ac:dyDescent="0.2">
      <c r="B14" s="410" t="s">
        <v>8</v>
      </c>
      <c r="C14" s="326">
        <v>721077</v>
      </c>
      <c r="D14" s="327">
        <v>804583</v>
      </c>
      <c r="E14" s="328">
        <v>1525660</v>
      </c>
      <c r="F14" s="329">
        <v>0</v>
      </c>
      <c r="G14" s="327">
        <v>7786625</v>
      </c>
      <c r="H14" s="327">
        <v>9381574</v>
      </c>
      <c r="I14" s="327">
        <v>9810857</v>
      </c>
      <c r="J14" s="327">
        <v>7205894</v>
      </c>
      <c r="K14" s="327">
        <v>5328118</v>
      </c>
      <c r="L14" s="329">
        <v>39513068</v>
      </c>
      <c r="M14" s="330">
        <v>41038728</v>
      </c>
      <c r="N14" s="326">
        <v>150617</v>
      </c>
      <c r="O14" s="327">
        <v>194397</v>
      </c>
      <c r="P14" s="328">
        <v>345014</v>
      </c>
      <c r="Q14" s="326">
        <v>0</v>
      </c>
      <c r="R14" s="327">
        <v>1888866</v>
      </c>
      <c r="S14" s="327">
        <v>2878342</v>
      </c>
      <c r="T14" s="327">
        <v>3534857</v>
      </c>
      <c r="U14" s="327">
        <v>2614868</v>
      </c>
      <c r="V14" s="327">
        <v>3117598</v>
      </c>
      <c r="W14" s="328">
        <v>14034531</v>
      </c>
      <c r="X14" s="330">
        <v>14379545</v>
      </c>
      <c r="Y14" s="326">
        <v>0</v>
      </c>
      <c r="Z14" s="327">
        <v>0</v>
      </c>
      <c r="AA14" s="328">
        <v>0</v>
      </c>
      <c r="AB14" s="326">
        <v>0</v>
      </c>
      <c r="AC14" s="327">
        <v>622825</v>
      </c>
      <c r="AD14" s="327">
        <v>1225381</v>
      </c>
      <c r="AE14" s="327">
        <v>1953983</v>
      </c>
      <c r="AF14" s="327">
        <v>1356800</v>
      </c>
      <c r="AG14" s="327">
        <v>1960909</v>
      </c>
      <c r="AH14" s="328">
        <v>7119898</v>
      </c>
      <c r="AI14" s="330">
        <v>7119898</v>
      </c>
      <c r="AJ14" s="326">
        <v>0</v>
      </c>
      <c r="AK14" s="327">
        <v>0</v>
      </c>
      <c r="AL14" s="328">
        <v>0</v>
      </c>
      <c r="AM14" s="326">
        <v>0</v>
      </c>
      <c r="AN14" s="327">
        <v>0</v>
      </c>
      <c r="AO14" s="327">
        <v>0</v>
      </c>
      <c r="AP14" s="327">
        <v>47422</v>
      </c>
      <c r="AQ14" s="327">
        <v>0</v>
      </c>
      <c r="AR14" s="327">
        <v>325986</v>
      </c>
      <c r="AS14" s="328">
        <v>373408</v>
      </c>
      <c r="AT14" s="330">
        <v>373408</v>
      </c>
      <c r="AU14" s="326">
        <v>64985</v>
      </c>
      <c r="AV14" s="327">
        <v>93344</v>
      </c>
      <c r="AW14" s="328">
        <v>158329</v>
      </c>
      <c r="AX14" s="326">
        <v>0</v>
      </c>
      <c r="AY14" s="327">
        <v>614096</v>
      </c>
      <c r="AZ14" s="327">
        <v>1145865</v>
      </c>
      <c r="BA14" s="327">
        <v>1026092</v>
      </c>
      <c r="BB14" s="327">
        <v>752391</v>
      </c>
      <c r="BC14" s="327">
        <v>474732</v>
      </c>
      <c r="BD14" s="328">
        <v>4013176</v>
      </c>
      <c r="BE14" s="330">
        <v>4171505</v>
      </c>
      <c r="BF14" s="326">
        <v>0</v>
      </c>
      <c r="BG14" s="327">
        <v>56445</v>
      </c>
      <c r="BH14" s="331">
        <v>56445</v>
      </c>
      <c r="BI14" s="332">
        <v>0</v>
      </c>
      <c r="BJ14" s="327">
        <v>131313</v>
      </c>
      <c r="BK14" s="327">
        <v>188208</v>
      </c>
      <c r="BL14" s="327">
        <v>118848</v>
      </c>
      <c r="BM14" s="327">
        <v>90653</v>
      </c>
      <c r="BN14" s="327">
        <v>99827</v>
      </c>
      <c r="BO14" s="328">
        <v>628849</v>
      </c>
      <c r="BP14" s="330">
        <v>685294</v>
      </c>
      <c r="BQ14" s="326">
        <v>85632</v>
      </c>
      <c r="BR14" s="327">
        <v>44608</v>
      </c>
      <c r="BS14" s="328">
        <v>130240</v>
      </c>
      <c r="BT14" s="326">
        <v>0</v>
      </c>
      <c r="BU14" s="327">
        <v>520632</v>
      </c>
      <c r="BV14" s="327">
        <v>318888</v>
      </c>
      <c r="BW14" s="327">
        <v>388512</v>
      </c>
      <c r="BX14" s="327">
        <v>415024</v>
      </c>
      <c r="BY14" s="327">
        <v>256144</v>
      </c>
      <c r="BZ14" s="328">
        <v>1899200</v>
      </c>
      <c r="CA14" s="330">
        <v>2029440</v>
      </c>
      <c r="CB14" s="326">
        <v>83228</v>
      </c>
      <c r="CC14" s="327">
        <v>197047</v>
      </c>
      <c r="CD14" s="328">
        <v>280275</v>
      </c>
      <c r="CE14" s="326">
        <v>0</v>
      </c>
      <c r="CF14" s="327">
        <v>2307988</v>
      </c>
      <c r="CG14" s="327">
        <v>3241669</v>
      </c>
      <c r="CH14" s="327">
        <v>2084949</v>
      </c>
      <c r="CI14" s="327">
        <v>1657371</v>
      </c>
      <c r="CJ14" s="327">
        <v>851766</v>
      </c>
      <c r="CK14" s="328">
        <v>10143743</v>
      </c>
      <c r="CL14" s="330">
        <v>10424018</v>
      </c>
      <c r="CM14" s="326">
        <v>0</v>
      </c>
      <c r="CN14" s="327">
        <v>0</v>
      </c>
      <c r="CO14" s="328">
        <v>0</v>
      </c>
      <c r="CP14" s="332">
        <v>0</v>
      </c>
      <c r="CQ14" s="327">
        <v>1832700</v>
      </c>
      <c r="CR14" s="327">
        <v>2414093</v>
      </c>
      <c r="CS14" s="327">
        <v>1809090</v>
      </c>
      <c r="CT14" s="327">
        <v>1539738</v>
      </c>
      <c r="CU14" s="327">
        <v>744765</v>
      </c>
      <c r="CV14" s="328">
        <v>8340386</v>
      </c>
      <c r="CW14" s="330">
        <v>8340386</v>
      </c>
      <c r="CX14" s="326">
        <v>83228</v>
      </c>
      <c r="CY14" s="327">
        <v>197047</v>
      </c>
      <c r="CZ14" s="328">
        <v>280275</v>
      </c>
      <c r="DA14" s="326">
        <v>0</v>
      </c>
      <c r="DB14" s="327">
        <v>475288</v>
      </c>
      <c r="DC14" s="327">
        <v>827576</v>
      </c>
      <c r="DD14" s="327">
        <v>275859</v>
      </c>
      <c r="DE14" s="327">
        <v>117633</v>
      </c>
      <c r="DF14" s="327">
        <v>107001</v>
      </c>
      <c r="DG14" s="328">
        <v>1803357</v>
      </c>
      <c r="DH14" s="330">
        <v>2083632</v>
      </c>
      <c r="DI14" s="326">
        <v>0</v>
      </c>
      <c r="DJ14" s="327">
        <v>59037</v>
      </c>
      <c r="DK14" s="331">
        <v>59037</v>
      </c>
      <c r="DL14" s="332">
        <v>0</v>
      </c>
      <c r="DM14" s="327">
        <v>123173</v>
      </c>
      <c r="DN14" s="327">
        <v>505642</v>
      </c>
      <c r="DO14" s="327">
        <v>1714637</v>
      </c>
      <c r="DP14" s="327">
        <v>58926</v>
      </c>
      <c r="DQ14" s="327">
        <v>39929</v>
      </c>
      <c r="DR14" s="328">
        <v>2442307</v>
      </c>
      <c r="DS14" s="330">
        <v>2501344</v>
      </c>
      <c r="DT14" s="326">
        <v>0</v>
      </c>
      <c r="DU14" s="327">
        <v>59037</v>
      </c>
      <c r="DV14" s="328">
        <v>59037</v>
      </c>
      <c r="DW14" s="326">
        <v>0</v>
      </c>
      <c r="DX14" s="327">
        <v>123173</v>
      </c>
      <c r="DY14" s="327">
        <v>505642</v>
      </c>
      <c r="DZ14" s="327">
        <v>1714637</v>
      </c>
      <c r="EA14" s="327">
        <v>58926</v>
      </c>
      <c r="EB14" s="327">
        <v>39929</v>
      </c>
      <c r="EC14" s="328">
        <v>2442307</v>
      </c>
      <c r="ED14" s="330">
        <v>2501344</v>
      </c>
      <c r="EE14" s="326">
        <v>0</v>
      </c>
      <c r="EF14" s="331">
        <v>0</v>
      </c>
      <c r="EG14" s="328">
        <v>0</v>
      </c>
      <c r="EH14" s="326">
        <v>0</v>
      </c>
      <c r="EI14" s="327">
        <v>0</v>
      </c>
      <c r="EJ14" s="327">
        <v>0</v>
      </c>
      <c r="EK14" s="327">
        <v>0</v>
      </c>
      <c r="EL14" s="327">
        <v>0</v>
      </c>
      <c r="EM14" s="327">
        <v>0</v>
      </c>
      <c r="EN14" s="331">
        <v>0</v>
      </c>
      <c r="EO14" s="330">
        <v>0</v>
      </c>
      <c r="EP14" s="326">
        <v>0</v>
      </c>
      <c r="EQ14" s="327">
        <v>0</v>
      </c>
      <c r="ER14" s="331">
        <v>0</v>
      </c>
      <c r="ES14" s="332">
        <v>0</v>
      </c>
      <c r="ET14" s="327">
        <v>0</v>
      </c>
      <c r="EU14" s="327">
        <v>0</v>
      </c>
      <c r="EV14" s="327">
        <v>0</v>
      </c>
      <c r="EW14" s="327">
        <v>0</v>
      </c>
      <c r="EX14" s="327">
        <v>0</v>
      </c>
      <c r="EY14" s="328">
        <v>0</v>
      </c>
      <c r="EZ14" s="330">
        <v>0</v>
      </c>
      <c r="FA14" s="326">
        <v>0</v>
      </c>
      <c r="FB14" s="327">
        <v>0</v>
      </c>
      <c r="FC14" s="331">
        <v>0</v>
      </c>
      <c r="FD14" s="332">
        <v>0</v>
      </c>
      <c r="FE14" s="327">
        <v>0</v>
      </c>
      <c r="FF14" s="327">
        <v>0</v>
      </c>
      <c r="FG14" s="327">
        <v>0</v>
      </c>
      <c r="FH14" s="327">
        <v>0</v>
      </c>
      <c r="FI14" s="327">
        <v>0</v>
      </c>
      <c r="FJ14" s="328">
        <v>0</v>
      </c>
      <c r="FK14" s="330">
        <v>0</v>
      </c>
      <c r="FL14" s="326">
        <v>201584</v>
      </c>
      <c r="FM14" s="327">
        <v>160708</v>
      </c>
      <c r="FN14" s="328">
        <v>362292</v>
      </c>
      <c r="FO14" s="326">
        <v>0</v>
      </c>
      <c r="FP14" s="327">
        <v>371360</v>
      </c>
      <c r="FQ14" s="327">
        <v>1522200</v>
      </c>
      <c r="FR14" s="327">
        <v>697288</v>
      </c>
      <c r="FS14" s="327">
        <v>620384</v>
      </c>
      <c r="FT14" s="327">
        <v>335552</v>
      </c>
      <c r="FU14" s="328">
        <v>3546784</v>
      </c>
      <c r="FV14" s="330">
        <v>3909076</v>
      </c>
      <c r="FW14" s="333">
        <v>68384</v>
      </c>
      <c r="FX14" s="327">
        <v>160708</v>
      </c>
      <c r="FY14" s="331">
        <v>229092</v>
      </c>
      <c r="FZ14" s="332">
        <v>0</v>
      </c>
      <c r="GA14" s="327">
        <v>353408</v>
      </c>
      <c r="GB14" s="327">
        <v>1159072</v>
      </c>
      <c r="GC14" s="327">
        <v>697288</v>
      </c>
      <c r="GD14" s="327">
        <v>620384</v>
      </c>
      <c r="GE14" s="327">
        <v>304752</v>
      </c>
      <c r="GF14" s="328">
        <v>3134904</v>
      </c>
      <c r="GG14" s="334">
        <v>3363996</v>
      </c>
      <c r="GH14" s="333">
        <v>0</v>
      </c>
      <c r="GI14" s="327">
        <v>0</v>
      </c>
      <c r="GJ14" s="331">
        <v>0</v>
      </c>
      <c r="GK14" s="332">
        <v>0</v>
      </c>
      <c r="GL14" s="327">
        <v>17952</v>
      </c>
      <c r="GM14" s="327">
        <v>152728</v>
      </c>
      <c r="GN14" s="327">
        <v>0</v>
      </c>
      <c r="GO14" s="327">
        <v>0</v>
      </c>
      <c r="GP14" s="327">
        <v>30800</v>
      </c>
      <c r="GQ14" s="328">
        <v>201480</v>
      </c>
      <c r="GR14" s="330">
        <v>201480</v>
      </c>
      <c r="GS14" s="326">
        <v>133200</v>
      </c>
      <c r="GT14" s="327">
        <v>0</v>
      </c>
      <c r="GU14" s="328">
        <v>133200</v>
      </c>
      <c r="GV14" s="326">
        <v>0</v>
      </c>
      <c r="GW14" s="327">
        <v>0</v>
      </c>
      <c r="GX14" s="327">
        <v>210400</v>
      </c>
      <c r="GY14" s="327">
        <v>0</v>
      </c>
      <c r="GZ14" s="327">
        <v>0</v>
      </c>
      <c r="HA14" s="327">
        <v>0</v>
      </c>
      <c r="HB14" s="331">
        <v>210400</v>
      </c>
      <c r="HC14" s="330">
        <v>343600</v>
      </c>
      <c r="HD14" s="326">
        <v>285648</v>
      </c>
      <c r="HE14" s="327">
        <v>193394</v>
      </c>
      <c r="HF14" s="331">
        <v>479042</v>
      </c>
      <c r="HG14" s="332">
        <v>0</v>
      </c>
      <c r="HH14" s="327">
        <v>3095238</v>
      </c>
      <c r="HI14" s="327">
        <v>1233721</v>
      </c>
      <c r="HJ14" s="327">
        <v>1779126</v>
      </c>
      <c r="HK14" s="327">
        <v>2254345</v>
      </c>
      <c r="HL14" s="327">
        <v>983273</v>
      </c>
      <c r="HM14" s="328">
        <v>9345703</v>
      </c>
      <c r="HN14" s="329">
        <v>9824745</v>
      </c>
      <c r="HO14" s="333">
        <v>0</v>
      </c>
      <c r="HP14" s="327">
        <v>0</v>
      </c>
      <c r="HQ14" s="328">
        <v>0</v>
      </c>
      <c r="HR14" s="326">
        <v>0</v>
      </c>
      <c r="HS14" s="327">
        <v>0</v>
      </c>
      <c r="HT14" s="327">
        <v>0</v>
      </c>
      <c r="HU14" s="327">
        <v>0</v>
      </c>
      <c r="HV14" s="327">
        <v>0</v>
      </c>
      <c r="HW14" s="327">
        <v>0</v>
      </c>
      <c r="HX14" s="331">
        <v>0</v>
      </c>
      <c r="HY14" s="330">
        <v>0</v>
      </c>
      <c r="HZ14" s="335">
        <v>0</v>
      </c>
      <c r="IA14" s="336">
        <v>82812</v>
      </c>
      <c r="IB14" s="337">
        <v>82812</v>
      </c>
      <c r="IC14" s="355">
        <v>0</v>
      </c>
      <c r="ID14" s="356">
        <v>1812678</v>
      </c>
      <c r="IE14" s="357">
        <v>2797855</v>
      </c>
      <c r="IF14" s="358">
        <v>2027597</v>
      </c>
      <c r="IG14" s="356">
        <v>2213306</v>
      </c>
      <c r="IH14" s="358">
        <v>909833</v>
      </c>
      <c r="II14" s="359">
        <v>9761269</v>
      </c>
      <c r="IJ14" s="341">
        <v>9844081</v>
      </c>
      <c r="IK14" s="342">
        <v>0</v>
      </c>
      <c r="IL14" s="343">
        <v>0</v>
      </c>
      <c r="IM14" s="344">
        <v>0</v>
      </c>
      <c r="IN14" s="404">
        <v>0</v>
      </c>
      <c r="IO14" s="345">
        <v>0</v>
      </c>
      <c r="IP14" s="345">
        <v>0</v>
      </c>
      <c r="IQ14" s="345">
        <v>0</v>
      </c>
      <c r="IR14" s="345">
        <v>0</v>
      </c>
      <c r="IS14" s="345">
        <v>0</v>
      </c>
      <c r="IT14" s="346">
        <v>0</v>
      </c>
      <c r="IU14" s="347">
        <v>0</v>
      </c>
      <c r="IV14" s="348">
        <v>0</v>
      </c>
      <c r="IW14" s="345">
        <v>0</v>
      </c>
      <c r="IX14" s="349">
        <v>0</v>
      </c>
      <c r="IY14" s="404">
        <v>0</v>
      </c>
      <c r="IZ14" s="345">
        <v>0</v>
      </c>
      <c r="JA14" s="345">
        <v>0</v>
      </c>
      <c r="JB14" s="345">
        <v>0</v>
      </c>
      <c r="JC14" s="345">
        <v>0</v>
      </c>
      <c r="JD14" s="345">
        <v>0</v>
      </c>
      <c r="JE14" s="349">
        <v>0</v>
      </c>
      <c r="JF14" s="350">
        <v>0</v>
      </c>
      <c r="JG14" s="348">
        <v>0</v>
      </c>
      <c r="JH14" s="345">
        <v>0</v>
      </c>
      <c r="JI14" s="346">
        <v>0</v>
      </c>
      <c r="JJ14" s="351">
        <v>0</v>
      </c>
      <c r="JK14" s="345">
        <v>866726</v>
      </c>
      <c r="JL14" s="345">
        <v>2092186</v>
      </c>
      <c r="JM14" s="345">
        <v>547338</v>
      </c>
      <c r="JN14" s="345">
        <v>581944</v>
      </c>
      <c r="JO14" s="345">
        <v>141609</v>
      </c>
      <c r="JP14" s="349">
        <v>4229803</v>
      </c>
      <c r="JQ14" s="347">
        <v>4229803</v>
      </c>
      <c r="JR14" s="348">
        <v>0</v>
      </c>
      <c r="JS14" s="345">
        <v>0</v>
      </c>
      <c r="JT14" s="346">
        <v>0</v>
      </c>
      <c r="JU14" s="351">
        <v>0</v>
      </c>
      <c r="JV14" s="345">
        <v>0</v>
      </c>
      <c r="JW14" s="345">
        <v>0</v>
      </c>
      <c r="JX14" s="345">
        <v>0</v>
      </c>
      <c r="JY14" s="345">
        <v>0</v>
      </c>
      <c r="JZ14" s="345">
        <v>0</v>
      </c>
      <c r="KA14" s="349">
        <v>0</v>
      </c>
      <c r="KB14" s="347">
        <v>0</v>
      </c>
      <c r="KC14" s="352">
        <v>0</v>
      </c>
      <c r="KD14" s="353">
        <v>82812</v>
      </c>
      <c r="KE14" s="349">
        <v>82812</v>
      </c>
      <c r="KF14" s="351">
        <v>0</v>
      </c>
      <c r="KG14" s="345">
        <v>168975</v>
      </c>
      <c r="KH14" s="345">
        <v>0</v>
      </c>
      <c r="KI14" s="345">
        <v>0</v>
      </c>
      <c r="KJ14" s="345">
        <v>514130</v>
      </c>
      <c r="KK14" s="345">
        <v>0</v>
      </c>
      <c r="KL14" s="349">
        <v>683105</v>
      </c>
      <c r="KM14" s="354">
        <v>765917</v>
      </c>
      <c r="KN14" s="342">
        <v>0</v>
      </c>
      <c r="KO14" s="343">
        <v>0</v>
      </c>
      <c r="KP14" s="344">
        <v>0</v>
      </c>
      <c r="KQ14" s="404">
        <v>0</v>
      </c>
      <c r="KR14" s="345">
        <v>484035</v>
      </c>
      <c r="KS14" s="345">
        <v>505135</v>
      </c>
      <c r="KT14" s="345">
        <v>1022466</v>
      </c>
      <c r="KU14" s="345">
        <v>808945</v>
      </c>
      <c r="KV14" s="345">
        <v>269952</v>
      </c>
      <c r="KW14" s="349">
        <v>3090533</v>
      </c>
      <c r="KX14" s="347">
        <v>3090533</v>
      </c>
      <c r="KY14" s="348">
        <v>0</v>
      </c>
      <c r="KZ14" s="345">
        <v>0</v>
      </c>
      <c r="LA14" s="349">
        <v>0</v>
      </c>
      <c r="LB14" s="404">
        <v>0</v>
      </c>
      <c r="LC14" s="345">
        <v>0</v>
      </c>
      <c r="LD14" s="345">
        <v>0</v>
      </c>
      <c r="LE14" s="345">
        <v>209885</v>
      </c>
      <c r="LF14" s="345">
        <v>0</v>
      </c>
      <c r="LG14" s="345">
        <v>498272</v>
      </c>
      <c r="LH14" s="349">
        <v>708157</v>
      </c>
      <c r="LI14" s="350">
        <v>708157</v>
      </c>
      <c r="LJ14" s="348">
        <v>0</v>
      </c>
      <c r="LK14" s="345">
        <v>0</v>
      </c>
      <c r="LL14" s="349">
        <v>0</v>
      </c>
      <c r="LM14" s="404">
        <v>0</v>
      </c>
      <c r="LN14" s="345">
        <v>0</v>
      </c>
      <c r="LO14" s="345">
        <v>0</v>
      </c>
      <c r="LP14" s="345">
        <v>0</v>
      </c>
      <c r="LQ14" s="345">
        <v>0</v>
      </c>
      <c r="LR14" s="345">
        <v>0</v>
      </c>
      <c r="LS14" s="349">
        <v>0</v>
      </c>
      <c r="LT14" s="347">
        <v>0</v>
      </c>
      <c r="LU14" s="348">
        <v>0</v>
      </c>
      <c r="LV14" s="345">
        <v>0</v>
      </c>
      <c r="LW14" s="349">
        <v>0</v>
      </c>
      <c r="LX14" s="404">
        <v>0</v>
      </c>
      <c r="LY14" s="345">
        <v>292942</v>
      </c>
      <c r="LZ14" s="345">
        <v>200534</v>
      </c>
      <c r="MA14" s="345">
        <v>247908</v>
      </c>
      <c r="MB14" s="345">
        <v>308287</v>
      </c>
      <c r="MC14" s="345">
        <v>0</v>
      </c>
      <c r="MD14" s="349">
        <v>1049671</v>
      </c>
      <c r="ME14" s="350">
        <v>1049671</v>
      </c>
      <c r="MF14" s="348">
        <v>0</v>
      </c>
      <c r="MG14" s="345">
        <v>0</v>
      </c>
      <c r="MH14" s="349">
        <v>0</v>
      </c>
      <c r="MI14" s="404">
        <v>0</v>
      </c>
      <c r="MJ14" s="345">
        <v>556023</v>
      </c>
      <c r="MK14" s="345">
        <v>465617</v>
      </c>
      <c r="ML14" s="345">
        <v>5928715</v>
      </c>
      <c r="MM14" s="345">
        <v>3837629</v>
      </c>
      <c r="MN14" s="345">
        <v>2433922</v>
      </c>
      <c r="MO14" s="349">
        <v>13221906</v>
      </c>
      <c r="MP14" s="354">
        <v>13221906</v>
      </c>
      <c r="MQ14" s="348">
        <v>0</v>
      </c>
      <c r="MR14" s="345">
        <v>0</v>
      </c>
      <c r="MS14" s="349">
        <v>0</v>
      </c>
      <c r="MT14" s="404">
        <v>0</v>
      </c>
      <c r="MU14" s="345">
        <v>0</v>
      </c>
      <c r="MV14" s="345">
        <v>465617</v>
      </c>
      <c r="MW14" s="345">
        <v>4306704</v>
      </c>
      <c r="MX14" s="345">
        <v>2393586</v>
      </c>
      <c r="MY14" s="345">
        <v>1474774</v>
      </c>
      <c r="MZ14" s="349">
        <v>8640681</v>
      </c>
      <c r="NA14" s="354">
        <v>8640681</v>
      </c>
      <c r="NB14" s="348">
        <v>0</v>
      </c>
      <c r="NC14" s="345">
        <v>0</v>
      </c>
      <c r="ND14" s="349">
        <v>0</v>
      </c>
      <c r="NE14" s="404">
        <v>0</v>
      </c>
      <c r="NF14" s="345">
        <v>556023</v>
      </c>
      <c r="NG14" s="345">
        <v>0</v>
      </c>
      <c r="NH14" s="345">
        <v>1622011</v>
      </c>
      <c r="NI14" s="345">
        <v>1444043</v>
      </c>
      <c r="NJ14" s="345">
        <v>959148</v>
      </c>
      <c r="NK14" s="349">
        <v>4581225</v>
      </c>
      <c r="NL14" s="347">
        <v>4581225</v>
      </c>
      <c r="NM14" s="348">
        <v>0</v>
      </c>
      <c r="NN14" s="345">
        <v>0</v>
      </c>
      <c r="NO14" s="349">
        <v>0</v>
      </c>
      <c r="NP14" s="404">
        <v>0</v>
      </c>
      <c r="NQ14" s="345">
        <v>0</v>
      </c>
      <c r="NR14" s="345">
        <v>0</v>
      </c>
      <c r="NS14" s="345">
        <v>0</v>
      </c>
      <c r="NT14" s="345">
        <v>0</v>
      </c>
      <c r="NU14" s="345">
        <v>0</v>
      </c>
      <c r="NV14" s="349">
        <v>0</v>
      </c>
      <c r="NW14" s="350">
        <v>0</v>
      </c>
      <c r="NX14" s="348">
        <v>0</v>
      </c>
      <c r="NY14" s="345">
        <v>0</v>
      </c>
      <c r="NZ14" s="349">
        <v>0</v>
      </c>
      <c r="OA14" s="404">
        <v>0</v>
      </c>
      <c r="OB14" s="345">
        <v>0</v>
      </c>
      <c r="OC14" s="345">
        <v>0</v>
      </c>
      <c r="OD14" s="345">
        <v>0</v>
      </c>
      <c r="OE14" s="345">
        <v>0</v>
      </c>
      <c r="OF14" s="345">
        <v>0</v>
      </c>
      <c r="OG14" s="349">
        <v>0</v>
      </c>
      <c r="OH14" s="350">
        <v>0</v>
      </c>
      <c r="OI14" s="348">
        <v>721077</v>
      </c>
      <c r="OJ14" s="345">
        <v>887395</v>
      </c>
      <c r="OK14" s="346">
        <v>1608472</v>
      </c>
      <c r="OL14" s="351">
        <v>0</v>
      </c>
      <c r="OM14" s="345">
        <v>10155326</v>
      </c>
      <c r="ON14" s="345">
        <v>12645046</v>
      </c>
      <c r="OO14" s="345">
        <v>17767169</v>
      </c>
      <c r="OP14" s="345">
        <v>13256829</v>
      </c>
      <c r="OQ14" s="345">
        <v>8671873</v>
      </c>
      <c r="OR14" s="349">
        <v>62496243</v>
      </c>
      <c r="OS14" s="354">
        <v>64104715</v>
      </c>
    </row>
    <row r="15" spans="1:409" s="70" customFormat="1" ht="21" customHeight="1" x14ac:dyDescent="0.2">
      <c r="B15" s="410" t="s">
        <v>9</v>
      </c>
      <c r="C15" s="326">
        <v>755826</v>
      </c>
      <c r="D15" s="327">
        <v>1515240</v>
      </c>
      <c r="E15" s="328">
        <v>2271066</v>
      </c>
      <c r="F15" s="332">
        <v>0</v>
      </c>
      <c r="G15" s="327">
        <v>11172075</v>
      </c>
      <c r="H15" s="327">
        <v>11199458</v>
      </c>
      <c r="I15" s="327">
        <v>13276807</v>
      </c>
      <c r="J15" s="327">
        <v>11841278</v>
      </c>
      <c r="K15" s="327">
        <v>7086236</v>
      </c>
      <c r="L15" s="329">
        <v>54575854</v>
      </c>
      <c r="M15" s="330">
        <v>56846920</v>
      </c>
      <c r="N15" s="326">
        <v>267097</v>
      </c>
      <c r="O15" s="327">
        <v>327625</v>
      </c>
      <c r="P15" s="328">
        <v>594722</v>
      </c>
      <c r="Q15" s="326">
        <v>0</v>
      </c>
      <c r="R15" s="327">
        <v>4217132</v>
      </c>
      <c r="S15" s="327">
        <v>3100896</v>
      </c>
      <c r="T15" s="327">
        <v>4667901</v>
      </c>
      <c r="U15" s="327">
        <v>4865589</v>
      </c>
      <c r="V15" s="327">
        <v>5005145</v>
      </c>
      <c r="W15" s="328">
        <v>21856663</v>
      </c>
      <c r="X15" s="330">
        <v>22451385</v>
      </c>
      <c r="Y15" s="326">
        <v>0</v>
      </c>
      <c r="Z15" s="327">
        <v>0</v>
      </c>
      <c r="AA15" s="328">
        <v>0</v>
      </c>
      <c r="AB15" s="326">
        <v>0</v>
      </c>
      <c r="AC15" s="327">
        <v>1813602</v>
      </c>
      <c r="AD15" s="327">
        <v>1520070</v>
      </c>
      <c r="AE15" s="327">
        <v>2217367</v>
      </c>
      <c r="AF15" s="327">
        <v>3231003</v>
      </c>
      <c r="AG15" s="327">
        <v>2593511</v>
      </c>
      <c r="AH15" s="328">
        <v>11375553</v>
      </c>
      <c r="AI15" s="330">
        <v>11375553</v>
      </c>
      <c r="AJ15" s="326">
        <v>0</v>
      </c>
      <c r="AK15" s="327">
        <v>0</v>
      </c>
      <c r="AL15" s="328">
        <v>0</v>
      </c>
      <c r="AM15" s="326">
        <v>0</v>
      </c>
      <c r="AN15" s="327">
        <v>14179</v>
      </c>
      <c r="AO15" s="327">
        <v>0</v>
      </c>
      <c r="AP15" s="327">
        <v>14179</v>
      </c>
      <c r="AQ15" s="327">
        <v>97945</v>
      </c>
      <c r="AR15" s="327">
        <v>701736</v>
      </c>
      <c r="AS15" s="328">
        <v>828039</v>
      </c>
      <c r="AT15" s="330">
        <v>828039</v>
      </c>
      <c r="AU15" s="326">
        <v>218393</v>
      </c>
      <c r="AV15" s="327">
        <v>217735</v>
      </c>
      <c r="AW15" s="328">
        <v>436128</v>
      </c>
      <c r="AX15" s="326">
        <v>0</v>
      </c>
      <c r="AY15" s="327">
        <v>1631187</v>
      </c>
      <c r="AZ15" s="327">
        <v>746330</v>
      </c>
      <c r="BA15" s="327">
        <v>1541915</v>
      </c>
      <c r="BB15" s="327">
        <v>788878</v>
      </c>
      <c r="BC15" s="327">
        <v>1221793</v>
      </c>
      <c r="BD15" s="328">
        <v>5930103</v>
      </c>
      <c r="BE15" s="330">
        <v>6366231</v>
      </c>
      <c r="BF15" s="326">
        <v>0</v>
      </c>
      <c r="BG15" s="327">
        <v>37386</v>
      </c>
      <c r="BH15" s="331">
        <v>37386</v>
      </c>
      <c r="BI15" s="332">
        <v>0</v>
      </c>
      <c r="BJ15" s="327">
        <v>34964</v>
      </c>
      <c r="BK15" s="327">
        <v>22352</v>
      </c>
      <c r="BL15" s="327">
        <v>0</v>
      </c>
      <c r="BM15" s="327">
        <v>68627</v>
      </c>
      <c r="BN15" s="327">
        <v>122073</v>
      </c>
      <c r="BO15" s="328">
        <v>248016</v>
      </c>
      <c r="BP15" s="330">
        <v>285402</v>
      </c>
      <c r="BQ15" s="326">
        <v>48704</v>
      </c>
      <c r="BR15" s="327">
        <v>72504</v>
      </c>
      <c r="BS15" s="328">
        <v>121208</v>
      </c>
      <c r="BT15" s="326">
        <v>0</v>
      </c>
      <c r="BU15" s="327">
        <v>723200</v>
      </c>
      <c r="BV15" s="327">
        <v>812144</v>
      </c>
      <c r="BW15" s="327">
        <v>894440</v>
      </c>
      <c r="BX15" s="327">
        <v>679136</v>
      </c>
      <c r="BY15" s="327">
        <v>366032</v>
      </c>
      <c r="BZ15" s="328">
        <v>3474952</v>
      </c>
      <c r="CA15" s="330">
        <v>3596160</v>
      </c>
      <c r="CB15" s="326">
        <v>88517</v>
      </c>
      <c r="CC15" s="327">
        <v>196601</v>
      </c>
      <c r="CD15" s="328">
        <v>285118</v>
      </c>
      <c r="CE15" s="326">
        <v>0</v>
      </c>
      <c r="CF15" s="327">
        <v>2836547</v>
      </c>
      <c r="CG15" s="327">
        <v>2467987</v>
      </c>
      <c r="CH15" s="327">
        <v>3109723</v>
      </c>
      <c r="CI15" s="327">
        <v>2053750</v>
      </c>
      <c r="CJ15" s="327">
        <v>226651</v>
      </c>
      <c r="CK15" s="328">
        <v>10694658</v>
      </c>
      <c r="CL15" s="330">
        <v>10979776</v>
      </c>
      <c r="CM15" s="326">
        <v>0</v>
      </c>
      <c r="CN15" s="327">
        <v>0</v>
      </c>
      <c r="CO15" s="328">
        <v>0</v>
      </c>
      <c r="CP15" s="332">
        <v>0</v>
      </c>
      <c r="CQ15" s="327">
        <v>2169941</v>
      </c>
      <c r="CR15" s="327">
        <v>1468594</v>
      </c>
      <c r="CS15" s="327">
        <v>2191439</v>
      </c>
      <c r="CT15" s="327">
        <v>1154870</v>
      </c>
      <c r="CU15" s="327">
        <v>226651</v>
      </c>
      <c r="CV15" s="328">
        <v>7211495</v>
      </c>
      <c r="CW15" s="330">
        <v>7211495</v>
      </c>
      <c r="CX15" s="326">
        <v>88517</v>
      </c>
      <c r="CY15" s="327">
        <v>196601</v>
      </c>
      <c r="CZ15" s="328">
        <v>285118</v>
      </c>
      <c r="DA15" s="326">
        <v>0</v>
      </c>
      <c r="DB15" s="327">
        <v>666606</v>
      </c>
      <c r="DC15" s="327">
        <v>999393</v>
      </c>
      <c r="DD15" s="327">
        <v>918284</v>
      </c>
      <c r="DE15" s="327">
        <v>898880</v>
      </c>
      <c r="DF15" s="327">
        <v>0</v>
      </c>
      <c r="DG15" s="328">
        <v>3483163</v>
      </c>
      <c r="DH15" s="330">
        <v>3768281</v>
      </c>
      <c r="DI15" s="326">
        <v>0</v>
      </c>
      <c r="DJ15" s="327">
        <v>71112</v>
      </c>
      <c r="DK15" s="331">
        <v>71112</v>
      </c>
      <c r="DL15" s="332">
        <v>0</v>
      </c>
      <c r="DM15" s="327">
        <v>214430</v>
      </c>
      <c r="DN15" s="327">
        <v>319680</v>
      </c>
      <c r="DO15" s="327">
        <v>1594688</v>
      </c>
      <c r="DP15" s="327">
        <v>301711</v>
      </c>
      <c r="DQ15" s="327">
        <v>376235</v>
      </c>
      <c r="DR15" s="328">
        <v>2806744</v>
      </c>
      <c r="DS15" s="330">
        <v>2877856</v>
      </c>
      <c r="DT15" s="326">
        <v>0</v>
      </c>
      <c r="DU15" s="327">
        <v>71112</v>
      </c>
      <c r="DV15" s="328">
        <v>71112</v>
      </c>
      <c r="DW15" s="326">
        <v>0</v>
      </c>
      <c r="DX15" s="327">
        <v>214430</v>
      </c>
      <c r="DY15" s="327">
        <v>79880</v>
      </c>
      <c r="DZ15" s="327">
        <v>1443708</v>
      </c>
      <c r="EA15" s="327">
        <v>301711</v>
      </c>
      <c r="EB15" s="327">
        <v>298153</v>
      </c>
      <c r="EC15" s="328">
        <v>2337882</v>
      </c>
      <c r="ED15" s="330">
        <v>2408994</v>
      </c>
      <c r="EE15" s="326">
        <v>0</v>
      </c>
      <c r="EF15" s="331">
        <v>0</v>
      </c>
      <c r="EG15" s="328">
        <v>0</v>
      </c>
      <c r="EH15" s="326">
        <v>0</v>
      </c>
      <c r="EI15" s="327">
        <v>0</v>
      </c>
      <c r="EJ15" s="327">
        <v>239800</v>
      </c>
      <c r="EK15" s="327">
        <v>150980</v>
      </c>
      <c r="EL15" s="327">
        <v>0</v>
      </c>
      <c r="EM15" s="327">
        <v>78082</v>
      </c>
      <c r="EN15" s="331">
        <v>468862</v>
      </c>
      <c r="EO15" s="330">
        <v>468862</v>
      </c>
      <c r="EP15" s="326">
        <v>0</v>
      </c>
      <c r="EQ15" s="327">
        <v>0</v>
      </c>
      <c r="ER15" s="331">
        <v>0</v>
      </c>
      <c r="ES15" s="332">
        <v>0</v>
      </c>
      <c r="ET15" s="327">
        <v>0</v>
      </c>
      <c r="EU15" s="327">
        <v>0</v>
      </c>
      <c r="EV15" s="327">
        <v>0</v>
      </c>
      <c r="EW15" s="327">
        <v>0</v>
      </c>
      <c r="EX15" s="327">
        <v>0</v>
      </c>
      <c r="EY15" s="328">
        <v>0</v>
      </c>
      <c r="EZ15" s="330">
        <v>0</v>
      </c>
      <c r="FA15" s="326">
        <v>0</v>
      </c>
      <c r="FB15" s="327">
        <v>0</v>
      </c>
      <c r="FC15" s="331">
        <v>0</v>
      </c>
      <c r="FD15" s="332">
        <v>0</v>
      </c>
      <c r="FE15" s="327">
        <v>0</v>
      </c>
      <c r="FF15" s="327">
        <v>0</v>
      </c>
      <c r="FG15" s="327">
        <v>0</v>
      </c>
      <c r="FH15" s="327">
        <v>0</v>
      </c>
      <c r="FI15" s="327">
        <v>0</v>
      </c>
      <c r="FJ15" s="328">
        <v>0</v>
      </c>
      <c r="FK15" s="330">
        <v>0</v>
      </c>
      <c r="FL15" s="326">
        <v>165244</v>
      </c>
      <c r="FM15" s="327">
        <v>604811</v>
      </c>
      <c r="FN15" s="328">
        <v>770055</v>
      </c>
      <c r="FO15" s="326">
        <v>0</v>
      </c>
      <c r="FP15" s="327">
        <v>1152059</v>
      </c>
      <c r="FQ15" s="327">
        <v>757952</v>
      </c>
      <c r="FR15" s="327">
        <v>1044152</v>
      </c>
      <c r="FS15" s="327">
        <v>842008</v>
      </c>
      <c r="FT15" s="327">
        <v>651936</v>
      </c>
      <c r="FU15" s="328">
        <v>4448107</v>
      </c>
      <c r="FV15" s="330">
        <v>5218162</v>
      </c>
      <c r="FW15" s="333">
        <v>150152</v>
      </c>
      <c r="FX15" s="327">
        <v>176600</v>
      </c>
      <c r="FY15" s="331">
        <v>326752</v>
      </c>
      <c r="FZ15" s="332">
        <v>0</v>
      </c>
      <c r="GA15" s="327">
        <v>532900</v>
      </c>
      <c r="GB15" s="327">
        <v>674992</v>
      </c>
      <c r="GC15" s="327">
        <v>950040</v>
      </c>
      <c r="GD15" s="327">
        <v>721808</v>
      </c>
      <c r="GE15" s="327">
        <v>651936</v>
      </c>
      <c r="GF15" s="328">
        <v>3531676</v>
      </c>
      <c r="GG15" s="334">
        <v>3858428</v>
      </c>
      <c r="GH15" s="333">
        <v>15092</v>
      </c>
      <c r="GI15" s="327">
        <v>17811</v>
      </c>
      <c r="GJ15" s="331">
        <v>32903</v>
      </c>
      <c r="GK15" s="332">
        <v>0</v>
      </c>
      <c r="GL15" s="327">
        <v>63879</v>
      </c>
      <c r="GM15" s="327">
        <v>58960</v>
      </c>
      <c r="GN15" s="327">
        <v>19712</v>
      </c>
      <c r="GO15" s="327">
        <v>15400</v>
      </c>
      <c r="GP15" s="327">
        <v>0</v>
      </c>
      <c r="GQ15" s="328">
        <v>157951</v>
      </c>
      <c r="GR15" s="330">
        <v>190854</v>
      </c>
      <c r="GS15" s="326">
        <v>0</v>
      </c>
      <c r="GT15" s="327">
        <v>410400</v>
      </c>
      <c r="GU15" s="328">
        <v>410400</v>
      </c>
      <c r="GV15" s="326">
        <v>0</v>
      </c>
      <c r="GW15" s="327">
        <v>555280</v>
      </c>
      <c r="GX15" s="327">
        <v>24000</v>
      </c>
      <c r="GY15" s="327">
        <v>74400</v>
      </c>
      <c r="GZ15" s="327">
        <v>104800</v>
      </c>
      <c r="HA15" s="327">
        <v>0</v>
      </c>
      <c r="HB15" s="331">
        <v>758480</v>
      </c>
      <c r="HC15" s="330">
        <v>1168880</v>
      </c>
      <c r="HD15" s="326">
        <v>234968</v>
      </c>
      <c r="HE15" s="327">
        <v>315091</v>
      </c>
      <c r="HF15" s="331">
        <v>550059</v>
      </c>
      <c r="HG15" s="332">
        <v>0</v>
      </c>
      <c r="HH15" s="327">
        <v>2751907</v>
      </c>
      <c r="HI15" s="327">
        <v>4552943</v>
      </c>
      <c r="HJ15" s="327">
        <v>2860343</v>
      </c>
      <c r="HK15" s="327">
        <v>3778220</v>
      </c>
      <c r="HL15" s="327">
        <v>826269</v>
      </c>
      <c r="HM15" s="328">
        <v>14769682</v>
      </c>
      <c r="HN15" s="329">
        <v>15319741</v>
      </c>
      <c r="HO15" s="333">
        <v>0</v>
      </c>
      <c r="HP15" s="327">
        <v>0</v>
      </c>
      <c r="HQ15" s="328">
        <v>0</v>
      </c>
      <c r="HR15" s="326">
        <v>0</v>
      </c>
      <c r="HS15" s="327">
        <v>0</v>
      </c>
      <c r="HT15" s="327">
        <v>0</v>
      </c>
      <c r="HU15" s="327">
        <v>0</v>
      </c>
      <c r="HV15" s="327">
        <v>0</v>
      </c>
      <c r="HW15" s="327">
        <v>0</v>
      </c>
      <c r="HX15" s="331">
        <v>0</v>
      </c>
      <c r="HY15" s="330">
        <v>0</v>
      </c>
      <c r="HZ15" s="360">
        <v>0</v>
      </c>
      <c r="IA15" s="361">
        <v>0</v>
      </c>
      <c r="IB15" s="362">
        <v>0</v>
      </c>
      <c r="IC15" s="338">
        <v>0</v>
      </c>
      <c r="ID15" s="336">
        <v>2331390</v>
      </c>
      <c r="IE15" s="339">
        <v>3110995</v>
      </c>
      <c r="IF15" s="337">
        <v>3441804</v>
      </c>
      <c r="IG15" s="336">
        <v>2396041</v>
      </c>
      <c r="IH15" s="337">
        <v>1222123</v>
      </c>
      <c r="II15" s="340">
        <v>12502353</v>
      </c>
      <c r="IJ15" s="363">
        <v>12502353</v>
      </c>
      <c r="IK15" s="342">
        <v>0</v>
      </c>
      <c r="IL15" s="343">
        <v>0</v>
      </c>
      <c r="IM15" s="344">
        <v>0</v>
      </c>
      <c r="IN15" s="404">
        <v>0</v>
      </c>
      <c r="IO15" s="345">
        <v>0</v>
      </c>
      <c r="IP15" s="345">
        <v>0</v>
      </c>
      <c r="IQ15" s="345">
        <v>177491</v>
      </c>
      <c r="IR15" s="345">
        <v>0</v>
      </c>
      <c r="IS15" s="345">
        <v>0</v>
      </c>
      <c r="IT15" s="346">
        <v>177491</v>
      </c>
      <c r="IU15" s="347">
        <v>177491</v>
      </c>
      <c r="IV15" s="348">
        <v>0</v>
      </c>
      <c r="IW15" s="345">
        <v>0</v>
      </c>
      <c r="IX15" s="349">
        <v>0</v>
      </c>
      <c r="IY15" s="404">
        <v>0</v>
      </c>
      <c r="IZ15" s="345">
        <v>0</v>
      </c>
      <c r="JA15" s="345">
        <v>0</v>
      </c>
      <c r="JB15" s="345">
        <v>0</v>
      </c>
      <c r="JC15" s="345">
        <v>0</v>
      </c>
      <c r="JD15" s="345">
        <v>0</v>
      </c>
      <c r="JE15" s="349">
        <v>0</v>
      </c>
      <c r="JF15" s="350">
        <v>0</v>
      </c>
      <c r="JG15" s="348">
        <v>0</v>
      </c>
      <c r="JH15" s="345">
        <v>0</v>
      </c>
      <c r="JI15" s="346">
        <v>0</v>
      </c>
      <c r="JJ15" s="351">
        <v>0</v>
      </c>
      <c r="JK15" s="345">
        <v>1960673</v>
      </c>
      <c r="JL15" s="345">
        <v>1404754</v>
      </c>
      <c r="JM15" s="345">
        <v>618518</v>
      </c>
      <c r="JN15" s="345">
        <v>1065404</v>
      </c>
      <c r="JO15" s="345">
        <v>535203</v>
      </c>
      <c r="JP15" s="349">
        <v>5584552</v>
      </c>
      <c r="JQ15" s="347">
        <v>5584552</v>
      </c>
      <c r="JR15" s="348">
        <v>0</v>
      </c>
      <c r="JS15" s="345">
        <v>0</v>
      </c>
      <c r="JT15" s="346">
        <v>0</v>
      </c>
      <c r="JU15" s="351">
        <v>0</v>
      </c>
      <c r="JV15" s="345">
        <v>0</v>
      </c>
      <c r="JW15" s="345">
        <v>44836</v>
      </c>
      <c r="JX15" s="345">
        <v>0</v>
      </c>
      <c r="JY15" s="345">
        <v>0</v>
      </c>
      <c r="JZ15" s="345">
        <v>179058</v>
      </c>
      <c r="KA15" s="349">
        <v>223894</v>
      </c>
      <c r="KB15" s="347">
        <v>223894</v>
      </c>
      <c r="KC15" s="352">
        <v>0</v>
      </c>
      <c r="KD15" s="353">
        <v>0</v>
      </c>
      <c r="KE15" s="349">
        <v>0</v>
      </c>
      <c r="KF15" s="351">
        <v>0</v>
      </c>
      <c r="KG15" s="345">
        <v>122421</v>
      </c>
      <c r="KH15" s="345">
        <v>513825</v>
      </c>
      <c r="KI15" s="345">
        <v>575114</v>
      </c>
      <c r="KJ15" s="345">
        <v>0</v>
      </c>
      <c r="KK15" s="345">
        <v>0</v>
      </c>
      <c r="KL15" s="349">
        <v>1211360</v>
      </c>
      <c r="KM15" s="354">
        <v>1211360</v>
      </c>
      <c r="KN15" s="342">
        <v>0</v>
      </c>
      <c r="KO15" s="343">
        <v>0</v>
      </c>
      <c r="KP15" s="344">
        <v>0</v>
      </c>
      <c r="KQ15" s="404">
        <v>0</v>
      </c>
      <c r="KR15" s="345">
        <v>248296</v>
      </c>
      <c r="KS15" s="345">
        <v>777134</v>
      </c>
      <c r="KT15" s="345">
        <v>1863960</v>
      </c>
      <c r="KU15" s="345">
        <v>1330637</v>
      </c>
      <c r="KV15" s="345">
        <v>507862</v>
      </c>
      <c r="KW15" s="349">
        <v>4727889</v>
      </c>
      <c r="KX15" s="347">
        <v>4727889</v>
      </c>
      <c r="KY15" s="348">
        <v>0</v>
      </c>
      <c r="KZ15" s="345">
        <v>0</v>
      </c>
      <c r="LA15" s="349">
        <v>0</v>
      </c>
      <c r="LB15" s="404">
        <v>0</v>
      </c>
      <c r="LC15" s="345">
        <v>0</v>
      </c>
      <c r="LD15" s="345">
        <v>185618</v>
      </c>
      <c r="LE15" s="345">
        <v>206721</v>
      </c>
      <c r="LF15" s="345">
        <v>0</v>
      </c>
      <c r="LG15" s="345">
        <v>0</v>
      </c>
      <c r="LH15" s="349">
        <v>392339</v>
      </c>
      <c r="LI15" s="350">
        <v>392339</v>
      </c>
      <c r="LJ15" s="348">
        <v>0</v>
      </c>
      <c r="LK15" s="345">
        <v>0</v>
      </c>
      <c r="LL15" s="349">
        <v>0</v>
      </c>
      <c r="LM15" s="404">
        <v>0</v>
      </c>
      <c r="LN15" s="345">
        <v>0</v>
      </c>
      <c r="LO15" s="345">
        <v>0</v>
      </c>
      <c r="LP15" s="345">
        <v>0</v>
      </c>
      <c r="LQ15" s="345">
        <v>0</v>
      </c>
      <c r="LR15" s="345">
        <v>0</v>
      </c>
      <c r="LS15" s="349">
        <v>0</v>
      </c>
      <c r="LT15" s="347">
        <v>0</v>
      </c>
      <c r="LU15" s="348">
        <v>0</v>
      </c>
      <c r="LV15" s="345">
        <v>0</v>
      </c>
      <c r="LW15" s="349">
        <v>0</v>
      </c>
      <c r="LX15" s="404">
        <v>0</v>
      </c>
      <c r="LY15" s="345">
        <v>0</v>
      </c>
      <c r="LZ15" s="345">
        <v>184828</v>
      </c>
      <c r="MA15" s="345">
        <v>0</v>
      </c>
      <c r="MB15" s="345">
        <v>0</v>
      </c>
      <c r="MC15" s="345">
        <v>0</v>
      </c>
      <c r="MD15" s="349">
        <v>184828</v>
      </c>
      <c r="ME15" s="350">
        <v>184828</v>
      </c>
      <c r="MF15" s="348">
        <v>0</v>
      </c>
      <c r="MG15" s="345">
        <v>0</v>
      </c>
      <c r="MH15" s="349">
        <v>0</v>
      </c>
      <c r="MI15" s="404">
        <v>0</v>
      </c>
      <c r="MJ15" s="345">
        <v>373827</v>
      </c>
      <c r="MK15" s="345">
        <v>1040506</v>
      </c>
      <c r="ML15" s="345">
        <v>3881527</v>
      </c>
      <c r="MM15" s="345">
        <v>9397828</v>
      </c>
      <c r="MN15" s="345">
        <v>3537594</v>
      </c>
      <c r="MO15" s="349">
        <v>18231282</v>
      </c>
      <c r="MP15" s="354">
        <v>18231282</v>
      </c>
      <c r="MQ15" s="348">
        <v>0</v>
      </c>
      <c r="MR15" s="345">
        <v>0</v>
      </c>
      <c r="MS15" s="349">
        <v>0</v>
      </c>
      <c r="MT15" s="404">
        <v>0</v>
      </c>
      <c r="MU15" s="345">
        <v>0</v>
      </c>
      <c r="MV15" s="345">
        <v>0</v>
      </c>
      <c r="MW15" s="345">
        <v>2985989</v>
      </c>
      <c r="MX15" s="345">
        <v>5680544</v>
      </c>
      <c r="MY15" s="345">
        <v>1945841</v>
      </c>
      <c r="MZ15" s="349">
        <v>10612374</v>
      </c>
      <c r="NA15" s="354">
        <v>10612374</v>
      </c>
      <c r="NB15" s="348">
        <v>0</v>
      </c>
      <c r="NC15" s="345">
        <v>0</v>
      </c>
      <c r="ND15" s="349">
        <v>0</v>
      </c>
      <c r="NE15" s="404">
        <v>0</v>
      </c>
      <c r="NF15" s="345">
        <v>373827</v>
      </c>
      <c r="NG15" s="345">
        <v>1040506</v>
      </c>
      <c r="NH15" s="345">
        <v>895538</v>
      </c>
      <c r="NI15" s="345">
        <v>3717284</v>
      </c>
      <c r="NJ15" s="345">
        <v>1204013</v>
      </c>
      <c r="NK15" s="349">
        <v>7231168</v>
      </c>
      <c r="NL15" s="347">
        <v>7231168</v>
      </c>
      <c r="NM15" s="348">
        <v>0</v>
      </c>
      <c r="NN15" s="345">
        <v>0</v>
      </c>
      <c r="NO15" s="349">
        <v>0</v>
      </c>
      <c r="NP15" s="404">
        <v>0</v>
      </c>
      <c r="NQ15" s="345">
        <v>0</v>
      </c>
      <c r="NR15" s="345">
        <v>0</v>
      </c>
      <c r="NS15" s="345">
        <v>0</v>
      </c>
      <c r="NT15" s="345">
        <v>0</v>
      </c>
      <c r="NU15" s="345">
        <v>0</v>
      </c>
      <c r="NV15" s="349">
        <v>0</v>
      </c>
      <c r="NW15" s="350">
        <v>0</v>
      </c>
      <c r="NX15" s="348">
        <v>0</v>
      </c>
      <c r="NY15" s="345">
        <v>0</v>
      </c>
      <c r="NZ15" s="349">
        <v>0</v>
      </c>
      <c r="OA15" s="404">
        <v>0</v>
      </c>
      <c r="OB15" s="345">
        <v>0</v>
      </c>
      <c r="OC15" s="345">
        <v>0</v>
      </c>
      <c r="OD15" s="345">
        <v>0</v>
      </c>
      <c r="OE15" s="345">
        <v>0</v>
      </c>
      <c r="OF15" s="345">
        <v>387740</v>
      </c>
      <c r="OG15" s="349">
        <v>387740</v>
      </c>
      <c r="OH15" s="350">
        <v>387740</v>
      </c>
      <c r="OI15" s="348">
        <v>755826</v>
      </c>
      <c r="OJ15" s="345">
        <v>1515240</v>
      </c>
      <c r="OK15" s="346">
        <v>2271066</v>
      </c>
      <c r="OL15" s="351">
        <v>0</v>
      </c>
      <c r="OM15" s="345">
        <v>13877292</v>
      </c>
      <c r="ON15" s="345">
        <v>15350959</v>
      </c>
      <c r="OO15" s="345">
        <v>20600138</v>
      </c>
      <c r="OP15" s="345">
        <v>23635147</v>
      </c>
      <c r="OQ15" s="345">
        <v>11845953</v>
      </c>
      <c r="OR15" s="349">
        <v>85309489</v>
      </c>
      <c r="OS15" s="354">
        <v>87580555</v>
      </c>
    </row>
    <row r="16" spans="1:409" s="70" customFormat="1" ht="21" customHeight="1" x14ac:dyDescent="0.2">
      <c r="B16" s="410" t="s">
        <v>10</v>
      </c>
      <c r="C16" s="326">
        <v>1717380</v>
      </c>
      <c r="D16" s="327">
        <v>1751134</v>
      </c>
      <c r="E16" s="328">
        <v>3468514</v>
      </c>
      <c r="F16" s="364">
        <v>0</v>
      </c>
      <c r="G16" s="327">
        <v>18962753</v>
      </c>
      <c r="H16" s="327">
        <v>16523396</v>
      </c>
      <c r="I16" s="327">
        <v>12339629</v>
      </c>
      <c r="J16" s="327">
        <v>18586631</v>
      </c>
      <c r="K16" s="327">
        <v>9427301</v>
      </c>
      <c r="L16" s="329">
        <v>75839710</v>
      </c>
      <c r="M16" s="330">
        <v>79308224</v>
      </c>
      <c r="N16" s="326">
        <v>702946</v>
      </c>
      <c r="O16" s="327">
        <v>715164</v>
      </c>
      <c r="P16" s="328">
        <v>1418110</v>
      </c>
      <c r="Q16" s="326">
        <v>0</v>
      </c>
      <c r="R16" s="327">
        <v>6793034</v>
      </c>
      <c r="S16" s="327">
        <v>5141509</v>
      </c>
      <c r="T16" s="327">
        <v>4562863</v>
      </c>
      <c r="U16" s="327">
        <v>8872318</v>
      </c>
      <c r="V16" s="327">
        <v>4959779</v>
      </c>
      <c r="W16" s="328">
        <v>30329503</v>
      </c>
      <c r="X16" s="330">
        <v>31747613</v>
      </c>
      <c r="Y16" s="326">
        <v>0</v>
      </c>
      <c r="Z16" s="327">
        <v>0</v>
      </c>
      <c r="AA16" s="328">
        <v>0</v>
      </c>
      <c r="AB16" s="326">
        <v>0</v>
      </c>
      <c r="AC16" s="327">
        <v>2945488</v>
      </c>
      <c r="AD16" s="327">
        <v>2432662</v>
      </c>
      <c r="AE16" s="327">
        <v>2796770</v>
      </c>
      <c r="AF16" s="327">
        <v>6245618</v>
      </c>
      <c r="AG16" s="327">
        <v>2999187</v>
      </c>
      <c r="AH16" s="328">
        <v>17419725</v>
      </c>
      <c r="AI16" s="330">
        <v>17419725</v>
      </c>
      <c r="AJ16" s="326">
        <v>0</v>
      </c>
      <c r="AK16" s="327">
        <v>0</v>
      </c>
      <c r="AL16" s="328">
        <v>0</v>
      </c>
      <c r="AM16" s="326">
        <v>0</v>
      </c>
      <c r="AN16" s="327">
        <v>96084</v>
      </c>
      <c r="AO16" s="327">
        <v>49984</v>
      </c>
      <c r="AP16" s="327">
        <v>157161</v>
      </c>
      <c r="AQ16" s="327">
        <v>313513</v>
      </c>
      <c r="AR16" s="327">
        <v>524925</v>
      </c>
      <c r="AS16" s="328">
        <v>1141667</v>
      </c>
      <c r="AT16" s="330">
        <v>1141667</v>
      </c>
      <c r="AU16" s="326">
        <v>384869</v>
      </c>
      <c r="AV16" s="327">
        <v>428758</v>
      </c>
      <c r="AW16" s="328">
        <v>813627</v>
      </c>
      <c r="AX16" s="326">
        <v>0</v>
      </c>
      <c r="AY16" s="327">
        <v>2289373</v>
      </c>
      <c r="AZ16" s="327">
        <v>1429054</v>
      </c>
      <c r="BA16" s="327">
        <v>673473</v>
      </c>
      <c r="BB16" s="327">
        <v>1009140</v>
      </c>
      <c r="BC16" s="327">
        <v>686682</v>
      </c>
      <c r="BD16" s="328">
        <v>6087722</v>
      </c>
      <c r="BE16" s="330">
        <v>6901349</v>
      </c>
      <c r="BF16" s="326">
        <v>41477</v>
      </c>
      <c r="BG16" s="327">
        <v>43286</v>
      </c>
      <c r="BH16" s="331">
        <v>84763</v>
      </c>
      <c r="BI16" s="332">
        <v>0</v>
      </c>
      <c r="BJ16" s="327">
        <v>207487</v>
      </c>
      <c r="BK16" s="327">
        <v>244145</v>
      </c>
      <c r="BL16" s="327">
        <v>59147</v>
      </c>
      <c r="BM16" s="327">
        <v>63743</v>
      </c>
      <c r="BN16" s="327">
        <v>172929</v>
      </c>
      <c r="BO16" s="328">
        <v>747451</v>
      </c>
      <c r="BP16" s="330">
        <v>832214</v>
      </c>
      <c r="BQ16" s="326">
        <v>276600</v>
      </c>
      <c r="BR16" s="327">
        <v>243120</v>
      </c>
      <c r="BS16" s="328">
        <v>519720</v>
      </c>
      <c r="BT16" s="326">
        <v>0</v>
      </c>
      <c r="BU16" s="327">
        <v>1254602</v>
      </c>
      <c r="BV16" s="327">
        <v>985664</v>
      </c>
      <c r="BW16" s="327">
        <v>876312</v>
      </c>
      <c r="BX16" s="327">
        <v>1240304</v>
      </c>
      <c r="BY16" s="327">
        <v>576056</v>
      </c>
      <c r="BZ16" s="328">
        <v>4932938</v>
      </c>
      <c r="CA16" s="330">
        <v>5452658</v>
      </c>
      <c r="CB16" s="326">
        <v>61443</v>
      </c>
      <c r="CC16" s="327">
        <v>152226</v>
      </c>
      <c r="CD16" s="328">
        <v>213669</v>
      </c>
      <c r="CE16" s="326">
        <v>0</v>
      </c>
      <c r="CF16" s="327">
        <v>6872045</v>
      </c>
      <c r="CG16" s="327">
        <v>4474578</v>
      </c>
      <c r="CH16" s="327">
        <v>2152884</v>
      </c>
      <c r="CI16" s="327">
        <v>1246010</v>
      </c>
      <c r="CJ16" s="327">
        <v>1053606</v>
      </c>
      <c r="CK16" s="328">
        <v>15799123</v>
      </c>
      <c r="CL16" s="330">
        <v>16012792</v>
      </c>
      <c r="CM16" s="326">
        <v>0</v>
      </c>
      <c r="CN16" s="327">
        <v>0</v>
      </c>
      <c r="CO16" s="328">
        <v>0</v>
      </c>
      <c r="CP16" s="332">
        <v>0</v>
      </c>
      <c r="CQ16" s="327">
        <v>5976283</v>
      </c>
      <c r="CR16" s="327">
        <v>3709119</v>
      </c>
      <c r="CS16" s="327">
        <v>1692028</v>
      </c>
      <c r="CT16" s="327">
        <v>1157965</v>
      </c>
      <c r="CU16" s="327">
        <v>898823</v>
      </c>
      <c r="CV16" s="328">
        <v>13434218</v>
      </c>
      <c r="CW16" s="330">
        <v>13434218</v>
      </c>
      <c r="CX16" s="326">
        <v>61443</v>
      </c>
      <c r="CY16" s="327">
        <v>152226</v>
      </c>
      <c r="CZ16" s="328">
        <v>213669</v>
      </c>
      <c r="DA16" s="326">
        <v>0</v>
      </c>
      <c r="DB16" s="327">
        <v>895762</v>
      </c>
      <c r="DC16" s="327">
        <v>765459</v>
      </c>
      <c r="DD16" s="327">
        <v>460856</v>
      </c>
      <c r="DE16" s="327">
        <v>88045</v>
      </c>
      <c r="DF16" s="327">
        <v>154783</v>
      </c>
      <c r="DG16" s="328">
        <v>2364905</v>
      </c>
      <c r="DH16" s="330">
        <v>2578574</v>
      </c>
      <c r="DI16" s="326">
        <v>0</v>
      </c>
      <c r="DJ16" s="327">
        <v>129576</v>
      </c>
      <c r="DK16" s="331">
        <v>129576</v>
      </c>
      <c r="DL16" s="332">
        <v>0</v>
      </c>
      <c r="DM16" s="327">
        <v>945638</v>
      </c>
      <c r="DN16" s="327">
        <v>906215</v>
      </c>
      <c r="DO16" s="327">
        <v>1183007</v>
      </c>
      <c r="DP16" s="327">
        <v>1611031</v>
      </c>
      <c r="DQ16" s="327">
        <v>537166</v>
      </c>
      <c r="DR16" s="328">
        <v>5183057</v>
      </c>
      <c r="DS16" s="330">
        <v>5312633</v>
      </c>
      <c r="DT16" s="326">
        <v>0</v>
      </c>
      <c r="DU16" s="327">
        <v>67324</v>
      </c>
      <c r="DV16" s="328">
        <v>67324</v>
      </c>
      <c r="DW16" s="326">
        <v>0</v>
      </c>
      <c r="DX16" s="327">
        <v>825298</v>
      </c>
      <c r="DY16" s="327">
        <v>855935</v>
      </c>
      <c r="DZ16" s="327">
        <v>917655</v>
      </c>
      <c r="EA16" s="327">
        <v>1611031</v>
      </c>
      <c r="EB16" s="327">
        <v>436203</v>
      </c>
      <c r="EC16" s="328">
        <v>4646122</v>
      </c>
      <c r="ED16" s="330">
        <v>4713446</v>
      </c>
      <c r="EE16" s="326">
        <v>0</v>
      </c>
      <c r="EF16" s="331">
        <v>62252</v>
      </c>
      <c r="EG16" s="328">
        <v>62252</v>
      </c>
      <c r="EH16" s="326">
        <v>0</v>
      </c>
      <c r="EI16" s="327">
        <v>120340</v>
      </c>
      <c r="EJ16" s="327">
        <v>50280</v>
      </c>
      <c r="EK16" s="327">
        <v>265352</v>
      </c>
      <c r="EL16" s="327">
        <v>0</v>
      </c>
      <c r="EM16" s="327">
        <v>100963</v>
      </c>
      <c r="EN16" s="331">
        <v>536935</v>
      </c>
      <c r="EO16" s="330">
        <v>599187</v>
      </c>
      <c r="EP16" s="326">
        <v>0</v>
      </c>
      <c r="EQ16" s="327">
        <v>0</v>
      </c>
      <c r="ER16" s="331">
        <v>0</v>
      </c>
      <c r="ES16" s="332">
        <v>0</v>
      </c>
      <c r="ET16" s="327">
        <v>0</v>
      </c>
      <c r="EU16" s="327">
        <v>0</v>
      </c>
      <c r="EV16" s="327">
        <v>0</v>
      </c>
      <c r="EW16" s="327">
        <v>0</v>
      </c>
      <c r="EX16" s="327">
        <v>0</v>
      </c>
      <c r="EY16" s="328">
        <v>0</v>
      </c>
      <c r="EZ16" s="330">
        <v>0</v>
      </c>
      <c r="FA16" s="326">
        <v>0</v>
      </c>
      <c r="FB16" s="327">
        <v>0</v>
      </c>
      <c r="FC16" s="331">
        <v>0</v>
      </c>
      <c r="FD16" s="332">
        <v>0</v>
      </c>
      <c r="FE16" s="327">
        <v>0</v>
      </c>
      <c r="FF16" s="327">
        <v>0</v>
      </c>
      <c r="FG16" s="327">
        <v>0</v>
      </c>
      <c r="FH16" s="327">
        <v>0</v>
      </c>
      <c r="FI16" s="327">
        <v>0</v>
      </c>
      <c r="FJ16" s="328">
        <v>0</v>
      </c>
      <c r="FK16" s="330">
        <v>0</v>
      </c>
      <c r="FL16" s="326">
        <v>397032</v>
      </c>
      <c r="FM16" s="327">
        <v>455168</v>
      </c>
      <c r="FN16" s="328">
        <v>852200</v>
      </c>
      <c r="FO16" s="326">
        <v>0</v>
      </c>
      <c r="FP16" s="327">
        <v>1168351</v>
      </c>
      <c r="FQ16" s="327">
        <v>1619176</v>
      </c>
      <c r="FR16" s="327">
        <v>912216</v>
      </c>
      <c r="FS16" s="327">
        <v>1006368</v>
      </c>
      <c r="FT16" s="327">
        <v>538228</v>
      </c>
      <c r="FU16" s="328">
        <v>5244339</v>
      </c>
      <c r="FV16" s="330">
        <v>6096539</v>
      </c>
      <c r="FW16" s="333">
        <v>377032</v>
      </c>
      <c r="FX16" s="327">
        <v>434048</v>
      </c>
      <c r="FY16" s="331">
        <v>811080</v>
      </c>
      <c r="FZ16" s="332">
        <v>0</v>
      </c>
      <c r="GA16" s="327">
        <v>856872</v>
      </c>
      <c r="GB16" s="327">
        <v>1500136</v>
      </c>
      <c r="GC16" s="327">
        <v>912216</v>
      </c>
      <c r="GD16" s="327">
        <v>1006368</v>
      </c>
      <c r="GE16" s="327">
        <v>538228</v>
      </c>
      <c r="GF16" s="328">
        <v>4813820</v>
      </c>
      <c r="GG16" s="334">
        <v>5624900</v>
      </c>
      <c r="GH16" s="333">
        <v>0</v>
      </c>
      <c r="GI16" s="327">
        <v>21120</v>
      </c>
      <c r="GJ16" s="331">
        <v>21120</v>
      </c>
      <c r="GK16" s="332">
        <v>0</v>
      </c>
      <c r="GL16" s="327">
        <v>91651</v>
      </c>
      <c r="GM16" s="327">
        <v>24000</v>
      </c>
      <c r="GN16" s="327">
        <v>0</v>
      </c>
      <c r="GO16" s="327">
        <v>0</v>
      </c>
      <c r="GP16" s="327">
        <v>0</v>
      </c>
      <c r="GQ16" s="328">
        <v>115651</v>
      </c>
      <c r="GR16" s="330">
        <v>136771</v>
      </c>
      <c r="GS16" s="326">
        <v>20000</v>
      </c>
      <c r="GT16" s="327">
        <v>0</v>
      </c>
      <c r="GU16" s="328">
        <v>20000</v>
      </c>
      <c r="GV16" s="326">
        <v>0</v>
      </c>
      <c r="GW16" s="327">
        <v>219828</v>
      </c>
      <c r="GX16" s="327">
        <v>95040</v>
      </c>
      <c r="GY16" s="327">
        <v>0</v>
      </c>
      <c r="GZ16" s="327">
        <v>0</v>
      </c>
      <c r="HA16" s="327">
        <v>0</v>
      </c>
      <c r="HB16" s="331">
        <v>314868</v>
      </c>
      <c r="HC16" s="330">
        <v>334868</v>
      </c>
      <c r="HD16" s="326">
        <v>555959</v>
      </c>
      <c r="HE16" s="327">
        <v>299000</v>
      </c>
      <c r="HF16" s="331">
        <v>854959</v>
      </c>
      <c r="HG16" s="332">
        <v>0</v>
      </c>
      <c r="HH16" s="327">
        <v>3183685</v>
      </c>
      <c r="HI16" s="327">
        <v>4381918</v>
      </c>
      <c r="HJ16" s="327">
        <v>3528659</v>
      </c>
      <c r="HK16" s="327">
        <v>5850904</v>
      </c>
      <c r="HL16" s="327">
        <v>2338522</v>
      </c>
      <c r="HM16" s="328">
        <v>19283688</v>
      </c>
      <c r="HN16" s="329">
        <v>20138647</v>
      </c>
      <c r="HO16" s="333">
        <v>0</v>
      </c>
      <c r="HP16" s="327">
        <v>0</v>
      </c>
      <c r="HQ16" s="328">
        <v>0</v>
      </c>
      <c r="HR16" s="326">
        <v>0</v>
      </c>
      <c r="HS16" s="327">
        <v>0</v>
      </c>
      <c r="HT16" s="327">
        <v>0</v>
      </c>
      <c r="HU16" s="327">
        <v>0</v>
      </c>
      <c r="HV16" s="327">
        <v>0</v>
      </c>
      <c r="HW16" s="327">
        <v>0</v>
      </c>
      <c r="HX16" s="331">
        <v>0</v>
      </c>
      <c r="HY16" s="330">
        <v>0</v>
      </c>
      <c r="HZ16" s="358">
        <v>0</v>
      </c>
      <c r="IA16" s="356">
        <v>83284</v>
      </c>
      <c r="IB16" s="358">
        <v>83284</v>
      </c>
      <c r="IC16" s="355">
        <v>0</v>
      </c>
      <c r="ID16" s="356">
        <v>4714385</v>
      </c>
      <c r="IE16" s="357">
        <v>3802595</v>
      </c>
      <c r="IF16" s="358">
        <v>4397489</v>
      </c>
      <c r="IG16" s="356">
        <v>4365946</v>
      </c>
      <c r="IH16" s="358">
        <v>2709543</v>
      </c>
      <c r="II16" s="359">
        <v>19989958</v>
      </c>
      <c r="IJ16" s="358">
        <v>20073242</v>
      </c>
      <c r="IK16" s="342">
        <v>0</v>
      </c>
      <c r="IL16" s="343">
        <v>0</v>
      </c>
      <c r="IM16" s="344">
        <v>0</v>
      </c>
      <c r="IN16" s="404">
        <v>0</v>
      </c>
      <c r="IO16" s="345">
        <v>91957</v>
      </c>
      <c r="IP16" s="345">
        <v>0</v>
      </c>
      <c r="IQ16" s="345">
        <v>67528</v>
      </c>
      <c r="IR16" s="345">
        <v>0</v>
      </c>
      <c r="IS16" s="345">
        <v>0</v>
      </c>
      <c r="IT16" s="346">
        <v>159485</v>
      </c>
      <c r="IU16" s="347">
        <v>159485</v>
      </c>
      <c r="IV16" s="348">
        <v>0</v>
      </c>
      <c r="IW16" s="345">
        <v>0</v>
      </c>
      <c r="IX16" s="349">
        <v>0</v>
      </c>
      <c r="IY16" s="404">
        <v>0</v>
      </c>
      <c r="IZ16" s="345">
        <v>10501</v>
      </c>
      <c r="JA16" s="345">
        <v>0</v>
      </c>
      <c r="JB16" s="345">
        <v>10501</v>
      </c>
      <c r="JC16" s="345">
        <v>0</v>
      </c>
      <c r="JD16" s="345">
        <v>0</v>
      </c>
      <c r="JE16" s="349">
        <v>21002</v>
      </c>
      <c r="JF16" s="350">
        <v>21002</v>
      </c>
      <c r="JG16" s="348">
        <v>0</v>
      </c>
      <c r="JH16" s="345">
        <v>0</v>
      </c>
      <c r="JI16" s="346">
        <v>0</v>
      </c>
      <c r="JJ16" s="351">
        <v>0</v>
      </c>
      <c r="JK16" s="345">
        <v>1546442</v>
      </c>
      <c r="JL16" s="345">
        <v>863723</v>
      </c>
      <c r="JM16" s="345">
        <v>507915</v>
      </c>
      <c r="JN16" s="345">
        <v>337781</v>
      </c>
      <c r="JO16" s="345">
        <v>117480</v>
      </c>
      <c r="JP16" s="349">
        <v>3373341</v>
      </c>
      <c r="JQ16" s="347">
        <v>3373341</v>
      </c>
      <c r="JR16" s="348">
        <v>0</v>
      </c>
      <c r="JS16" s="345">
        <v>0</v>
      </c>
      <c r="JT16" s="346">
        <v>0</v>
      </c>
      <c r="JU16" s="351">
        <v>0</v>
      </c>
      <c r="JV16" s="345">
        <v>159677</v>
      </c>
      <c r="JW16" s="345">
        <v>98233</v>
      </c>
      <c r="JX16" s="345">
        <v>119382</v>
      </c>
      <c r="JY16" s="345">
        <v>0</v>
      </c>
      <c r="JZ16" s="345">
        <v>0</v>
      </c>
      <c r="KA16" s="349">
        <v>377292</v>
      </c>
      <c r="KB16" s="347">
        <v>377292</v>
      </c>
      <c r="KC16" s="352">
        <v>0</v>
      </c>
      <c r="KD16" s="353">
        <v>83284</v>
      </c>
      <c r="KE16" s="349">
        <v>83284</v>
      </c>
      <c r="KF16" s="351">
        <v>0</v>
      </c>
      <c r="KG16" s="345">
        <v>402365</v>
      </c>
      <c r="KH16" s="345">
        <v>228689</v>
      </c>
      <c r="KI16" s="345">
        <v>218333</v>
      </c>
      <c r="KJ16" s="345">
        <v>722925</v>
      </c>
      <c r="KK16" s="345">
        <v>0</v>
      </c>
      <c r="KL16" s="349">
        <v>1572312</v>
      </c>
      <c r="KM16" s="354">
        <v>1655596</v>
      </c>
      <c r="KN16" s="342">
        <v>0</v>
      </c>
      <c r="KO16" s="343">
        <v>0</v>
      </c>
      <c r="KP16" s="344">
        <v>0</v>
      </c>
      <c r="KQ16" s="404">
        <v>0</v>
      </c>
      <c r="KR16" s="345">
        <v>1603010</v>
      </c>
      <c r="KS16" s="345">
        <v>1511464</v>
      </c>
      <c r="KT16" s="345">
        <v>2396747</v>
      </c>
      <c r="KU16" s="345">
        <v>1088896</v>
      </c>
      <c r="KV16" s="345">
        <v>1173814</v>
      </c>
      <c r="KW16" s="349">
        <v>7773931</v>
      </c>
      <c r="KX16" s="347">
        <v>7773931</v>
      </c>
      <c r="KY16" s="348">
        <v>0</v>
      </c>
      <c r="KZ16" s="345">
        <v>0</v>
      </c>
      <c r="LA16" s="349">
        <v>0</v>
      </c>
      <c r="LB16" s="404">
        <v>0</v>
      </c>
      <c r="LC16" s="345">
        <v>650939</v>
      </c>
      <c r="LD16" s="345">
        <v>293373</v>
      </c>
      <c r="LE16" s="345">
        <v>202502</v>
      </c>
      <c r="LF16" s="345">
        <v>221567</v>
      </c>
      <c r="LG16" s="345">
        <v>242099</v>
      </c>
      <c r="LH16" s="349">
        <v>1610480</v>
      </c>
      <c r="LI16" s="350">
        <v>1610480</v>
      </c>
      <c r="LJ16" s="348">
        <v>0</v>
      </c>
      <c r="LK16" s="345">
        <v>0</v>
      </c>
      <c r="LL16" s="349">
        <v>0</v>
      </c>
      <c r="LM16" s="404">
        <v>0</v>
      </c>
      <c r="LN16" s="345">
        <v>0</v>
      </c>
      <c r="LO16" s="345">
        <v>221685</v>
      </c>
      <c r="LP16" s="345">
        <v>275396</v>
      </c>
      <c r="LQ16" s="345">
        <v>716853</v>
      </c>
      <c r="LR16" s="345">
        <v>1176150</v>
      </c>
      <c r="LS16" s="349">
        <v>2390084</v>
      </c>
      <c r="LT16" s="347">
        <v>2390084</v>
      </c>
      <c r="LU16" s="348">
        <v>0</v>
      </c>
      <c r="LV16" s="345">
        <v>0</v>
      </c>
      <c r="LW16" s="349">
        <v>0</v>
      </c>
      <c r="LX16" s="404">
        <v>0</v>
      </c>
      <c r="LY16" s="345">
        <v>249494</v>
      </c>
      <c r="LZ16" s="345">
        <v>585428</v>
      </c>
      <c r="MA16" s="345">
        <v>599185</v>
      </c>
      <c r="MB16" s="345">
        <v>1277924</v>
      </c>
      <c r="MC16" s="345">
        <v>0</v>
      </c>
      <c r="MD16" s="349">
        <v>2712031</v>
      </c>
      <c r="ME16" s="350">
        <v>2712031</v>
      </c>
      <c r="MF16" s="348">
        <v>0</v>
      </c>
      <c r="MG16" s="345">
        <v>0</v>
      </c>
      <c r="MH16" s="349">
        <v>0</v>
      </c>
      <c r="MI16" s="404">
        <v>0</v>
      </c>
      <c r="MJ16" s="345">
        <v>733480</v>
      </c>
      <c r="MK16" s="345">
        <v>2003015</v>
      </c>
      <c r="ML16" s="345">
        <v>4628548</v>
      </c>
      <c r="MM16" s="345">
        <v>9964727</v>
      </c>
      <c r="MN16" s="345">
        <v>5551266</v>
      </c>
      <c r="MO16" s="349">
        <v>22881036</v>
      </c>
      <c r="MP16" s="354">
        <v>22881036</v>
      </c>
      <c r="MQ16" s="348">
        <v>0</v>
      </c>
      <c r="MR16" s="345">
        <v>0</v>
      </c>
      <c r="MS16" s="349">
        <v>0</v>
      </c>
      <c r="MT16" s="404">
        <v>0</v>
      </c>
      <c r="MU16" s="345">
        <v>221069</v>
      </c>
      <c r="MV16" s="345">
        <v>0</v>
      </c>
      <c r="MW16" s="345">
        <v>3260067</v>
      </c>
      <c r="MX16" s="345">
        <v>8381745</v>
      </c>
      <c r="MY16" s="345">
        <v>3428792</v>
      </c>
      <c r="MZ16" s="349">
        <v>15291673</v>
      </c>
      <c r="NA16" s="354">
        <v>15291673</v>
      </c>
      <c r="NB16" s="348">
        <v>0</v>
      </c>
      <c r="NC16" s="345">
        <v>0</v>
      </c>
      <c r="ND16" s="349">
        <v>0</v>
      </c>
      <c r="NE16" s="404">
        <v>0</v>
      </c>
      <c r="NF16" s="345">
        <v>512411</v>
      </c>
      <c r="NG16" s="345">
        <v>2003015</v>
      </c>
      <c r="NH16" s="345">
        <v>1368481</v>
      </c>
      <c r="NI16" s="345">
        <v>1225847</v>
      </c>
      <c r="NJ16" s="345">
        <v>1730156</v>
      </c>
      <c r="NK16" s="349">
        <v>6839910</v>
      </c>
      <c r="NL16" s="347">
        <v>6839910</v>
      </c>
      <c r="NM16" s="348">
        <v>0</v>
      </c>
      <c r="NN16" s="345">
        <v>0</v>
      </c>
      <c r="NO16" s="349">
        <v>0</v>
      </c>
      <c r="NP16" s="404">
        <v>0</v>
      </c>
      <c r="NQ16" s="345">
        <v>0</v>
      </c>
      <c r="NR16" s="345">
        <v>0</v>
      </c>
      <c r="NS16" s="345">
        <v>0</v>
      </c>
      <c r="NT16" s="345">
        <v>0</v>
      </c>
      <c r="NU16" s="345">
        <v>0</v>
      </c>
      <c r="NV16" s="349">
        <v>0</v>
      </c>
      <c r="NW16" s="350">
        <v>0</v>
      </c>
      <c r="NX16" s="348">
        <v>0</v>
      </c>
      <c r="NY16" s="345">
        <v>0</v>
      </c>
      <c r="NZ16" s="349">
        <v>0</v>
      </c>
      <c r="OA16" s="404">
        <v>0</v>
      </c>
      <c r="OB16" s="345">
        <v>0</v>
      </c>
      <c r="OC16" s="345">
        <v>0</v>
      </c>
      <c r="OD16" s="345">
        <v>0</v>
      </c>
      <c r="OE16" s="345">
        <v>357135</v>
      </c>
      <c r="OF16" s="345">
        <v>392318</v>
      </c>
      <c r="OG16" s="349">
        <v>749453</v>
      </c>
      <c r="OH16" s="350">
        <v>749453</v>
      </c>
      <c r="OI16" s="348">
        <v>1717380</v>
      </c>
      <c r="OJ16" s="345">
        <v>1834418</v>
      </c>
      <c r="OK16" s="346">
        <v>3551798</v>
      </c>
      <c r="OL16" s="351">
        <v>0</v>
      </c>
      <c r="OM16" s="345">
        <v>24410618</v>
      </c>
      <c r="ON16" s="345">
        <v>22329006</v>
      </c>
      <c r="OO16" s="345">
        <v>21365666</v>
      </c>
      <c r="OP16" s="345">
        <v>32917304</v>
      </c>
      <c r="OQ16" s="345">
        <v>17688110</v>
      </c>
      <c r="OR16" s="349">
        <v>118710704</v>
      </c>
      <c r="OS16" s="354">
        <v>122262502</v>
      </c>
    </row>
    <row r="17" spans="2:409" s="70" customFormat="1" ht="21" customHeight="1" x14ac:dyDescent="0.2">
      <c r="B17" s="410" t="s">
        <v>11</v>
      </c>
      <c r="C17" s="326">
        <v>446151</v>
      </c>
      <c r="D17" s="327">
        <v>639334</v>
      </c>
      <c r="E17" s="365">
        <v>1085485</v>
      </c>
      <c r="F17" s="332">
        <v>0</v>
      </c>
      <c r="G17" s="327">
        <v>7331776</v>
      </c>
      <c r="H17" s="327">
        <v>8048039</v>
      </c>
      <c r="I17" s="327">
        <v>8179888</v>
      </c>
      <c r="J17" s="327">
        <v>6931861</v>
      </c>
      <c r="K17" s="327">
        <v>2878764</v>
      </c>
      <c r="L17" s="329">
        <v>33370328</v>
      </c>
      <c r="M17" s="330">
        <v>34455813</v>
      </c>
      <c r="N17" s="326">
        <v>160807</v>
      </c>
      <c r="O17" s="327">
        <v>146486</v>
      </c>
      <c r="P17" s="328">
        <v>307293</v>
      </c>
      <c r="Q17" s="326">
        <v>0</v>
      </c>
      <c r="R17" s="327">
        <v>2040687</v>
      </c>
      <c r="S17" s="327">
        <v>1924149</v>
      </c>
      <c r="T17" s="327">
        <v>2300254</v>
      </c>
      <c r="U17" s="327">
        <v>2676506</v>
      </c>
      <c r="V17" s="327">
        <v>1421452</v>
      </c>
      <c r="W17" s="328">
        <v>10363048</v>
      </c>
      <c r="X17" s="330">
        <v>10670341</v>
      </c>
      <c r="Y17" s="326">
        <v>0</v>
      </c>
      <c r="Z17" s="327">
        <v>0</v>
      </c>
      <c r="AA17" s="328">
        <v>0</v>
      </c>
      <c r="AB17" s="326">
        <v>0</v>
      </c>
      <c r="AC17" s="327">
        <v>1076591</v>
      </c>
      <c r="AD17" s="327">
        <v>561726</v>
      </c>
      <c r="AE17" s="327">
        <v>1371159</v>
      </c>
      <c r="AF17" s="327">
        <v>1649876</v>
      </c>
      <c r="AG17" s="327">
        <v>442469</v>
      </c>
      <c r="AH17" s="328">
        <v>5101821</v>
      </c>
      <c r="AI17" s="330">
        <v>5101821</v>
      </c>
      <c r="AJ17" s="326">
        <v>0</v>
      </c>
      <c r="AK17" s="327">
        <v>0</v>
      </c>
      <c r="AL17" s="328">
        <v>0</v>
      </c>
      <c r="AM17" s="326">
        <v>0</v>
      </c>
      <c r="AN17" s="327">
        <v>0</v>
      </c>
      <c r="AO17" s="327">
        <v>94844</v>
      </c>
      <c r="AP17" s="327">
        <v>0</v>
      </c>
      <c r="AQ17" s="327">
        <v>225255</v>
      </c>
      <c r="AR17" s="327">
        <v>215426</v>
      </c>
      <c r="AS17" s="328">
        <v>535525</v>
      </c>
      <c r="AT17" s="330">
        <v>535525</v>
      </c>
      <c r="AU17" s="326">
        <v>125023</v>
      </c>
      <c r="AV17" s="327">
        <v>86518</v>
      </c>
      <c r="AW17" s="328">
        <v>211541</v>
      </c>
      <c r="AX17" s="326">
        <v>0</v>
      </c>
      <c r="AY17" s="327">
        <v>585659</v>
      </c>
      <c r="AZ17" s="327">
        <v>909394</v>
      </c>
      <c r="BA17" s="327">
        <v>503084</v>
      </c>
      <c r="BB17" s="327">
        <v>433727</v>
      </c>
      <c r="BC17" s="327">
        <v>552450</v>
      </c>
      <c r="BD17" s="328">
        <v>2984314</v>
      </c>
      <c r="BE17" s="330">
        <v>3195855</v>
      </c>
      <c r="BF17" s="326">
        <v>0</v>
      </c>
      <c r="BG17" s="327">
        <v>29680</v>
      </c>
      <c r="BH17" s="331">
        <v>29680</v>
      </c>
      <c r="BI17" s="332">
        <v>0</v>
      </c>
      <c r="BJ17" s="327">
        <v>45253</v>
      </c>
      <c r="BK17" s="327">
        <v>31209</v>
      </c>
      <c r="BL17" s="327">
        <v>115491</v>
      </c>
      <c r="BM17" s="327">
        <v>19976</v>
      </c>
      <c r="BN17" s="327">
        <v>62419</v>
      </c>
      <c r="BO17" s="328">
        <v>274348</v>
      </c>
      <c r="BP17" s="330">
        <v>304028</v>
      </c>
      <c r="BQ17" s="326">
        <v>35784</v>
      </c>
      <c r="BR17" s="327">
        <v>30288</v>
      </c>
      <c r="BS17" s="328">
        <v>66072</v>
      </c>
      <c r="BT17" s="326">
        <v>0</v>
      </c>
      <c r="BU17" s="327">
        <v>333184</v>
      </c>
      <c r="BV17" s="327">
        <v>326976</v>
      </c>
      <c r="BW17" s="327">
        <v>310520</v>
      </c>
      <c r="BX17" s="327">
        <v>347672</v>
      </c>
      <c r="BY17" s="327">
        <v>148688</v>
      </c>
      <c r="BZ17" s="328">
        <v>1467040</v>
      </c>
      <c r="CA17" s="330">
        <v>1533112</v>
      </c>
      <c r="CB17" s="326">
        <v>162333</v>
      </c>
      <c r="CC17" s="327">
        <v>258090</v>
      </c>
      <c r="CD17" s="328">
        <v>420423</v>
      </c>
      <c r="CE17" s="326">
        <v>0</v>
      </c>
      <c r="CF17" s="327">
        <v>2573049</v>
      </c>
      <c r="CG17" s="327">
        <v>2866109</v>
      </c>
      <c r="CH17" s="327">
        <v>1636219</v>
      </c>
      <c r="CI17" s="327">
        <v>744206</v>
      </c>
      <c r="CJ17" s="327">
        <v>337324</v>
      </c>
      <c r="CK17" s="328">
        <v>8156907</v>
      </c>
      <c r="CL17" s="330">
        <v>8577330</v>
      </c>
      <c r="CM17" s="326">
        <v>0</v>
      </c>
      <c r="CN17" s="327">
        <v>0</v>
      </c>
      <c r="CO17" s="328">
        <v>0</v>
      </c>
      <c r="CP17" s="332">
        <v>0</v>
      </c>
      <c r="CQ17" s="327">
        <v>1671463</v>
      </c>
      <c r="CR17" s="327">
        <v>2322760</v>
      </c>
      <c r="CS17" s="327">
        <v>1356622</v>
      </c>
      <c r="CT17" s="327">
        <v>434824</v>
      </c>
      <c r="CU17" s="327">
        <v>234593</v>
      </c>
      <c r="CV17" s="328">
        <v>6020262</v>
      </c>
      <c r="CW17" s="330">
        <v>6020262</v>
      </c>
      <c r="CX17" s="326">
        <v>162333</v>
      </c>
      <c r="CY17" s="327">
        <v>258090</v>
      </c>
      <c r="CZ17" s="328">
        <v>420423</v>
      </c>
      <c r="DA17" s="326">
        <v>0</v>
      </c>
      <c r="DB17" s="327">
        <v>901586</v>
      </c>
      <c r="DC17" s="327">
        <v>543349</v>
      </c>
      <c r="DD17" s="327">
        <v>279597</v>
      </c>
      <c r="DE17" s="327">
        <v>309382</v>
      </c>
      <c r="DF17" s="327">
        <v>102731</v>
      </c>
      <c r="DG17" s="328">
        <v>2136645</v>
      </c>
      <c r="DH17" s="330">
        <v>2557068</v>
      </c>
      <c r="DI17" s="326">
        <v>0</v>
      </c>
      <c r="DJ17" s="327">
        <v>17116</v>
      </c>
      <c r="DK17" s="331">
        <v>17116</v>
      </c>
      <c r="DL17" s="332">
        <v>0</v>
      </c>
      <c r="DM17" s="327">
        <v>267645</v>
      </c>
      <c r="DN17" s="327">
        <v>500315</v>
      </c>
      <c r="DO17" s="327">
        <v>288210</v>
      </c>
      <c r="DP17" s="327">
        <v>612653</v>
      </c>
      <c r="DQ17" s="327">
        <v>0</v>
      </c>
      <c r="DR17" s="328">
        <v>1668823</v>
      </c>
      <c r="DS17" s="330">
        <v>1685939</v>
      </c>
      <c r="DT17" s="326">
        <v>0</v>
      </c>
      <c r="DU17" s="327">
        <v>17116</v>
      </c>
      <c r="DV17" s="328">
        <v>17116</v>
      </c>
      <c r="DW17" s="326">
        <v>0</v>
      </c>
      <c r="DX17" s="327">
        <v>150238</v>
      </c>
      <c r="DY17" s="327">
        <v>500315</v>
      </c>
      <c r="DZ17" s="327">
        <v>288210</v>
      </c>
      <c r="EA17" s="327">
        <v>528266</v>
      </c>
      <c r="EB17" s="327">
        <v>0</v>
      </c>
      <c r="EC17" s="328">
        <v>1467029</v>
      </c>
      <c r="ED17" s="330">
        <v>1484145</v>
      </c>
      <c r="EE17" s="326">
        <v>0</v>
      </c>
      <c r="EF17" s="331">
        <v>0</v>
      </c>
      <c r="EG17" s="328">
        <v>0</v>
      </c>
      <c r="EH17" s="326">
        <v>0</v>
      </c>
      <c r="EI17" s="327">
        <v>117407</v>
      </c>
      <c r="EJ17" s="327">
        <v>0</v>
      </c>
      <c r="EK17" s="327">
        <v>0</v>
      </c>
      <c r="EL17" s="327">
        <v>84387</v>
      </c>
      <c r="EM17" s="327">
        <v>0</v>
      </c>
      <c r="EN17" s="331">
        <v>201794</v>
      </c>
      <c r="EO17" s="330">
        <v>201794</v>
      </c>
      <c r="EP17" s="326">
        <v>0</v>
      </c>
      <c r="EQ17" s="327">
        <v>0</v>
      </c>
      <c r="ER17" s="331">
        <v>0</v>
      </c>
      <c r="ES17" s="332">
        <v>0</v>
      </c>
      <c r="ET17" s="327">
        <v>0</v>
      </c>
      <c r="EU17" s="327">
        <v>0</v>
      </c>
      <c r="EV17" s="327">
        <v>0</v>
      </c>
      <c r="EW17" s="327">
        <v>0</v>
      </c>
      <c r="EX17" s="327">
        <v>0</v>
      </c>
      <c r="EY17" s="328">
        <v>0</v>
      </c>
      <c r="EZ17" s="330">
        <v>0</v>
      </c>
      <c r="FA17" s="326">
        <v>0</v>
      </c>
      <c r="FB17" s="327">
        <v>0</v>
      </c>
      <c r="FC17" s="331">
        <v>0</v>
      </c>
      <c r="FD17" s="332">
        <v>0</v>
      </c>
      <c r="FE17" s="327">
        <v>0</v>
      </c>
      <c r="FF17" s="327">
        <v>0</v>
      </c>
      <c r="FG17" s="327">
        <v>0</v>
      </c>
      <c r="FH17" s="327">
        <v>0</v>
      </c>
      <c r="FI17" s="327">
        <v>0</v>
      </c>
      <c r="FJ17" s="328">
        <v>0</v>
      </c>
      <c r="FK17" s="330">
        <v>0</v>
      </c>
      <c r="FL17" s="326">
        <v>69424</v>
      </c>
      <c r="FM17" s="327">
        <v>119480</v>
      </c>
      <c r="FN17" s="328">
        <v>188904</v>
      </c>
      <c r="FO17" s="326">
        <v>0</v>
      </c>
      <c r="FP17" s="327">
        <v>452512</v>
      </c>
      <c r="FQ17" s="327">
        <v>736168</v>
      </c>
      <c r="FR17" s="327">
        <v>646787</v>
      </c>
      <c r="FS17" s="327">
        <v>499600</v>
      </c>
      <c r="FT17" s="327">
        <v>295952</v>
      </c>
      <c r="FU17" s="328">
        <v>2631019</v>
      </c>
      <c r="FV17" s="330">
        <v>2819923</v>
      </c>
      <c r="FW17" s="333">
        <v>69424</v>
      </c>
      <c r="FX17" s="327">
        <v>119480</v>
      </c>
      <c r="FY17" s="331">
        <v>188904</v>
      </c>
      <c r="FZ17" s="332">
        <v>0</v>
      </c>
      <c r="GA17" s="327">
        <v>341472</v>
      </c>
      <c r="GB17" s="327">
        <v>713992</v>
      </c>
      <c r="GC17" s="327">
        <v>573040</v>
      </c>
      <c r="GD17" s="327">
        <v>499600</v>
      </c>
      <c r="GE17" s="327">
        <v>240424</v>
      </c>
      <c r="GF17" s="328">
        <v>2368528</v>
      </c>
      <c r="GG17" s="334">
        <v>2557432</v>
      </c>
      <c r="GH17" s="333">
        <v>0</v>
      </c>
      <c r="GI17" s="327">
        <v>0</v>
      </c>
      <c r="GJ17" s="331">
        <v>0</v>
      </c>
      <c r="GK17" s="332">
        <v>0</v>
      </c>
      <c r="GL17" s="327">
        <v>0</v>
      </c>
      <c r="GM17" s="327">
        <v>22176</v>
      </c>
      <c r="GN17" s="327">
        <v>24147</v>
      </c>
      <c r="GO17" s="327">
        <v>0</v>
      </c>
      <c r="GP17" s="327">
        <v>55528</v>
      </c>
      <c r="GQ17" s="328">
        <v>101851</v>
      </c>
      <c r="GR17" s="330">
        <v>101851</v>
      </c>
      <c r="GS17" s="326">
        <v>0</v>
      </c>
      <c r="GT17" s="327">
        <v>0</v>
      </c>
      <c r="GU17" s="328">
        <v>0</v>
      </c>
      <c r="GV17" s="326">
        <v>0</v>
      </c>
      <c r="GW17" s="327">
        <v>111040</v>
      </c>
      <c r="GX17" s="327">
        <v>0</v>
      </c>
      <c r="GY17" s="327">
        <v>49600</v>
      </c>
      <c r="GZ17" s="327">
        <v>0</v>
      </c>
      <c r="HA17" s="327">
        <v>0</v>
      </c>
      <c r="HB17" s="331">
        <v>160640</v>
      </c>
      <c r="HC17" s="330">
        <v>160640</v>
      </c>
      <c r="HD17" s="326">
        <v>53587</v>
      </c>
      <c r="HE17" s="327">
        <v>98162</v>
      </c>
      <c r="HF17" s="331">
        <v>151749</v>
      </c>
      <c r="HG17" s="332">
        <v>0</v>
      </c>
      <c r="HH17" s="327">
        <v>1997883</v>
      </c>
      <c r="HI17" s="327">
        <v>2021298</v>
      </c>
      <c r="HJ17" s="327">
        <v>3308418</v>
      </c>
      <c r="HK17" s="327">
        <v>2398896</v>
      </c>
      <c r="HL17" s="327">
        <v>824036</v>
      </c>
      <c r="HM17" s="328">
        <v>10550531</v>
      </c>
      <c r="HN17" s="329">
        <v>10702280</v>
      </c>
      <c r="HO17" s="333">
        <v>0</v>
      </c>
      <c r="HP17" s="327">
        <v>0</v>
      </c>
      <c r="HQ17" s="328">
        <v>0</v>
      </c>
      <c r="HR17" s="326">
        <v>0</v>
      </c>
      <c r="HS17" s="327">
        <v>0</v>
      </c>
      <c r="HT17" s="327">
        <v>0</v>
      </c>
      <c r="HU17" s="327">
        <v>0</v>
      </c>
      <c r="HV17" s="327">
        <v>0</v>
      </c>
      <c r="HW17" s="327">
        <v>0</v>
      </c>
      <c r="HX17" s="331">
        <v>0</v>
      </c>
      <c r="HY17" s="330">
        <v>0</v>
      </c>
      <c r="HZ17" s="335">
        <v>0</v>
      </c>
      <c r="IA17" s="336">
        <v>0</v>
      </c>
      <c r="IB17" s="337">
        <v>0</v>
      </c>
      <c r="IC17" s="338">
        <v>0</v>
      </c>
      <c r="ID17" s="336">
        <v>1766352</v>
      </c>
      <c r="IE17" s="339">
        <v>1975562</v>
      </c>
      <c r="IF17" s="337">
        <v>1884370</v>
      </c>
      <c r="IG17" s="336">
        <v>1069052</v>
      </c>
      <c r="IH17" s="337">
        <v>357205</v>
      </c>
      <c r="II17" s="340">
        <v>7052541</v>
      </c>
      <c r="IJ17" s="341">
        <v>7052541</v>
      </c>
      <c r="IK17" s="342">
        <v>0</v>
      </c>
      <c r="IL17" s="343">
        <v>0</v>
      </c>
      <c r="IM17" s="344">
        <v>0</v>
      </c>
      <c r="IN17" s="404">
        <v>0</v>
      </c>
      <c r="IO17" s="345">
        <v>162886</v>
      </c>
      <c r="IP17" s="345">
        <v>0</v>
      </c>
      <c r="IQ17" s="345">
        <v>0</v>
      </c>
      <c r="IR17" s="345">
        <v>0</v>
      </c>
      <c r="IS17" s="345">
        <v>0</v>
      </c>
      <c r="IT17" s="346">
        <v>162886</v>
      </c>
      <c r="IU17" s="347">
        <v>162886</v>
      </c>
      <c r="IV17" s="348">
        <v>0</v>
      </c>
      <c r="IW17" s="345">
        <v>0</v>
      </c>
      <c r="IX17" s="349">
        <v>0</v>
      </c>
      <c r="IY17" s="404">
        <v>0</v>
      </c>
      <c r="IZ17" s="345">
        <v>0</v>
      </c>
      <c r="JA17" s="345">
        <v>0</v>
      </c>
      <c r="JB17" s="345">
        <v>0</v>
      </c>
      <c r="JC17" s="345">
        <v>0</v>
      </c>
      <c r="JD17" s="345">
        <v>0</v>
      </c>
      <c r="JE17" s="349">
        <v>0</v>
      </c>
      <c r="JF17" s="350">
        <v>0</v>
      </c>
      <c r="JG17" s="348">
        <v>0</v>
      </c>
      <c r="JH17" s="345">
        <v>0</v>
      </c>
      <c r="JI17" s="346">
        <v>0</v>
      </c>
      <c r="JJ17" s="351">
        <v>0</v>
      </c>
      <c r="JK17" s="345">
        <v>1115998</v>
      </c>
      <c r="JL17" s="345">
        <v>331074</v>
      </c>
      <c r="JM17" s="345">
        <v>329756</v>
      </c>
      <c r="JN17" s="345">
        <v>266805</v>
      </c>
      <c r="JO17" s="345">
        <v>0</v>
      </c>
      <c r="JP17" s="349">
        <v>2043633</v>
      </c>
      <c r="JQ17" s="347">
        <v>2043633</v>
      </c>
      <c r="JR17" s="348">
        <v>0</v>
      </c>
      <c r="JS17" s="345">
        <v>0</v>
      </c>
      <c r="JT17" s="346">
        <v>0</v>
      </c>
      <c r="JU17" s="351">
        <v>0</v>
      </c>
      <c r="JV17" s="345">
        <v>78474</v>
      </c>
      <c r="JW17" s="345">
        <v>77208</v>
      </c>
      <c r="JX17" s="345">
        <v>239771</v>
      </c>
      <c r="JY17" s="345">
        <v>0</v>
      </c>
      <c r="JZ17" s="345">
        <v>0</v>
      </c>
      <c r="KA17" s="349">
        <v>395453</v>
      </c>
      <c r="KB17" s="347">
        <v>395453</v>
      </c>
      <c r="KC17" s="352">
        <v>0</v>
      </c>
      <c r="KD17" s="353">
        <v>0</v>
      </c>
      <c r="KE17" s="349">
        <v>0</v>
      </c>
      <c r="KF17" s="351">
        <v>0</v>
      </c>
      <c r="KG17" s="345">
        <v>116834</v>
      </c>
      <c r="KH17" s="345">
        <v>337927</v>
      </c>
      <c r="KI17" s="345">
        <v>490886</v>
      </c>
      <c r="KJ17" s="345">
        <v>0</v>
      </c>
      <c r="KK17" s="345">
        <v>0</v>
      </c>
      <c r="KL17" s="349">
        <v>945647</v>
      </c>
      <c r="KM17" s="354">
        <v>945647</v>
      </c>
      <c r="KN17" s="342">
        <v>0</v>
      </c>
      <c r="KO17" s="343">
        <v>0</v>
      </c>
      <c r="KP17" s="344">
        <v>0</v>
      </c>
      <c r="KQ17" s="404">
        <v>0</v>
      </c>
      <c r="KR17" s="345">
        <v>143524</v>
      </c>
      <c r="KS17" s="345">
        <v>1032541</v>
      </c>
      <c r="KT17" s="345">
        <v>267712</v>
      </c>
      <c r="KU17" s="345">
        <v>802247</v>
      </c>
      <c r="KV17" s="345">
        <v>0</v>
      </c>
      <c r="KW17" s="349">
        <v>2246024</v>
      </c>
      <c r="KX17" s="347">
        <v>2246024</v>
      </c>
      <c r="KY17" s="348">
        <v>0</v>
      </c>
      <c r="KZ17" s="345">
        <v>0</v>
      </c>
      <c r="LA17" s="349">
        <v>0</v>
      </c>
      <c r="LB17" s="404">
        <v>0</v>
      </c>
      <c r="LC17" s="345">
        <v>0</v>
      </c>
      <c r="LD17" s="345">
        <v>0</v>
      </c>
      <c r="LE17" s="345">
        <v>0</v>
      </c>
      <c r="LF17" s="345">
        <v>0</v>
      </c>
      <c r="LG17" s="345">
        <v>0</v>
      </c>
      <c r="LH17" s="349">
        <v>0</v>
      </c>
      <c r="LI17" s="350">
        <v>0</v>
      </c>
      <c r="LJ17" s="348">
        <v>0</v>
      </c>
      <c r="LK17" s="345">
        <v>0</v>
      </c>
      <c r="LL17" s="349">
        <v>0</v>
      </c>
      <c r="LM17" s="404">
        <v>0</v>
      </c>
      <c r="LN17" s="345">
        <v>0</v>
      </c>
      <c r="LO17" s="345">
        <v>0</v>
      </c>
      <c r="LP17" s="345">
        <v>0</v>
      </c>
      <c r="LQ17" s="345">
        <v>0</v>
      </c>
      <c r="LR17" s="345">
        <v>0</v>
      </c>
      <c r="LS17" s="349">
        <v>0</v>
      </c>
      <c r="LT17" s="347">
        <v>0</v>
      </c>
      <c r="LU17" s="348">
        <v>0</v>
      </c>
      <c r="LV17" s="345">
        <v>0</v>
      </c>
      <c r="LW17" s="349">
        <v>0</v>
      </c>
      <c r="LX17" s="404">
        <v>0</v>
      </c>
      <c r="LY17" s="345">
        <v>148636</v>
      </c>
      <c r="LZ17" s="345">
        <v>196812</v>
      </c>
      <c r="MA17" s="345">
        <v>556245</v>
      </c>
      <c r="MB17" s="345">
        <v>0</v>
      </c>
      <c r="MC17" s="345">
        <v>357205</v>
      </c>
      <c r="MD17" s="349">
        <v>1258898</v>
      </c>
      <c r="ME17" s="350">
        <v>1258898</v>
      </c>
      <c r="MF17" s="348">
        <v>0</v>
      </c>
      <c r="MG17" s="345">
        <v>0</v>
      </c>
      <c r="MH17" s="349">
        <v>0</v>
      </c>
      <c r="MI17" s="404">
        <v>0</v>
      </c>
      <c r="MJ17" s="345">
        <v>507215</v>
      </c>
      <c r="MK17" s="345">
        <v>886653</v>
      </c>
      <c r="ML17" s="345">
        <v>3220684</v>
      </c>
      <c r="MM17" s="345">
        <v>4056171</v>
      </c>
      <c r="MN17" s="345">
        <v>3293766</v>
      </c>
      <c r="MO17" s="349">
        <v>11964489</v>
      </c>
      <c r="MP17" s="354">
        <v>11964489</v>
      </c>
      <c r="MQ17" s="348">
        <v>0</v>
      </c>
      <c r="MR17" s="345">
        <v>0</v>
      </c>
      <c r="MS17" s="349">
        <v>0</v>
      </c>
      <c r="MT17" s="404">
        <v>0</v>
      </c>
      <c r="MU17" s="345">
        <v>218319</v>
      </c>
      <c r="MV17" s="345">
        <v>0</v>
      </c>
      <c r="MW17" s="345">
        <v>1209371</v>
      </c>
      <c r="MX17" s="345">
        <v>3138233</v>
      </c>
      <c r="MY17" s="345">
        <v>1430340</v>
      </c>
      <c r="MZ17" s="349">
        <v>5996263</v>
      </c>
      <c r="NA17" s="354">
        <v>5996263</v>
      </c>
      <c r="NB17" s="348">
        <v>0</v>
      </c>
      <c r="NC17" s="345">
        <v>0</v>
      </c>
      <c r="ND17" s="349">
        <v>0</v>
      </c>
      <c r="NE17" s="404">
        <v>0</v>
      </c>
      <c r="NF17" s="345">
        <v>288896</v>
      </c>
      <c r="NG17" s="345">
        <v>550085</v>
      </c>
      <c r="NH17" s="345">
        <v>2011313</v>
      </c>
      <c r="NI17" s="345">
        <v>584404</v>
      </c>
      <c r="NJ17" s="345">
        <v>1553400</v>
      </c>
      <c r="NK17" s="349">
        <v>4988098</v>
      </c>
      <c r="NL17" s="347">
        <v>4988098</v>
      </c>
      <c r="NM17" s="348">
        <v>0</v>
      </c>
      <c r="NN17" s="345">
        <v>0</v>
      </c>
      <c r="NO17" s="349">
        <v>0</v>
      </c>
      <c r="NP17" s="404">
        <v>0</v>
      </c>
      <c r="NQ17" s="345">
        <v>0</v>
      </c>
      <c r="NR17" s="345">
        <v>0</v>
      </c>
      <c r="NS17" s="345">
        <v>0</v>
      </c>
      <c r="NT17" s="345">
        <v>0</v>
      </c>
      <c r="NU17" s="345">
        <v>0</v>
      </c>
      <c r="NV17" s="349">
        <v>0</v>
      </c>
      <c r="NW17" s="350">
        <v>0</v>
      </c>
      <c r="NX17" s="348">
        <v>0</v>
      </c>
      <c r="NY17" s="345">
        <v>0</v>
      </c>
      <c r="NZ17" s="349">
        <v>0</v>
      </c>
      <c r="OA17" s="404">
        <v>0</v>
      </c>
      <c r="OB17" s="345">
        <v>0</v>
      </c>
      <c r="OC17" s="345">
        <v>336568</v>
      </c>
      <c r="OD17" s="345">
        <v>0</v>
      </c>
      <c r="OE17" s="345">
        <v>333534</v>
      </c>
      <c r="OF17" s="345">
        <v>310026</v>
      </c>
      <c r="OG17" s="349">
        <v>980128</v>
      </c>
      <c r="OH17" s="350">
        <v>980128</v>
      </c>
      <c r="OI17" s="348">
        <v>446151</v>
      </c>
      <c r="OJ17" s="345">
        <v>639334</v>
      </c>
      <c r="OK17" s="346">
        <v>1085485</v>
      </c>
      <c r="OL17" s="351">
        <v>0</v>
      </c>
      <c r="OM17" s="345">
        <v>9605343</v>
      </c>
      <c r="ON17" s="345">
        <v>10910254</v>
      </c>
      <c r="OO17" s="345">
        <v>13284942</v>
      </c>
      <c r="OP17" s="345">
        <v>12057084</v>
      </c>
      <c r="OQ17" s="345">
        <v>6529735</v>
      </c>
      <c r="OR17" s="349">
        <v>52387358</v>
      </c>
      <c r="OS17" s="354">
        <v>53472843</v>
      </c>
    </row>
    <row r="18" spans="2:409" s="70" customFormat="1" ht="21" customHeight="1" x14ac:dyDescent="0.2">
      <c r="B18" s="410" t="s">
        <v>12</v>
      </c>
      <c r="C18" s="326">
        <v>942184</v>
      </c>
      <c r="D18" s="327">
        <v>3319202</v>
      </c>
      <c r="E18" s="328">
        <v>4261386</v>
      </c>
      <c r="F18" s="329">
        <v>0</v>
      </c>
      <c r="G18" s="327">
        <v>7735482</v>
      </c>
      <c r="H18" s="366">
        <v>13914687</v>
      </c>
      <c r="I18" s="366">
        <v>8900238</v>
      </c>
      <c r="J18" s="366">
        <v>8955020</v>
      </c>
      <c r="K18" s="366">
        <v>4764206</v>
      </c>
      <c r="L18" s="331">
        <v>44269633</v>
      </c>
      <c r="M18" s="330">
        <v>48531019</v>
      </c>
      <c r="N18" s="326">
        <v>309620</v>
      </c>
      <c r="O18" s="327">
        <v>945506</v>
      </c>
      <c r="P18" s="328">
        <v>1255126</v>
      </c>
      <c r="Q18" s="326">
        <v>0</v>
      </c>
      <c r="R18" s="327">
        <v>2081941</v>
      </c>
      <c r="S18" s="327">
        <v>5230455</v>
      </c>
      <c r="T18" s="327">
        <v>2648497</v>
      </c>
      <c r="U18" s="327">
        <v>4016661</v>
      </c>
      <c r="V18" s="327">
        <v>2231899</v>
      </c>
      <c r="W18" s="328">
        <v>16209453</v>
      </c>
      <c r="X18" s="330">
        <v>17464579</v>
      </c>
      <c r="Y18" s="326">
        <v>0</v>
      </c>
      <c r="Z18" s="327">
        <v>0</v>
      </c>
      <c r="AA18" s="328">
        <v>0</v>
      </c>
      <c r="AB18" s="326">
        <v>0</v>
      </c>
      <c r="AC18" s="327">
        <v>1161009</v>
      </c>
      <c r="AD18" s="327">
        <v>2844908</v>
      </c>
      <c r="AE18" s="327">
        <v>1385371</v>
      </c>
      <c r="AF18" s="327">
        <v>2858437</v>
      </c>
      <c r="AG18" s="327">
        <v>1333621</v>
      </c>
      <c r="AH18" s="328">
        <v>9583346</v>
      </c>
      <c r="AI18" s="330">
        <v>9583346</v>
      </c>
      <c r="AJ18" s="326">
        <v>0</v>
      </c>
      <c r="AK18" s="327">
        <v>0</v>
      </c>
      <c r="AL18" s="328">
        <v>0</v>
      </c>
      <c r="AM18" s="326">
        <v>0</v>
      </c>
      <c r="AN18" s="327">
        <v>0</v>
      </c>
      <c r="AO18" s="327">
        <v>0</v>
      </c>
      <c r="AP18" s="327">
        <v>179748</v>
      </c>
      <c r="AQ18" s="327">
        <v>61151</v>
      </c>
      <c r="AR18" s="327">
        <v>202939</v>
      </c>
      <c r="AS18" s="328">
        <v>443838</v>
      </c>
      <c r="AT18" s="330">
        <v>443838</v>
      </c>
      <c r="AU18" s="326">
        <v>244060</v>
      </c>
      <c r="AV18" s="327">
        <v>702761</v>
      </c>
      <c r="AW18" s="328">
        <v>946821</v>
      </c>
      <c r="AX18" s="326">
        <v>0</v>
      </c>
      <c r="AY18" s="327">
        <v>585034</v>
      </c>
      <c r="AZ18" s="327">
        <v>1699514</v>
      </c>
      <c r="BA18" s="327">
        <v>714385</v>
      </c>
      <c r="BB18" s="327">
        <v>535403</v>
      </c>
      <c r="BC18" s="327">
        <v>440755</v>
      </c>
      <c r="BD18" s="328">
        <v>3975091</v>
      </c>
      <c r="BE18" s="330">
        <v>4921912</v>
      </c>
      <c r="BF18" s="326">
        <v>0</v>
      </c>
      <c r="BG18" s="327">
        <v>63017</v>
      </c>
      <c r="BH18" s="331">
        <v>63017</v>
      </c>
      <c r="BI18" s="332">
        <v>0</v>
      </c>
      <c r="BJ18" s="327">
        <v>27218</v>
      </c>
      <c r="BK18" s="327">
        <v>127921</v>
      </c>
      <c r="BL18" s="327">
        <v>28737</v>
      </c>
      <c r="BM18" s="327">
        <v>55158</v>
      </c>
      <c r="BN18" s="327">
        <v>0</v>
      </c>
      <c r="BO18" s="328">
        <v>239034</v>
      </c>
      <c r="BP18" s="330">
        <v>302051</v>
      </c>
      <c r="BQ18" s="326">
        <v>65560</v>
      </c>
      <c r="BR18" s="327">
        <v>179728</v>
      </c>
      <c r="BS18" s="328">
        <v>245288</v>
      </c>
      <c r="BT18" s="326">
        <v>0</v>
      </c>
      <c r="BU18" s="327">
        <v>308680</v>
      </c>
      <c r="BV18" s="327">
        <v>558112</v>
      </c>
      <c r="BW18" s="327">
        <v>340256</v>
      </c>
      <c r="BX18" s="327">
        <v>506512</v>
      </c>
      <c r="BY18" s="327">
        <v>254584</v>
      </c>
      <c r="BZ18" s="328">
        <v>1968144</v>
      </c>
      <c r="CA18" s="330">
        <v>2213432</v>
      </c>
      <c r="CB18" s="326">
        <v>243072</v>
      </c>
      <c r="CC18" s="327">
        <v>595405</v>
      </c>
      <c r="CD18" s="328">
        <v>838477</v>
      </c>
      <c r="CE18" s="326">
        <v>0</v>
      </c>
      <c r="CF18" s="327">
        <v>2631844</v>
      </c>
      <c r="CG18" s="327">
        <v>3784211</v>
      </c>
      <c r="CH18" s="327">
        <v>3111471</v>
      </c>
      <c r="CI18" s="327">
        <v>1057797</v>
      </c>
      <c r="CJ18" s="327">
        <v>172868</v>
      </c>
      <c r="CK18" s="328">
        <v>10758191</v>
      </c>
      <c r="CL18" s="330">
        <v>11596668</v>
      </c>
      <c r="CM18" s="326">
        <v>0</v>
      </c>
      <c r="CN18" s="327">
        <v>0</v>
      </c>
      <c r="CO18" s="328">
        <v>0</v>
      </c>
      <c r="CP18" s="332">
        <v>0</v>
      </c>
      <c r="CQ18" s="327">
        <v>2202104</v>
      </c>
      <c r="CR18" s="327">
        <v>2588740</v>
      </c>
      <c r="CS18" s="327">
        <v>2231571</v>
      </c>
      <c r="CT18" s="327">
        <v>740891</v>
      </c>
      <c r="CU18" s="327">
        <v>136484</v>
      </c>
      <c r="CV18" s="328">
        <v>7899790</v>
      </c>
      <c r="CW18" s="330">
        <v>7899790</v>
      </c>
      <c r="CX18" s="326">
        <v>243072</v>
      </c>
      <c r="CY18" s="327">
        <v>595405</v>
      </c>
      <c r="CZ18" s="328">
        <v>838477</v>
      </c>
      <c r="DA18" s="326">
        <v>0</v>
      </c>
      <c r="DB18" s="327">
        <v>429740</v>
      </c>
      <c r="DC18" s="327">
        <v>1195471</v>
      </c>
      <c r="DD18" s="327">
        <v>879900</v>
      </c>
      <c r="DE18" s="327">
        <v>316906</v>
      </c>
      <c r="DF18" s="327">
        <v>36384</v>
      </c>
      <c r="DG18" s="328">
        <v>2858401</v>
      </c>
      <c r="DH18" s="330">
        <v>3696878</v>
      </c>
      <c r="DI18" s="326">
        <v>0</v>
      </c>
      <c r="DJ18" s="327">
        <v>70856</v>
      </c>
      <c r="DK18" s="331">
        <v>70856</v>
      </c>
      <c r="DL18" s="332">
        <v>0</v>
      </c>
      <c r="DM18" s="327">
        <v>248954</v>
      </c>
      <c r="DN18" s="327">
        <v>545649</v>
      </c>
      <c r="DO18" s="327">
        <v>617687</v>
      </c>
      <c r="DP18" s="327">
        <v>1019886</v>
      </c>
      <c r="DQ18" s="327">
        <v>799120</v>
      </c>
      <c r="DR18" s="328">
        <v>3231296</v>
      </c>
      <c r="DS18" s="330">
        <v>3302152</v>
      </c>
      <c r="DT18" s="326">
        <v>0</v>
      </c>
      <c r="DU18" s="327">
        <v>70856</v>
      </c>
      <c r="DV18" s="328">
        <v>70856</v>
      </c>
      <c r="DW18" s="326">
        <v>0</v>
      </c>
      <c r="DX18" s="327">
        <v>248954</v>
      </c>
      <c r="DY18" s="327">
        <v>545649</v>
      </c>
      <c r="DZ18" s="327">
        <v>586430</v>
      </c>
      <c r="EA18" s="327">
        <v>931494</v>
      </c>
      <c r="EB18" s="327">
        <v>799120</v>
      </c>
      <c r="EC18" s="328">
        <v>3111647</v>
      </c>
      <c r="ED18" s="330">
        <v>3182503</v>
      </c>
      <c r="EE18" s="326">
        <v>0</v>
      </c>
      <c r="EF18" s="331">
        <v>0</v>
      </c>
      <c r="EG18" s="328">
        <v>0</v>
      </c>
      <c r="EH18" s="326">
        <v>0</v>
      </c>
      <c r="EI18" s="327">
        <v>0</v>
      </c>
      <c r="EJ18" s="327">
        <v>0</v>
      </c>
      <c r="EK18" s="327">
        <v>31257</v>
      </c>
      <c r="EL18" s="327">
        <v>88392</v>
      </c>
      <c r="EM18" s="327">
        <v>0</v>
      </c>
      <c r="EN18" s="331">
        <v>119649</v>
      </c>
      <c r="EO18" s="330">
        <v>119649</v>
      </c>
      <c r="EP18" s="326">
        <v>0</v>
      </c>
      <c r="EQ18" s="327">
        <v>0</v>
      </c>
      <c r="ER18" s="331">
        <v>0</v>
      </c>
      <c r="ES18" s="332">
        <v>0</v>
      </c>
      <c r="ET18" s="327">
        <v>0</v>
      </c>
      <c r="EU18" s="327">
        <v>0</v>
      </c>
      <c r="EV18" s="327">
        <v>0</v>
      </c>
      <c r="EW18" s="327">
        <v>0</v>
      </c>
      <c r="EX18" s="327">
        <v>0</v>
      </c>
      <c r="EY18" s="328">
        <v>0</v>
      </c>
      <c r="EZ18" s="330">
        <v>0</v>
      </c>
      <c r="FA18" s="326">
        <v>0</v>
      </c>
      <c r="FB18" s="327">
        <v>0</v>
      </c>
      <c r="FC18" s="331">
        <v>0</v>
      </c>
      <c r="FD18" s="332">
        <v>0</v>
      </c>
      <c r="FE18" s="327">
        <v>0</v>
      </c>
      <c r="FF18" s="327">
        <v>0</v>
      </c>
      <c r="FG18" s="327">
        <v>0</v>
      </c>
      <c r="FH18" s="327">
        <v>0</v>
      </c>
      <c r="FI18" s="327">
        <v>0</v>
      </c>
      <c r="FJ18" s="328">
        <v>0</v>
      </c>
      <c r="FK18" s="330">
        <v>0</v>
      </c>
      <c r="FL18" s="326">
        <v>143563</v>
      </c>
      <c r="FM18" s="327">
        <v>828079</v>
      </c>
      <c r="FN18" s="328">
        <v>971642</v>
      </c>
      <c r="FO18" s="326">
        <v>0</v>
      </c>
      <c r="FP18" s="327">
        <v>503328</v>
      </c>
      <c r="FQ18" s="327">
        <v>1621115</v>
      </c>
      <c r="FR18" s="327">
        <v>871840</v>
      </c>
      <c r="FS18" s="327">
        <v>1018336</v>
      </c>
      <c r="FT18" s="327">
        <v>328160</v>
      </c>
      <c r="FU18" s="328">
        <v>4342779</v>
      </c>
      <c r="FV18" s="330">
        <v>5314421</v>
      </c>
      <c r="FW18" s="333">
        <v>120120</v>
      </c>
      <c r="FX18" s="327">
        <v>329256</v>
      </c>
      <c r="FY18" s="331">
        <v>449376</v>
      </c>
      <c r="FZ18" s="332">
        <v>0</v>
      </c>
      <c r="GA18" s="327">
        <v>256848</v>
      </c>
      <c r="GB18" s="327">
        <v>1297448</v>
      </c>
      <c r="GC18" s="327">
        <v>798576</v>
      </c>
      <c r="GD18" s="327">
        <v>1018336</v>
      </c>
      <c r="GE18" s="327">
        <v>328160</v>
      </c>
      <c r="GF18" s="328">
        <v>3699368</v>
      </c>
      <c r="GG18" s="334">
        <v>4148744</v>
      </c>
      <c r="GH18" s="333">
        <v>23443</v>
      </c>
      <c r="GI18" s="327">
        <v>71368</v>
      </c>
      <c r="GJ18" s="331">
        <v>94811</v>
      </c>
      <c r="GK18" s="332">
        <v>0</v>
      </c>
      <c r="GL18" s="327">
        <v>0</v>
      </c>
      <c r="GM18" s="327">
        <v>82067</v>
      </c>
      <c r="GN18" s="327">
        <v>50864</v>
      </c>
      <c r="GO18" s="327">
        <v>0</v>
      </c>
      <c r="GP18" s="327">
        <v>0</v>
      </c>
      <c r="GQ18" s="328">
        <v>132931</v>
      </c>
      <c r="GR18" s="330">
        <v>227742</v>
      </c>
      <c r="GS18" s="326">
        <v>0</v>
      </c>
      <c r="GT18" s="327">
        <v>427455</v>
      </c>
      <c r="GU18" s="328">
        <v>427455</v>
      </c>
      <c r="GV18" s="326">
        <v>0</v>
      </c>
      <c r="GW18" s="327">
        <v>246480</v>
      </c>
      <c r="GX18" s="327">
        <v>241600</v>
      </c>
      <c r="GY18" s="327">
        <v>22400</v>
      </c>
      <c r="GZ18" s="327">
        <v>0</v>
      </c>
      <c r="HA18" s="327">
        <v>0</v>
      </c>
      <c r="HB18" s="331">
        <v>510480</v>
      </c>
      <c r="HC18" s="330">
        <v>937935</v>
      </c>
      <c r="HD18" s="326">
        <v>245929</v>
      </c>
      <c r="HE18" s="327">
        <v>879356</v>
      </c>
      <c r="HF18" s="331">
        <v>1125285</v>
      </c>
      <c r="HG18" s="332">
        <v>0</v>
      </c>
      <c r="HH18" s="327">
        <v>2269415</v>
      </c>
      <c r="HI18" s="327">
        <v>2733257</v>
      </c>
      <c r="HJ18" s="327">
        <v>1650743</v>
      </c>
      <c r="HK18" s="327">
        <v>1842340</v>
      </c>
      <c r="HL18" s="327">
        <v>1232159</v>
      </c>
      <c r="HM18" s="328">
        <v>9727914</v>
      </c>
      <c r="HN18" s="329">
        <v>10853199</v>
      </c>
      <c r="HO18" s="333">
        <v>0</v>
      </c>
      <c r="HP18" s="327">
        <v>0</v>
      </c>
      <c r="HQ18" s="328">
        <v>0</v>
      </c>
      <c r="HR18" s="326">
        <v>0</v>
      </c>
      <c r="HS18" s="327">
        <v>0</v>
      </c>
      <c r="HT18" s="327">
        <v>0</v>
      </c>
      <c r="HU18" s="327">
        <v>0</v>
      </c>
      <c r="HV18" s="327">
        <v>0</v>
      </c>
      <c r="HW18" s="327">
        <v>0</v>
      </c>
      <c r="HX18" s="331">
        <v>0</v>
      </c>
      <c r="HY18" s="330">
        <v>0</v>
      </c>
      <c r="HZ18" s="358">
        <v>0</v>
      </c>
      <c r="IA18" s="356">
        <v>0</v>
      </c>
      <c r="IB18" s="358">
        <v>0</v>
      </c>
      <c r="IC18" s="355">
        <v>0</v>
      </c>
      <c r="ID18" s="356">
        <v>2104118</v>
      </c>
      <c r="IE18" s="357">
        <v>1930505</v>
      </c>
      <c r="IF18" s="358">
        <v>2345727</v>
      </c>
      <c r="IG18" s="356">
        <v>3704927</v>
      </c>
      <c r="IH18" s="358">
        <v>1544176</v>
      </c>
      <c r="II18" s="359">
        <v>11629453</v>
      </c>
      <c r="IJ18" s="358">
        <v>11629453</v>
      </c>
      <c r="IK18" s="342">
        <v>0</v>
      </c>
      <c r="IL18" s="343">
        <v>0</v>
      </c>
      <c r="IM18" s="344">
        <v>0</v>
      </c>
      <c r="IN18" s="404">
        <v>0</v>
      </c>
      <c r="IO18" s="345">
        <v>0</v>
      </c>
      <c r="IP18" s="345">
        <v>0</v>
      </c>
      <c r="IQ18" s="345">
        <v>0</v>
      </c>
      <c r="IR18" s="345">
        <v>0</v>
      </c>
      <c r="IS18" s="345">
        <v>0</v>
      </c>
      <c r="IT18" s="346">
        <v>0</v>
      </c>
      <c r="IU18" s="347">
        <v>0</v>
      </c>
      <c r="IV18" s="348">
        <v>0</v>
      </c>
      <c r="IW18" s="345">
        <v>0</v>
      </c>
      <c r="IX18" s="349">
        <v>0</v>
      </c>
      <c r="IY18" s="404">
        <v>0</v>
      </c>
      <c r="IZ18" s="345">
        <v>0</v>
      </c>
      <c r="JA18" s="345">
        <v>0</v>
      </c>
      <c r="JB18" s="345">
        <v>0</v>
      </c>
      <c r="JC18" s="345">
        <v>0</v>
      </c>
      <c r="JD18" s="345">
        <v>0</v>
      </c>
      <c r="JE18" s="349">
        <v>0</v>
      </c>
      <c r="JF18" s="350">
        <v>0</v>
      </c>
      <c r="JG18" s="348">
        <v>0</v>
      </c>
      <c r="JH18" s="345">
        <v>0</v>
      </c>
      <c r="JI18" s="346">
        <v>0</v>
      </c>
      <c r="JJ18" s="351">
        <v>0</v>
      </c>
      <c r="JK18" s="345">
        <v>1099644</v>
      </c>
      <c r="JL18" s="345">
        <v>1054336</v>
      </c>
      <c r="JM18" s="345">
        <v>669198</v>
      </c>
      <c r="JN18" s="345">
        <v>756330</v>
      </c>
      <c r="JO18" s="345">
        <v>26208</v>
      </c>
      <c r="JP18" s="349">
        <v>3605716</v>
      </c>
      <c r="JQ18" s="347">
        <v>3605716</v>
      </c>
      <c r="JR18" s="348">
        <v>0</v>
      </c>
      <c r="JS18" s="345">
        <v>0</v>
      </c>
      <c r="JT18" s="346">
        <v>0</v>
      </c>
      <c r="JU18" s="351">
        <v>0</v>
      </c>
      <c r="JV18" s="345">
        <v>0</v>
      </c>
      <c r="JW18" s="345">
        <v>0</v>
      </c>
      <c r="JX18" s="345">
        <v>0</v>
      </c>
      <c r="JY18" s="345">
        <v>0</v>
      </c>
      <c r="JZ18" s="345">
        <v>0</v>
      </c>
      <c r="KA18" s="349">
        <v>0</v>
      </c>
      <c r="KB18" s="347">
        <v>0</v>
      </c>
      <c r="KC18" s="352">
        <v>0</v>
      </c>
      <c r="KD18" s="353">
        <v>0</v>
      </c>
      <c r="KE18" s="349">
        <v>0</v>
      </c>
      <c r="KF18" s="351">
        <v>0</v>
      </c>
      <c r="KG18" s="345">
        <v>269048</v>
      </c>
      <c r="KH18" s="345">
        <v>180776</v>
      </c>
      <c r="KI18" s="345">
        <v>1355165</v>
      </c>
      <c r="KJ18" s="345">
        <v>1104767</v>
      </c>
      <c r="KK18" s="345">
        <v>673687</v>
      </c>
      <c r="KL18" s="349">
        <v>3583443</v>
      </c>
      <c r="KM18" s="354">
        <v>3583443</v>
      </c>
      <c r="KN18" s="342">
        <v>0</v>
      </c>
      <c r="KO18" s="343">
        <v>0</v>
      </c>
      <c r="KP18" s="344">
        <v>0</v>
      </c>
      <c r="KQ18" s="404">
        <v>0</v>
      </c>
      <c r="KR18" s="345">
        <v>735426</v>
      </c>
      <c r="KS18" s="345">
        <v>0</v>
      </c>
      <c r="KT18" s="345">
        <v>321364</v>
      </c>
      <c r="KU18" s="345">
        <v>265354</v>
      </c>
      <c r="KV18" s="345">
        <v>272476</v>
      </c>
      <c r="KW18" s="349">
        <v>1594620</v>
      </c>
      <c r="KX18" s="347">
        <v>1594620</v>
      </c>
      <c r="KY18" s="348">
        <v>0</v>
      </c>
      <c r="KZ18" s="345">
        <v>0</v>
      </c>
      <c r="LA18" s="349">
        <v>0</v>
      </c>
      <c r="LB18" s="404">
        <v>0</v>
      </c>
      <c r="LC18" s="345">
        <v>0</v>
      </c>
      <c r="LD18" s="345">
        <v>489576</v>
      </c>
      <c r="LE18" s="345">
        <v>0</v>
      </c>
      <c r="LF18" s="345">
        <v>695064</v>
      </c>
      <c r="LG18" s="345">
        <v>252153</v>
      </c>
      <c r="LH18" s="349">
        <v>1436793</v>
      </c>
      <c r="LI18" s="350">
        <v>1436793</v>
      </c>
      <c r="LJ18" s="348">
        <v>0</v>
      </c>
      <c r="LK18" s="345">
        <v>0</v>
      </c>
      <c r="LL18" s="349">
        <v>0</v>
      </c>
      <c r="LM18" s="404">
        <v>0</v>
      </c>
      <c r="LN18" s="345">
        <v>0</v>
      </c>
      <c r="LO18" s="345">
        <v>0</v>
      </c>
      <c r="LP18" s="345">
        <v>0</v>
      </c>
      <c r="LQ18" s="345">
        <v>298969</v>
      </c>
      <c r="LR18" s="345">
        <v>319652</v>
      </c>
      <c r="LS18" s="349">
        <v>618621</v>
      </c>
      <c r="LT18" s="347">
        <v>618621</v>
      </c>
      <c r="LU18" s="348">
        <v>0</v>
      </c>
      <c r="LV18" s="345">
        <v>0</v>
      </c>
      <c r="LW18" s="349">
        <v>0</v>
      </c>
      <c r="LX18" s="404">
        <v>0</v>
      </c>
      <c r="LY18" s="345">
        <v>0</v>
      </c>
      <c r="LZ18" s="345">
        <v>205817</v>
      </c>
      <c r="MA18" s="345">
        <v>0</v>
      </c>
      <c r="MB18" s="345">
        <v>584443</v>
      </c>
      <c r="MC18" s="345">
        <v>0</v>
      </c>
      <c r="MD18" s="349">
        <v>790260</v>
      </c>
      <c r="ME18" s="350">
        <v>790260</v>
      </c>
      <c r="MF18" s="348">
        <v>0</v>
      </c>
      <c r="MG18" s="345">
        <v>0</v>
      </c>
      <c r="MH18" s="349">
        <v>0</v>
      </c>
      <c r="MI18" s="404">
        <v>0</v>
      </c>
      <c r="MJ18" s="345">
        <v>298627</v>
      </c>
      <c r="MK18" s="345">
        <v>1130225</v>
      </c>
      <c r="ML18" s="345">
        <v>3762837</v>
      </c>
      <c r="MM18" s="345">
        <v>5124624</v>
      </c>
      <c r="MN18" s="345">
        <v>2885593</v>
      </c>
      <c r="MO18" s="349">
        <v>13201906</v>
      </c>
      <c r="MP18" s="354">
        <v>13201906</v>
      </c>
      <c r="MQ18" s="348">
        <v>0</v>
      </c>
      <c r="MR18" s="345">
        <v>0</v>
      </c>
      <c r="MS18" s="349">
        <v>0</v>
      </c>
      <c r="MT18" s="404">
        <v>0</v>
      </c>
      <c r="MU18" s="345">
        <v>0</v>
      </c>
      <c r="MV18" s="345">
        <v>125224</v>
      </c>
      <c r="MW18" s="345">
        <v>1037597</v>
      </c>
      <c r="MX18" s="345">
        <v>2861979</v>
      </c>
      <c r="MY18" s="345">
        <v>1803111</v>
      </c>
      <c r="MZ18" s="349">
        <v>5827911</v>
      </c>
      <c r="NA18" s="354">
        <v>5827911</v>
      </c>
      <c r="NB18" s="348">
        <v>0</v>
      </c>
      <c r="NC18" s="345">
        <v>0</v>
      </c>
      <c r="ND18" s="349">
        <v>0</v>
      </c>
      <c r="NE18" s="404">
        <v>0</v>
      </c>
      <c r="NF18" s="345">
        <v>298627</v>
      </c>
      <c r="NG18" s="345">
        <v>1005001</v>
      </c>
      <c r="NH18" s="345">
        <v>2725240</v>
      </c>
      <c r="NI18" s="345">
        <v>2262645</v>
      </c>
      <c r="NJ18" s="345">
        <v>1082482</v>
      </c>
      <c r="NK18" s="349">
        <v>7373995</v>
      </c>
      <c r="NL18" s="347">
        <v>7373995</v>
      </c>
      <c r="NM18" s="348">
        <v>0</v>
      </c>
      <c r="NN18" s="345">
        <v>0</v>
      </c>
      <c r="NO18" s="349">
        <v>0</v>
      </c>
      <c r="NP18" s="404">
        <v>0</v>
      </c>
      <c r="NQ18" s="345">
        <v>0</v>
      </c>
      <c r="NR18" s="345">
        <v>0</v>
      </c>
      <c r="NS18" s="345">
        <v>0</v>
      </c>
      <c r="NT18" s="345">
        <v>0</v>
      </c>
      <c r="NU18" s="345">
        <v>0</v>
      </c>
      <c r="NV18" s="349">
        <v>0</v>
      </c>
      <c r="NW18" s="350">
        <v>0</v>
      </c>
      <c r="NX18" s="348">
        <v>0</v>
      </c>
      <c r="NY18" s="345">
        <v>0</v>
      </c>
      <c r="NZ18" s="349">
        <v>0</v>
      </c>
      <c r="OA18" s="404">
        <v>0</v>
      </c>
      <c r="OB18" s="345">
        <v>0</v>
      </c>
      <c r="OC18" s="345">
        <v>0</v>
      </c>
      <c r="OD18" s="345">
        <v>0</v>
      </c>
      <c r="OE18" s="345">
        <v>0</v>
      </c>
      <c r="OF18" s="345">
        <v>0</v>
      </c>
      <c r="OG18" s="349">
        <v>0</v>
      </c>
      <c r="OH18" s="350">
        <v>0</v>
      </c>
      <c r="OI18" s="348">
        <v>942184</v>
      </c>
      <c r="OJ18" s="345">
        <v>3319202</v>
      </c>
      <c r="OK18" s="346">
        <v>4261386</v>
      </c>
      <c r="OL18" s="351">
        <v>0</v>
      </c>
      <c r="OM18" s="345">
        <v>10138227</v>
      </c>
      <c r="ON18" s="345">
        <v>16975417</v>
      </c>
      <c r="OO18" s="345">
        <v>15008802</v>
      </c>
      <c r="OP18" s="345">
        <v>17784571</v>
      </c>
      <c r="OQ18" s="345">
        <v>9193975</v>
      </c>
      <c r="OR18" s="349">
        <v>69100992</v>
      </c>
      <c r="OS18" s="354">
        <v>73362378</v>
      </c>
    </row>
    <row r="19" spans="2:409" s="70" customFormat="1" ht="21" customHeight="1" x14ac:dyDescent="0.2">
      <c r="B19" s="410" t="s">
        <v>13</v>
      </c>
      <c r="C19" s="326">
        <v>81663</v>
      </c>
      <c r="D19" s="327">
        <v>198172</v>
      </c>
      <c r="E19" s="328">
        <v>279835</v>
      </c>
      <c r="F19" s="326">
        <v>0</v>
      </c>
      <c r="G19" s="366">
        <v>5175752</v>
      </c>
      <c r="H19" s="327">
        <v>4318335</v>
      </c>
      <c r="I19" s="327">
        <v>4345928</v>
      </c>
      <c r="J19" s="327">
        <v>5778525</v>
      </c>
      <c r="K19" s="327">
        <v>3917658</v>
      </c>
      <c r="L19" s="331">
        <v>23536198</v>
      </c>
      <c r="M19" s="330">
        <v>23816033</v>
      </c>
      <c r="N19" s="326">
        <v>34111</v>
      </c>
      <c r="O19" s="327">
        <v>27499</v>
      </c>
      <c r="P19" s="328">
        <v>61610</v>
      </c>
      <c r="Q19" s="326">
        <v>0</v>
      </c>
      <c r="R19" s="327">
        <v>1601539</v>
      </c>
      <c r="S19" s="327">
        <v>1513355</v>
      </c>
      <c r="T19" s="327">
        <v>1856056</v>
      </c>
      <c r="U19" s="327">
        <v>2210434</v>
      </c>
      <c r="V19" s="327">
        <v>2349808</v>
      </c>
      <c r="W19" s="328">
        <v>9531192</v>
      </c>
      <c r="X19" s="330">
        <v>9592802</v>
      </c>
      <c r="Y19" s="326">
        <v>0</v>
      </c>
      <c r="Z19" s="327">
        <v>0</v>
      </c>
      <c r="AA19" s="328">
        <v>0</v>
      </c>
      <c r="AB19" s="326">
        <v>0</v>
      </c>
      <c r="AC19" s="327">
        <v>312080</v>
      </c>
      <c r="AD19" s="327">
        <v>489277</v>
      </c>
      <c r="AE19" s="327">
        <v>1048590</v>
      </c>
      <c r="AF19" s="327">
        <v>1462479</v>
      </c>
      <c r="AG19" s="327">
        <v>1280977</v>
      </c>
      <c r="AH19" s="328">
        <v>4593403</v>
      </c>
      <c r="AI19" s="330">
        <v>4593403</v>
      </c>
      <c r="AJ19" s="326">
        <v>0</v>
      </c>
      <c r="AK19" s="327">
        <v>0</v>
      </c>
      <c r="AL19" s="328">
        <v>0</v>
      </c>
      <c r="AM19" s="326">
        <v>0</v>
      </c>
      <c r="AN19" s="327">
        <v>0</v>
      </c>
      <c r="AO19" s="327">
        <v>0</v>
      </c>
      <c r="AP19" s="327">
        <v>60285</v>
      </c>
      <c r="AQ19" s="327">
        <v>121670</v>
      </c>
      <c r="AR19" s="327">
        <v>268227</v>
      </c>
      <c r="AS19" s="328">
        <v>450182</v>
      </c>
      <c r="AT19" s="330">
        <v>450182</v>
      </c>
      <c r="AU19" s="326">
        <v>21055</v>
      </c>
      <c r="AV19" s="327">
        <v>19147</v>
      </c>
      <c r="AW19" s="328">
        <v>40202</v>
      </c>
      <c r="AX19" s="326">
        <v>0</v>
      </c>
      <c r="AY19" s="327">
        <v>885730</v>
      </c>
      <c r="AZ19" s="327">
        <v>765253</v>
      </c>
      <c r="BA19" s="327">
        <v>431588</v>
      </c>
      <c r="BB19" s="327">
        <v>227869</v>
      </c>
      <c r="BC19" s="327">
        <v>597860</v>
      </c>
      <c r="BD19" s="328">
        <v>2908300</v>
      </c>
      <c r="BE19" s="330">
        <v>2948502</v>
      </c>
      <c r="BF19" s="326">
        <v>0</v>
      </c>
      <c r="BG19" s="327">
        <v>0</v>
      </c>
      <c r="BH19" s="331">
        <v>0</v>
      </c>
      <c r="BI19" s="332">
        <v>0</v>
      </c>
      <c r="BJ19" s="327">
        <v>35969</v>
      </c>
      <c r="BK19" s="327">
        <v>22001</v>
      </c>
      <c r="BL19" s="327">
        <v>42425</v>
      </c>
      <c r="BM19" s="327">
        <v>0</v>
      </c>
      <c r="BN19" s="327">
        <v>0</v>
      </c>
      <c r="BO19" s="328">
        <v>100395</v>
      </c>
      <c r="BP19" s="330">
        <v>100395</v>
      </c>
      <c r="BQ19" s="326">
        <v>13056</v>
      </c>
      <c r="BR19" s="327">
        <v>8352</v>
      </c>
      <c r="BS19" s="328">
        <v>21408</v>
      </c>
      <c r="BT19" s="326">
        <v>0</v>
      </c>
      <c r="BU19" s="327">
        <v>367760</v>
      </c>
      <c r="BV19" s="327">
        <v>236824</v>
      </c>
      <c r="BW19" s="327">
        <v>273168</v>
      </c>
      <c r="BX19" s="327">
        <v>398416</v>
      </c>
      <c r="BY19" s="327">
        <v>202744</v>
      </c>
      <c r="BZ19" s="328">
        <v>1478912</v>
      </c>
      <c r="CA19" s="330">
        <v>1500320</v>
      </c>
      <c r="CB19" s="326">
        <v>0</v>
      </c>
      <c r="CC19" s="327">
        <v>40857</v>
      </c>
      <c r="CD19" s="328">
        <v>40857</v>
      </c>
      <c r="CE19" s="326">
        <v>0</v>
      </c>
      <c r="CF19" s="327">
        <v>911104</v>
      </c>
      <c r="CG19" s="327">
        <v>877613</v>
      </c>
      <c r="CH19" s="327">
        <v>473687</v>
      </c>
      <c r="CI19" s="327">
        <v>311119</v>
      </c>
      <c r="CJ19" s="327">
        <v>218196</v>
      </c>
      <c r="CK19" s="328">
        <v>2791719</v>
      </c>
      <c r="CL19" s="330">
        <v>2832576</v>
      </c>
      <c r="CM19" s="326">
        <v>0</v>
      </c>
      <c r="CN19" s="327">
        <v>0</v>
      </c>
      <c r="CO19" s="328">
        <v>0</v>
      </c>
      <c r="CP19" s="332">
        <v>0</v>
      </c>
      <c r="CQ19" s="327">
        <v>790628</v>
      </c>
      <c r="CR19" s="327">
        <v>853484</v>
      </c>
      <c r="CS19" s="327">
        <v>473687</v>
      </c>
      <c r="CT19" s="327">
        <v>228944</v>
      </c>
      <c r="CU19" s="327">
        <v>39673</v>
      </c>
      <c r="CV19" s="328">
        <v>2386416</v>
      </c>
      <c r="CW19" s="330">
        <v>2386416</v>
      </c>
      <c r="CX19" s="326">
        <v>0</v>
      </c>
      <c r="CY19" s="327">
        <v>40857</v>
      </c>
      <c r="CZ19" s="328">
        <v>40857</v>
      </c>
      <c r="DA19" s="326">
        <v>0</v>
      </c>
      <c r="DB19" s="327">
        <v>120476</v>
      </c>
      <c r="DC19" s="327">
        <v>24129</v>
      </c>
      <c r="DD19" s="327">
        <v>0</v>
      </c>
      <c r="DE19" s="327">
        <v>82175</v>
      </c>
      <c r="DF19" s="327">
        <v>178523</v>
      </c>
      <c r="DG19" s="328">
        <v>405303</v>
      </c>
      <c r="DH19" s="330">
        <v>446160</v>
      </c>
      <c r="DI19" s="326">
        <v>0</v>
      </c>
      <c r="DJ19" s="327">
        <v>0</v>
      </c>
      <c r="DK19" s="331">
        <v>0</v>
      </c>
      <c r="DL19" s="332">
        <v>0</v>
      </c>
      <c r="DM19" s="327">
        <v>171422</v>
      </c>
      <c r="DN19" s="327">
        <v>220044</v>
      </c>
      <c r="DO19" s="327">
        <v>272442</v>
      </c>
      <c r="DP19" s="327">
        <v>64923</v>
      </c>
      <c r="DQ19" s="327">
        <v>0</v>
      </c>
      <c r="DR19" s="328">
        <v>728831</v>
      </c>
      <c r="DS19" s="330">
        <v>728831</v>
      </c>
      <c r="DT19" s="326">
        <v>0</v>
      </c>
      <c r="DU19" s="327">
        <v>0</v>
      </c>
      <c r="DV19" s="328">
        <v>0</v>
      </c>
      <c r="DW19" s="326">
        <v>0</v>
      </c>
      <c r="DX19" s="327">
        <v>171422</v>
      </c>
      <c r="DY19" s="327">
        <v>220044</v>
      </c>
      <c r="DZ19" s="327">
        <v>272442</v>
      </c>
      <c r="EA19" s="327">
        <v>64923</v>
      </c>
      <c r="EB19" s="327">
        <v>0</v>
      </c>
      <c r="EC19" s="328">
        <v>728831</v>
      </c>
      <c r="ED19" s="330">
        <v>728831</v>
      </c>
      <c r="EE19" s="326">
        <v>0</v>
      </c>
      <c r="EF19" s="331">
        <v>0</v>
      </c>
      <c r="EG19" s="328">
        <v>0</v>
      </c>
      <c r="EH19" s="326">
        <v>0</v>
      </c>
      <c r="EI19" s="327">
        <v>0</v>
      </c>
      <c r="EJ19" s="327">
        <v>0</v>
      </c>
      <c r="EK19" s="327">
        <v>0</v>
      </c>
      <c r="EL19" s="327">
        <v>0</v>
      </c>
      <c r="EM19" s="327">
        <v>0</v>
      </c>
      <c r="EN19" s="331">
        <v>0</v>
      </c>
      <c r="EO19" s="330">
        <v>0</v>
      </c>
      <c r="EP19" s="326">
        <v>0</v>
      </c>
      <c r="EQ19" s="327">
        <v>0</v>
      </c>
      <c r="ER19" s="331">
        <v>0</v>
      </c>
      <c r="ES19" s="332">
        <v>0</v>
      </c>
      <c r="ET19" s="327">
        <v>0</v>
      </c>
      <c r="EU19" s="327">
        <v>0</v>
      </c>
      <c r="EV19" s="327">
        <v>0</v>
      </c>
      <c r="EW19" s="327">
        <v>0</v>
      </c>
      <c r="EX19" s="327">
        <v>0</v>
      </c>
      <c r="EY19" s="328">
        <v>0</v>
      </c>
      <c r="EZ19" s="330">
        <v>0</v>
      </c>
      <c r="FA19" s="326">
        <v>0</v>
      </c>
      <c r="FB19" s="327">
        <v>0</v>
      </c>
      <c r="FC19" s="331">
        <v>0</v>
      </c>
      <c r="FD19" s="332">
        <v>0</v>
      </c>
      <c r="FE19" s="327">
        <v>0</v>
      </c>
      <c r="FF19" s="327">
        <v>0</v>
      </c>
      <c r="FG19" s="327">
        <v>0</v>
      </c>
      <c r="FH19" s="327">
        <v>0</v>
      </c>
      <c r="FI19" s="327">
        <v>0</v>
      </c>
      <c r="FJ19" s="328">
        <v>0</v>
      </c>
      <c r="FK19" s="330">
        <v>0</v>
      </c>
      <c r="FL19" s="326">
        <v>47552</v>
      </c>
      <c r="FM19" s="327">
        <v>29920</v>
      </c>
      <c r="FN19" s="328">
        <v>77472</v>
      </c>
      <c r="FO19" s="326">
        <v>0</v>
      </c>
      <c r="FP19" s="327">
        <v>270008</v>
      </c>
      <c r="FQ19" s="327">
        <v>435536</v>
      </c>
      <c r="FR19" s="327">
        <v>350296</v>
      </c>
      <c r="FS19" s="327">
        <v>287624</v>
      </c>
      <c r="FT19" s="327">
        <v>228400</v>
      </c>
      <c r="FU19" s="328">
        <v>1571864</v>
      </c>
      <c r="FV19" s="330">
        <v>1649336</v>
      </c>
      <c r="FW19" s="333">
        <v>47552</v>
      </c>
      <c r="FX19" s="327">
        <v>17120</v>
      </c>
      <c r="FY19" s="331">
        <v>64672</v>
      </c>
      <c r="FZ19" s="332">
        <v>0</v>
      </c>
      <c r="GA19" s="327">
        <v>126008</v>
      </c>
      <c r="GB19" s="327">
        <v>435536</v>
      </c>
      <c r="GC19" s="327">
        <v>323544</v>
      </c>
      <c r="GD19" s="327">
        <v>287624</v>
      </c>
      <c r="GE19" s="327">
        <v>228400</v>
      </c>
      <c r="GF19" s="328">
        <v>1401112</v>
      </c>
      <c r="GG19" s="334">
        <v>1465784</v>
      </c>
      <c r="GH19" s="333">
        <v>0</v>
      </c>
      <c r="GI19" s="327">
        <v>12800</v>
      </c>
      <c r="GJ19" s="331">
        <v>12800</v>
      </c>
      <c r="GK19" s="332">
        <v>0</v>
      </c>
      <c r="GL19" s="327">
        <v>0</v>
      </c>
      <c r="GM19" s="327">
        <v>0</v>
      </c>
      <c r="GN19" s="327">
        <v>26752</v>
      </c>
      <c r="GO19" s="327">
        <v>0</v>
      </c>
      <c r="GP19" s="327">
        <v>0</v>
      </c>
      <c r="GQ19" s="328">
        <v>26752</v>
      </c>
      <c r="GR19" s="330">
        <v>39552</v>
      </c>
      <c r="GS19" s="326">
        <v>0</v>
      </c>
      <c r="GT19" s="327">
        <v>0</v>
      </c>
      <c r="GU19" s="328">
        <v>0</v>
      </c>
      <c r="GV19" s="326">
        <v>0</v>
      </c>
      <c r="GW19" s="327">
        <v>144000</v>
      </c>
      <c r="GX19" s="327">
        <v>0</v>
      </c>
      <c r="GY19" s="327">
        <v>0</v>
      </c>
      <c r="GZ19" s="327">
        <v>0</v>
      </c>
      <c r="HA19" s="327">
        <v>0</v>
      </c>
      <c r="HB19" s="331">
        <v>144000</v>
      </c>
      <c r="HC19" s="330">
        <v>144000</v>
      </c>
      <c r="HD19" s="326">
        <v>0</v>
      </c>
      <c r="HE19" s="327">
        <v>99896</v>
      </c>
      <c r="HF19" s="331">
        <v>99896</v>
      </c>
      <c r="HG19" s="332">
        <v>0</v>
      </c>
      <c r="HH19" s="327">
        <v>2221679</v>
      </c>
      <c r="HI19" s="327">
        <v>1271787</v>
      </c>
      <c r="HJ19" s="327">
        <v>1393447</v>
      </c>
      <c r="HK19" s="327">
        <v>2904425</v>
      </c>
      <c r="HL19" s="327">
        <v>1121254</v>
      </c>
      <c r="HM19" s="328">
        <v>8912592</v>
      </c>
      <c r="HN19" s="329">
        <v>9012488</v>
      </c>
      <c r="HO19" s="333">
        <v>0</v>
      </c>
      <c r="HP19" s="327">
        <v>0</v>
      </c>
      <c r="HQ19" s="328">
        <v>0</v>
      </c>
      <c r="HR19" s="326">
        <v>0</v>
      </c>
      <c r="HS19" s="327">
        <v>0</v>
      </c>
      <c r="HT19" s="327">
        <v>0</v>
      </c>
      <c r="HU19" s="327">
        <v>0</v>
      </c>
      <c r="HV19" s="327">
        <v>0</v>
      </c>
      <c r="HW19" s="327">
        <v>0</v>
      </c>
      <c r="HX19" s="331">
        <v>0</v>
      </c>
      <c r="HY19" s="330">
        <v>0</v>
      </c>
      <c r="HZ19" s="335">
        <v>29421</v>
      </c>
      <c r="IA19" s="336">
        <v>0</v>
      </c>
      <c r="IB19" s="337">
        <v>29421</v>
      </c>
      <c r="IC19" s="338">
        <v>0</v>
      </c>
      <c r="ID19" s="336">
        <v>678387</v>
      </c>
      <c r="IE19" s="339">
        <v>1044690</v>
      </c>
      <c r="IF19" s="337">
        <v>1020379</v>
      </c>
      <c r="IG19" s="336">
        <v>592887</v>
      </c>
      <c r="IH19" s="337">
        <v>522270</v>
      </c>
      <c r="II19" s="340">
        <v>3858613</v>
      </c>
      <c r="IJ19" s="341">
        <v>3888034</v>
      </c>
      <c r="IK19" s="342">
        <v>0</v>
      </c>
      <c r="IL19" s="343">
        <v>0</v>
      </c>
      <c r="IM19" s="344">
        <v>0</v>
      </c>
      <c r="IN19" s="404">
        <v>0</v>
      </c>
      <c r="IO19" s="345">
        <v>0</v>
      </c>
      <c r="IP19" s="345">
        <v>0</v>
      </c>
      <c r="IQ19" s="345">
        <v>0</v>
      </c>
      <c r="IR19" s="345">
        <v>0</v>
      </c>
      <c r="IS19" s="345">
        <v>0</v>
      </c>
      <c r="IT19" s="346">
        <v>0</v>
      </c>
      <c r="IU19" s="347">
        <v>0</v>
      </c>
      <c r="IV19" s="348">
        <v>0</v>
      </c>
      <c r="IW19" s="345">
        <v>0</v>
      </c>
      <c r="IX19" s="349">
        <v>0</v>
      </c>
      <c r="IY19" s="404">
        <v>0</v>
      </c>
      <c r="IZ19" s="345">
        <v>0</v>
      </c>
      <c r="JA19" s="345">
        <v>0</v>
      </c>
      <c r="JB19" s="345">
        <v>0</v>
      </c>
      <c r="JC19" s="345">
        <v>0</v>
      </c>
      <c r="JD19" s="345">
        <v>0</v>
      </c>
      <c r="JE19" s="349">
        <v>0</v>
      </c>
      <c r="JF19" s="350">
        <v>0</v>
      </c>
      <c r="JG19" s="348">
        <v>0</v>
      </c>
      <c r="JH19" s="345">
        <v>0</v>
      </c>
      <c r="JI19" s="346">
        <v>0</v>
      </c>
      <c r="JJ19" s="351">
        <v>0</v>
      </c>
      <c r="JK19" s="345">
        <v>678387</v>
      </c>
      <c r="JL19" s="345">
        <v>738009</v>
      </c>
      <c r="JM19" s="345">
        <v>443531</v>
      </c>
      <c r="JN19" s="345">
        <v>79311</v>
      </c>
      <c r="JO19" s="345">
        <v>0</v>
      </c>
      <c r="JP19" s="349">
        <v>1939238</v>
      </c>
      <c r="JQ19" s="347">
        <v>1939238</v>
      </c>
      <c r="JR19" s="348">
        <v>0</v>
      </c>
      <c r="JS19" s="345">
        <v>0</v>
      </c>
      <c r="JT19" s="346">
        <v>0</v>
      </c>
      <c r="JU19" s="351">
        <v>0</v>
      </c>
      <c r="JV19" s="345">
        <v>0</v>
      </c>
      <c r="JW19" s="345">
        <v>46732</v>
      </c>
      <c r="JX19" s="345">
        <v>72684</v>
      </c>
      <c r="JY19" s="345">
        <v>0</v>
      </c>
      <c r="JZ19" s="345">
        <v>219109</v>
      </c>
      <c r="KA19" s="349">
        <v>338525</v>
      </c>
      <c r="KB19" s="347">
        <v>338525</v>
      </c>
      <c r="KC19" s="352">
        <v>29421</v>
      </c>
      <c r="KD19" s="353">
        <v>0</v>
      </c>
      <c r="KE19" s="349">
        <v>29421</v>
      </c>
      <c r="KF19" s="351">
        <v>0</v>
      </c>
      <c r="KG19" s="345">
        <v>0</v>
      </c>
      <c r="KH19" s="345">
        <v>0</v>
      </c>
      <c r="KI19" s="345">
        <v>0</v>
      </c>
      <c r="KJ19" s="345">
        <v>0</v>
      </c>
      <c r="KK19" s="345">
        <v>303161</v>
      </c>
      <c r="KL19" s="349">
        <v>303161</v>
      </c>
      <c r="KM19" s="354">
        <v>332582</v>
      </c>
      <c r="KN19" s="342">
        <v>0</v>
      </c>
      <c r="KO19" s="343">
        <v>0</v>
      </c>
      <c r="KP19" s="344">
        <v>0</v>
      </c>
      <c r="KQ19" s="404">
        <v>0</v>
      </c>
      <c r="KR19" s="345">
        <v>0</v>
      </c>
      <c r="KS19" s="345">
        <v>259949</v>
      </c>
      <c r="KT19" s="345">
        <v>504164</v>
      </c>
      <c r="KU19" s="345">
        <v>513576</v>
      </c>
      <c r="KV19" s="345">
        <v>0</v>
      </c>
      <c r="KW19" s="349">
        <v>1277689</v>
      </c>
      <c r="KX19" s="347">
        <v>1277689</v>
      </c>
      <c r="KY19" s="348">
        <v>0</v>
      </c>
      <c r="KZ19" s="345">
        <v>0</v>
      </c>
      <c r="LA19" s="349">
        <v>0</v>
      </c>
      <c r="LB19" s="404">
        <v>0</v>
      </c>
      <c r="LC19" s="345">
        <v>0</v>
      </c>
      <c r="LD19" s="345">
        <v>0</v>
      </c>
      <c r="LE19" s="345">
        <v>0</v>
      </c>
      <c r="LF19" s="345">
        <v>0</v>
      </c>
      <c r="LG19" s="345">
        <v>0</v>
      </c>
      <c r="LH19" s="349">
        <v>0</v>
      </c>
      <c r="LI19" s="350">
        <v>0</v>
      </c>
      <c r="LJ19" s="348">
        <v>0</v>
      </c>
      <c r="LK19" s="345">
        <v>0</v>
      </c>
      <c r="LL19" s="349">
        <v>0</v>
      </c>
      <c r="LM19" s="404">
        <v>0</v>
      </c>
      <c r="LN19" s="345">
        <v>0</v>
      </c>
      <c r="LO19" s="345">
        <v>0</v>
      </c>
      <c r="LP19" s="345">
        <v>0</v>
      </c>
      <c r="LQ19" s="345">
        <v>0</v>
      </c>
      <c r="LR19" s="345">
        <v>0</v>
      </c>
      <c r="LS19" s="349">
        <v>0</v>
      </c>
      <c r="LT19" s="347">
        <v>0</v>
      </c>
      <c r="LU19" s="348">
        <v>0</v>
      </c>
      <c r="LV19" s="345">
        <v>0</v>
      </c>
      <c r="LW19" s="349">
        <v>0</v>
      </c>
      <c r="LX19" s="404">
        <v>0</v>
      </c>
      <c r="LY19" s="345">
        <v>0</v>
      </c>
      <c r="LZ19" s="345">
        <v>0</v>
      </c>
      <c r="MA19" s="345">
        <v>0</v>
      </c>
      <c r="MB19" s="345">
        <v>0</v>
      </c>
      <c r="MC19" s="345">
        <v>0</v>
      </c>
      <c r="MD19" s="349">
        <v>0</v>
      </c>
      <c r="ME19" s="350">
        <v>0</v>
      </c>
      <c r="MF19" s="348">
        <v>0</v>
      </c>
      <c r="MG19" s="345">
        <v>0</v>
      </c>
      <c r="MH19" s="349">
        <v>0</v>
      </c>
      <c r="MI19" s="404">
        <v>0</v>
      </c>
      <c r="MJ19" s="345">
        <v>0</v>
      </c>
      <c r="MK19" s="345">
        <v>747725</v>
      </c>
      <c r="ML19" s="345">
        <v>1322703</v>
      </c>
      <c r="MM19" s="345">
        <v>3689658</v>
      </c>
      <c r="MN19" s="345">
        <v>1439085</v>
      </c>
      <c r="MO19" s="349">
        <v>7199171</v>
      </c>
      <c r="MP19" s="354">
        <v>7199171</v>
      </c>
      <c r="MQ19" s="348">
        <v>0</v>
      </c>
      <c r="MR19" s="345">
        <v>0</v>
      </c>
      <c r="MS19" s="349">
        <v>0</v>
      </c>
      <c r="MT19" s="404">
        <v>0</v>
      </c>
      <c r="MU19" s="345">
        <v>0</v>
      </c>
      <c r="MV19" s="345">
        <v>216465</v>
      </c>
      <c r="MW19" s="345">
        <v>1037703</v>
      </c>
      <c r="MX19" s="345">
        <v>2106631</v>
      </c>
      <c r="MY19" s="345">
        <v>1439085</v>
      </c>
      <c r="MZ19" s="349">
        <v>4799884</v>
      </c>
      <c r="NA19" s="354">
        <v>4799884</v>
      </c>
      <c r="NB19" s="348">
        <v>0</v>
      </c>
      <c r="NC19" s="345">
        <v>0</v>
      </c>
      <c r="ND19" s="349">
        <v>0</v>
      </c>
      <c r="NE19" s="404">
        <v>0</v>
      </c>
      <c r="NF19" s="345">
        <v>0</v>
      </c>
      <c r="NG19" s="345">
        <v>531260</v>
      </c>
      <c r="NH19" s="345">
        <v>285000</v>
      </c>
      <c r="NI19" s="345">
        <v>1583027</v>
      </c>
      <c r="NJ19" s="345">
        <v>0</v>
      </c>
      <c r="NK19" s="349">
        <v>2399287</v>
      </c>
      <c r="NL19" s="347">
        <v>2399287</v>
      </c>
      <c r="NM19" s="348">
        <v>0</v>
      </c>
      <c r="NN19" s="345">
        <v>0</v>
      </c>
      <c r="NO19" s="349">
        <v>0</v>
      </c>
      <c r="NP19" s="404">
        <v>0</v>
      </c>
      <c r="NQ19" s="345">
        <v>0</v>
      </c>
      <c r="NR19" s="345">
        <v>0</v>
      </c>
      <c r="NS19" s="345">
        <v>0</v>
      </c>
      <c r="NT19" s="345">
        <v>0</v>
      </c>
      <c r="NU19" s="345">
        <v>0</v>
      </c>
      <c r="NV19" s="349">
        <v>0</v>
      </c>
      <c r="NW19" s="350">
        <v>0</v>
      </c>
      <c r="NX19" s="348">
        <v>0</v>
      </c>
      <c r="NY19" s="345">
        <v>0</v>
      </c>
      <c r="NZ19" s="349">
        <v>0</v>
      </c>
      <c r="OA19" s="404">
        <v>0</v>
      </c>
      <c r="OB19" s="345">
        <v>0</v>
      </c>
      <c r="OC19" s="345">
        <v>0</v>
      </c>
      <c r="OD19" s="345">
        <v>0</v>
      </c>
      <c r="OE19" s="345">
        <v>0</v>
      </c>
      <c r="OF19" s="345">
        <v>0</v>
      </c>
      <c r="OG19" s="349">
        <v>0</v>
      </c>
      <c r="OH19" s="350">
        <v>0</v>
      </c>
      <c r="OI19" s="348">
        <v>111084</v>
      </c>
      <c r="OJ19" s="345">
        <v>198172</v>
      </c>
      <c r="OK19" s="346">
        <v>309256</v>
      </c>
      <c r="OL19" s="351">
        <v>0</v>
      </c>
      <c r="OM19" s="345">
        <v>5854139</v>
      </c>
      <c r="ON19" s="345">
        <v>6110750</v>
      </c>
      <c r="OO19" s="345">
        <v>6689010</v>
      </c>
      <c r="OP19" s="345">
        <v>10061070</v>
      </c>
      <c r="OQ19" s="345">
        <v>5879013</v>
      </c>
      <c r="OR19" s="349">
        <v>34593982</v>
      </c>
      <c r="OS19" s="354">
        <v>34903238</v>
      </c>
    </row>
    <row r="20" spans="2:409" s="70" customFormat="1" ht="21" customHeight="1" x14ac:dyDescent="0.2">
      <c r="B20" s="410" t="s">
        <v>15</v>
      </c>
      <c r="C20" s="326">
        <v>17600</v>
      </c>
      <c r="D20" s="327">
        <v>378547</v>
      </c>
      <c r="E20" s="328">
        <v>396147</v>
      </c>
      <c r="F20" s="329">
        <v>0</v>
      </c>
      <c r="G20" s="327">
        <v>2197432</v>
      </c>
      <c r="H20" s="327">
        <v>2529497</v>
      </c>
      <c r="I20" s="327">
        <v>1408178</v>
      </c>
      <c r="J20" s="327">
        <v>1679628</v>
      </c>
      <c r="K20" s="327">
        <v>740534</v>
      </c>
      <c r="L20" s="329">
        <v>8555269</v>
      </c>
      <c r="M20" s="330">
        <v>8951416</v>
      </c>
      <c r="N20" s="326">
        <v>0</v>
      </c>
      <c r="O20" s="327">
        <v>38129</v>
      </c>
      <c r="P20" s="328">
        <v>38129</v>
      </c>
      <c r="Q20" s="326">
        <v>0</v>
      </c>
      <c r="R20" s="327">
        <v>505341</v>
      </c>
      <c r="S20" s="327">
        <v>735846</v>
      </c>
      <c r="T20" s="327">
        <v>143438</v>
      </c>
      <c r="U20" s="327">
        <v>1022585</v>
      </c>
      <c r="V20" s="327">
        <v>407213</v>
      </c>
      <c r="W20" s="328">
        <v>2814423</v>
      </c>
      <c r="X20" s="330">
        <v>2852552</v>
      </c>
      <c r="Y20" s="326">
        <v>0</v>
      </c>
      <c r="Z20" s="327">
        <v>0</v>
      </c>
      <c r="AA20" s="328">
        <v>0</v>
      </c>
      <c r="AB20" s="326">
        <v>0</v>
      </c>
      <c r="AC20" s="327">
        <v>163575</v>
      </c>
      <c r="AD20" s="327">
        <v>428165</v>
      </c>
      <c r="AE20" s="327">
        <v>45232</v>
      </c>
      <c r="AF20" s="327">
        <v>853724</v>
      </c>
      <c r="AG20" s="327">
        <v>111321</v>
      </c>
      <c r="AH20" s="328">
        <v>1602017</v>
      </c>
      <c r="AI20" s="330">
        <v>1602017</v>
      </c>
      <c r="AJ20" s="326">
        <v>0</v>
      </c>
      <c r="AK20" s="327">
        <v>0</v>
      </c>
      <c r="AL20" s="328">
        <v>0</v>
      </c>
      <c r="AM20" s="326">
        <v>0</v>
      </c>
      <c r="AN20" s="327">
        <v>0</v>
      </c>
      <c r="AO20" s="327">
        <v>0</v>
      </c>
      <c r="AP20" s="327">
        <v>0</v>
      </c>
      <c r="AQ20" s="327">
        <v>72062</v>
      </c>
      <c r="AR20" s="327">
        <v>156138</v>
      </c>
      <c r="AS20" s="328">
        <v>228200</v>
      </c>
      <c r="AT20" s="330">
        <v>228200</v>
      </c>
      <c r="AU20" s="326">
        <v>0</v>
      </c>
      <c r="AV20" s="327">
        <v>38129</v>
      </c>
      <c r="AW20" s="328">
        <v>38129</v>
      </c>
      <c r="AX20" s="326">
        <v>0</v>
      </c>
      <c r="AY20" s="327">
        <v>113236</v>
      </c>
      <c r="AZ20" s="327">
        <v>229437</v>
      </c>
      <c r="BA20" s="327">
        <v>19910</v>
      </c>
      <c r="BB20" s="327">
        <v>54423</v>
      </c>
      <c r="BC20" s="327">
        <v>133226</v>
      </c>
      <c r="BD20" s="328">
        <v>550232</v>
      </c>
      <c r="BE20" s="330">
        <v>588361</v>
      </c>
      <c r="BF20" s="326">
        <v>0</v>
      </c>
      <c r="BG20" s="327">
        <v>0</v>
      </c>
      <c r="BH20" s="331">
        <v>0</v>
      </c>
      <c r="BI20" s="332">
        <v>0</v>
      </c>
      <c r="BJ20" s="327">
        <v>75554</v>
      </c>
      <c r="BK20" s="327">
        <v>24100</v>
      </c>
      <c r="BL20" s="327">
        <v>0</v>
      </c>
      <c r="BM20" s="327">
        <v>0</v>
      </c>
      <c r="BN20" s="327">
        <v>0</v>
      </c>
      <c r="BO20" s="328">
        <v>99654</v>
      </c>
      <c r="BP20" s="330">
        <v>99654</v>
      </c>
      <c r="BQ20" s="326">
        <v>0</v>
      </c>
      <c r="BR20" s="327">
        <v>0</v>
      </c>
      <c r="BS20" s="328">
        <v>0</v>
      </c>
      <c r="BT20" s="326">
        <v>0</v>
      </c>
      <c r="BU20" s="327">
        <v>152976</v>
      </c>
      <c r="BV20" s="327">
        <v>54144</v>
      </c>
      <c r="BW20" s="327">
        <v>78296</v>
      </c>
      <c r="BX20" s="327">
        <v>42376</v>
      </c>
      <c r="BY20" s="327">
        <v>6528</v>
      </c>
      <c r="BZ20" s="328">
        <v>334320</v>
      </c>
      <c r="CA20" s="330">
        <v>334320</v>
      </c>
      <c r="CB20" s="326">
        <v>0</v>
      </c>
      <c r="CC20" s="327">
        <v>0</v>
      </c>
      <c r="CD20" s="328">
        <v>0</v>
      </c>
      <c r="CE20" s="326">
        <v>0</v>
      </c>
      <c r="CF20" s="327">
        <v>436022</v>
      </c>
      <c r="CG20" s="327">
        <v>441606</v>
      </c>
      <c r="CH20" s="327">
        <v>644495</v>
      </c>
      <c r="CI20" s="327">
        <v>378882</v>
      </c>
      <c r="CJ20" s="327">
        <v>0</v>
      </c>
      <c r="CK20" s="328">
        <v>1901005</v>
      </c>
      <c r="CL20" s="330">
        <v>1901005</v>
      </c>
      <c r="CM20" s="326">
        <v>0</v>
      </c>
      <c r="CN20" s="327">
        <v>0</v>
      </c>
      <c r="CO20" s="328">
        <v>0</v>
      </c>
      <c r="CP20" s="332">
        <v>0</v>
      </c>
      <c r="CQ20" s="327">
        <v>287067</v>
      </c>
      <c r="CR20" s="327">
        <v>401534</v>
      </c>
      <c r="CS20" s="327">
        <v>114851</v>
      </c>
      <c r="CT20" s="327">
        <v>282866</v>
      </c>
      <c r="CU20" s="327">
        <v>0</v>
      </c>
      <c r="CV20" s="328">
        <v>1086318</v>
      </c>
      <c r="CW20" s="330">
        <v>1086318</v>
      </c>
      <c r="CX20" s="326">
        <v>0</v>
      </c>
      <c r="CY20" s="327">
        <v>0</v>
      </c>
      <c r="CZ20" s="328">
        <v>0</v>
      </c>
      <c r="DA20" s="326">
        <v>0</v>
      </c>
      <c r="DB20" s="327">
        <v>148955</v>
      </c>
      <c r="DC20" s="327">
        <v>40072</v>
      </c>
      <c r="DD20" s="327">
        <v>529644</v>
      </c>
      <c r="DE20" s="327">
        <v>96016</v>
      </c>
      <c r="DF20" s="327">
        <v>0</v>
      </c>
      <c r="DG20" s="328">
        <v>814687</v>
      </c>
      <c r="DH20" s="330">
        <v>814687</v>
      </c>
      <c r="DI20" s="326">
        <v>0</v>
      </c>
      <c r="DJ20" s="327">
        <v>0</v>
      </c>
      <c r="DK20" s="331">
        <v>0</v>
      </c>
      <c r="DL20" s="332">
        <v>0</v>
      </c>
      <c r="DM20" s="327">
        <v>0</v>
      </c>
      <c r="DN20" s="327">
        <v>395175</v>
      </c>
      <c r="DO20" s="327">
        <v>30973</v>
      </c>
      <c r="DP20" s="327">
        <v>146945</v>
      </c>
      <c r="DQ20" s="327">
        <v>262201</v>
      </c>
      <c r="DR20" s="328">
        <v>835294</v>
      </c>
      <c r="DS20" s="330">
        <v>835294</v>
      </c>
      <c r="DT20" s="326">
        <v>0</v>
      </c>
      <c r="DU20" s="327">
        <v>0</v>
      </c>
      <c r="DV20" s="328">
        <v>0</v>
      </c>
      <c r="DW20" s="326">
        <v>0</v>
      </c>
      <c r="DX20" s="327">
        <v>0</v>
      </c>
      <c r="DY20" s="327">
        <v>395175</v>
      </c>
      <c r="DZ20" s="327">
        <v>30973</v>
      </c>
      <c r="EA20" s="327">
        <v>146945</v>
      </c>
      <c r="EB20" s="327">
        <v>262201</v>
      </c>
      <c r="EC20" s="328">
        <v>835294</v>
      </c>
      <c r="ED20" s="330">
        <v>835294</v>
      </c>
      <c r="EE20" s="326">
        <v>0</v>
      </c>
      <c r="EF20" s="331">
        <v>0</v>
      </c>
      <c r="EG20" s="328">
        <v>0</v>
      </c>
      <c r="EH20" s="326">
        <v>0</v>
      </c>
      <c r="EI20" s="327">
        <v>0</v>
      </c>
      <c r="EJ20" s="327">
        <v>0</v>
      </c>
      <c r="EK20" s="327">
        <v>0</v>
      </c>
      <c r="EL20" s="327">
        <v>0</v>
      </c>
      <c r="EM20" s="327">
        <v>0</v>
      </c>
      <c r="EN20" s="331">
        <v>0</v>
      </c>
      <c r="EO20" s="330">
        <v>0</v>
      </c>
      <c r="EP20" s="326">
        <v>0</v>
      </c>
      <c r="EQ20" s="327">
        <v>0</v>
      </c>
      <c r="ER20" s="331">
        <v>0</v>
      </c>
      <c r="ES20" s="332">
        <v>0</v>
      </c>
      <c r="ET20" s="327">
        <v>0</v>
      </c>
      <c r="EU20" s="327">
        <v>0</v>
      </c>
      <c r="EV20" s="327">
        <v>0</v>
      </c>
      <c r="EW20" s="327">
        <v>0</v>
      </c>
      <c r="EX20" s="327">
        <v>0</v>
      </c>
      <c r="EY20" s="328">
        <v>0</v>
      </c>
      <c r="EZ20" s="330">
        <v>0</v>
      </c>
      <c r="FA20" s="326">
        <v>0</v>
      </c>
      <c r="FB20" s="327">
        <v>0</v>
      </c>
      <c r="FC20" s="331">
        <v>0</v>
      </c>
      <c r="FD20" s="332">
        <v>0</v>
      </c>
      <c r="FE20" s="327">
        <v>0</v>
      </c>
      <c r="FF20" s="327">
        <v>0</v>
      </c>
      <c r="FG20" s="327">
        <v>0</v>
      </c>
      <c r="FH20" s="327">
        <v>0</v>
      </c>
      <c r="FI20" s="327">
        <v>0</v>
      </c>
      <c r="FJ20" s="328">
        <v>0</v>
      </c>
      <c r="FK20" s="330">
        <v>0</v>
      </c>
      <c r="FL20" s="326">
        <v>17600</v>
      </c>
      <c r="FM20" s="327">
        <v>31632</v>
      </c>
      <c r="FN20" s="328">
        <v>49232</v>
      </c>
      <c r="FO20" s="326">
        <v>0</v>
      </c>
      <c r="FP20" s="327">
        <v>80467</v>
      </c>
      <c r="FQ20" s="327">
        <v>179056</v>
      </c>
      <c r="FR20" s="327">
        <v>164832</v>
      </c>
      <c r="FS20" s="327">
        <v>131216</v>
      </c>
      <c r="FT20" s="327">
        <v>71120</v>
      </c>
      <c r="FU20" s="328">
        <v>626691</v>
      </c>
      <c r="FV20" s="330">
        <v>675923</v>
      </c>
      <c r="FW20" s="333">
        <v>17600</v>
      </c>
      <c r="FX20" s="327">
        <v>31632</v>
      </c>
      <c r="FY20" s="331">
        <v>49232</v>
      </c>
      <c r="FZ20" s="332">
        <v>0</v>
      </c>
      <c r="GA20" s="327">
        <v>55264</v>
      </c>
      <c r="GB20" s="327">
        <v>179056</v>
      </c>
      <c r="GC20" s="327">
        <v>164832</v>
      </c>
      <c r="GD20" s="327">
        <v>131216</v>
      </c>
      <c r="GE20" s="327">
        <v>71120</v>
      </c>
      <c r="GF20" s="328">
        <v>601488</v>
      </c>
      <c r="GG20" s="334">
        <v>650720</v>
      </c>
      <c r="GH20" s="333">
        <v>0</v>
      </c>
      <c r="GI20" s="327">
        <v>0</v>
      </c>
      <c r="GJ20" s="331">
        <v>0</v>
      </c>
      <c r="GK20" s="332">
        <v>0</v>
      </c>
      <c r="GL20" s="327">
        <v>25203</v>
      </c>
      <c r="GM20" s="327">
        <v>0</v>
      </c>
      <c r="GN20" s="327">
        <v>0</v>
      </c>
      <c r="GO20" s="327">
        <v>0</v>
      </c>
      <c r="GP20" s="327">
        <v>0</v>
      </c>
      <c r="GQ20" s="328">
        <v>25203</v>
      </c>
      <c r="GR20" s="330">
        <v>25203</v>
      </c>
      <c r="GS20" s="326">
        <v>0</v>
      </c>
      <c r="GT20" s="327">
        <v>0</v>
      </c>
      <c r="GU20" s="328">
        <v>0</v>
      </c>
      <c r="GV20" s="326">
        <v>0</v>
      </c>
      <c r="GW20" s="327">
        <v>0</v>
      </c>
      <c r="GX20" s="327">
        <v>0</v>
      </c>
      <c r="GY20" s="327">
        <v>0</v>
      </c>
      <c r="GZ20" s="327">
        <v>0</v>
      </c>
      <c r="HA20" s="327">
        <v>0</v>
      </c>
      <c r="HB20" s="331">
        <v>0</v>
      </c>
      <c r="HC20" s="330">
        <v>0</v>
      </c>
      <c r="HD20" s="326">
        <v>0</v>
      </c>
      <c r="HE20" s="327">
        <v>308786</v>
      </c>
      <c r="HF20" s="331">
        <v>308786</v>
      </c>
      <c r="HG20" s="332">
        <v>0</v>
      </c>
      <c r="HH20" s="327">
        <v>1175602</v>
      </c>
      <c r="HI20" s="327">
        <v>777814</v>
      </c>
      <c r="HJ20" s="327">
        <v>424440</v>
      </c>
      <c r="HK20" s="327">
        <v>0</v>
      </c>
      <c r="HL20" s="327">
        <v>0</v>
      </c>
      <c r="HM20" s="328">
        <v>2377856</v>
      </c>
      <c r="HN20" s="329">
        <v>2686642</v>
      </c>
      <c r="HO20" s="333">
        <v>0</v>
      </c>
      <c r="HP20" s="327">
        <v>0</v>
      </c>
      <c r="HQ20" s="328">
        <v>0</v>
      </c>
      <c r="HR20" s="326">
        <v>0</v>
      </c>
      <c r="HS20" s="327">
        <v>0</v>
      </c>
      <c r="HT20" s="327">
        <v>0</v>
      </c>
      <c r="HU20" s="327">
        <v>0</v>
      </c>
      <c r="HV20" s="327">
        <v>0</v>
      </c>
      <c r="HW20" s="327">
        <v>0</v>
      </c>
      <c r="HX20" s="331">
        <v>0</v>
      </c>
      <c r="HY20" s="330">
        <v>0</v>
      </c>
      <c r="HZ20" s="358">
        <v>0</v>
      </c>
      <c r="IA20" s="356">
        <v>0</v>
      </c>
      <c r="IB20" s="358">
        <v>0</v>
      </c>
      <c r="IC20" s="355">
        <v>0</v>
      </c>
      <c r="ID20" s="356">
        <v>887147</v>
      </c>
      <c r="IE20" s="357">
        <v>788522</v>
      </c>
      <c r="IF20" s="358">
        <v>798643</v>
      </c>
      <c r="IG20" s="356">
        <v>938796</v>
      </c>
      <c r="IH20" s="358">
        <v>285073</v>
      </c>
      <c r="II20" s="359">
        <v>3698181</v>
      </c>
      <c r="IJ20" s="358">
        <v>3698181</v>
      </c>
      <c r="IK20" s="342">
        <v>0</v>
      </c>
      <c r="IL20" s="343">
        <v>0</v>
      </c>
      <c r="IM20" s="344">
        <v>0</v>
      </c>
      <c r="IN20" s="404">
        <v>0</v>
      </c>
      <c r="IO20" s="345">
        <v>0</v>
      </c>
      <c r="IP20" s="345">
        <v>0</v>
      </c>
      <c r="IQ20" s="345">
        <v>0</v>
      </c>
      <c r="IR20" s="345">
        <v>0</v>
      </c>
      <c r="IS20" s="345">
        <v>0</v>
      </c>
      <c r="IT20" s="346">
        <v>0</v>
      </c>
      <c r="IU20" s="347">
        <v>0</v>
      </c>
      <c r="IV20" s="348">
        <v>0</v>
      </c>
      <c r="IW20" s="345">
        <v>0</v>
      </c>
      <c r="IX20" s="349">
        <v>0</v>
      </c>
      <c r="IY20" s="404">
        <v>0</v>
      </c>
      <c r="IZ20" s="345">
        <v>0</v>
      </c>
      <c r="JA20" s="345">
        <v>0</v>
      </c>
      <c r="JB20" s="345">
        <v>0</v>
      </c>
      <c r="JC20" s="345">
        <v>0</v>
      </c>
      <c r="JD20" s="345">
        <v>0</v>
      </c>
      <c r="JE20" s="349">
        <v>0</v>
      </c>
      <c r="JF20" s="350">
        <v>0</v>
      </c>
      <c r="JG20" s="348">
        <v>0</v>
      </c>
      <c r="JH20" s="345">
        <v>0</v>
      </c>
      <c r="JI20" s="346">
        <v>0</v>
      </c>
      <c r="JJ20" s="351">
        <v>0</v>
      </c>
      <c r="JK20" s="345">
        <v>395572</v>
      </c>
      <c r="JL20" s="345">
        <v>626585</v>
      </c>
      <c r="JM20" s="345">
        <v>48323</v>
      </c>
      <c r="JN20" s="345">
        <v>380795</v>
      </c>
      <c r="JO20" s="345">
        <v>0</v>
      </c>
      <c r="JP20" s="349">
        <v>1451275</v>
      </c>
      <c r="JQ20" s="347">
        <v>1451275</v>
      </c>
      <c r="JR20" s="348">
        <v>0</v>
      </c>
      <c r="JS20" s="345">
        <v>0</v>
      </c>
      <c r="JT20" s="346">
        <v>0</v>
      </c>
      <c r="JU20" s="351">
        <v>0</v>
      </c>
      <c r="JV20" s="345">
        <v>0</v>
      </c>
      <c r="JW20" s="345">
        <v>0</v>
      </c>
      <c r="JX20" s="345">
        <v>0</v>
      </c>
      <c r="JY20" s="345">
        <v>49896</v>
      </c>
      <c r="JZ20" s="345">
        <v>0</v>
      </c>
      <c r="KA20" s="349">
        <v>49896</v>
      </c>
      <c r="KB20" s="347">
        <v>49896</v>
      </c>
      <c r="KC20" s="352">
        <v>0</v>
      </c>
      <c r="KD20" s="353">
        <v>0</v>
      </c>
      <c r="KE20" s="349">
        <v>0</v>
      </c>
      <c r="KF20" s="351">
        <v>0</v>
      </c>
      <c r="KG20" s="345">
        <v>0</v>
      </c>
      <c r="KH20" s="345">
        <v>161937</v>
      </c>
      <c r="KI20" s="345">
        <v>0</v>
      </c>
      <c r="KJ20" s="345">
        <v>0</v>
      </c>
      <c r="KK20" s="345">
        <v>285073</v>
      </c>
      <c r="KL20" s="349">
        <v>447010</v>
      </c>
      <c r="KM20" s="354">
        <v>447010</v>
      </c>
      <c r="KN20" s="342">
        <v>0</v>
      </c>
      <c r="KO20" s="343">
        <v>0</v>
      </c>
      <c r="KP20" s="344">
        <v>0</v>
      </c>
      <c r="KQ20" s="404">
        <v>0</v>
      </c>
      <c r="KR20" s="345">
        <v>491575</v>
      </c>
      <c r="KS20" s="345">
        <v>0</v>
      </c>
      <c r="KT20" s="345">
        <v>237874</v>
      </c>
      <c r="KU20" s="345">
        <v>0</v>
      </c>
      <c r="KV20" s="345">
        <v>0</v>
      </c>
      <c r="KW20" s="349">
        <v>729449</v>
      </c>
      <c r="KX20" s="347">
        <v>729449</v>
      </c>
      <c r="KY20" s="348">
        <v>0</v>
      </c>
      <c r="KZ20" s="345">
        <v>0</v>
      </c>
      <c r="LA20" s="349">
        <v>0</v>
      </c>
      <c r="LB20" s="404">
        <v>0</v>
      </c>
      <c r="LC20" s="345">
        <v>0</v>
      </c>
      <c r="LD20" s="345">
        <v>0</v>
      </c>
      <c r="LE20" s="345">
        <v>0</v>
      </c>
      <c r="LF20" s="345">
        <v>0</v>
      </c>
      <c r="LG20" s="345">
        <v>0</v>
      </c>
      <c r="LH20" s="349">
        <v>0</v>
      </c>
      <c r="LI20" s="350">
        <v>0</v>
      </c>
      <c r="LJ20" s="348">
        <v>0</v>
      </c>
      <c r="LK20" s="345">
        <v>0</v>
      </c>
      <c r="LL20" s="349">
        <v>0</v>
      </c>
      <c r="LM20" s="404">
        <v>0</v>
      </c>
      <c r="LN20" s="345">
        <v>0</v>
      </c>
      <c r="LO20" s="345">
        <v>0</v>
      </c>
      <c r="LP20" s="345">
        <v>0</v>
      </c>
      <c r="LQ20" s="345">
        <v>0</v>
      </c>
      <c r="LR20" s="345">
        <v>0</v>
      </c>
      <c r="LS20" s="349">
        <v>0</v>
      </c>
      <c r="LT20" s="347">
        <v>0</v>
      </c>
      <c r="LU20" s="348">
        <v>0</v>
      </c>
      <c r="LV20" s="345">
        <v>0</v>
      </c>
      <c r="LW20" s="349">
        <v>0</v>
      </c>
      <c r="LX20" s="404">
        <v>0</v>
      </c>
      <c r="LY20" s="345">
        <v>0</v>
      </c>
      <c r="LZ20" s="345">
        <v>0</v>
      </c>
      <c r="MA20" s="345">
        <v>512446</v>
      </c>
      <c r="MB20" s="345">
        <v>508105</v>
      </c>
      <c r="MC20" s="345">
        <v>0</v>
      </c>
      <c r="MD20" s="349">
        <v>1020551</v>
      </c>
      <c r="ME20" s="350">
        <v>1020551</v>
      </c>
      <c r="MF20" s="348">
        <v>0</v>
      </c>
      <c r="MG20" s="345">
        <v>0</v>
      </c>
      <c r="MH20" s="349">
        <v>0</v>
      </c>
      <c r="MI20" s="404">
        <v>0</v>
      </c>
      <c r="MJ20" s="345">
        <v>314344</v>
      </c>
      <c r="MK20" s="345">
        <v>855819</v>
      </c>
      <c r="ML20" s="345">
        <v>336182</v>
      </c>
      <c r="MM20" s="345">
        <v>3550116</v>
      </c>
      <c r="MN20" s="345">
        <v>1624092</v>
      </c>
      <c r="MO20" s="349">
        <v>6680553</v>
      </c>
      <c r="MP20" s="354">
        <v>6680553</v>
      </c>
      <c r="MQ20" s="348">
        <v>0</v>
      </c>
      <c r="MR20" s="345">
        <v>0</v>
      </c>
      <c r="MS20" s="349">
        <v>0</v>
      </c>
      <c r="MT20" s="404">
        <v>0</v>
      </c>
      <c r="MU20" s="345">
        <v>0</v>
      </c>
      <c r="MV20" s="345">
        <v>0</v>
      </c>
      <c r="MW20" s="345">
        <v>282201</v>
      </c>
      <c r="MX20" s="345">
        <v>2648813</v>
      </c>
      <c r="MY20" s="345">
        <v>600205</v>
      </c>
      <c r="MZ20" s="349">
        <v>3531219</v>
      </c>
      <c r="NA20" s="354">
        <v>3531219</v>
      </c>
      <c r="NB20" s="348">
        <v>0</v>
      </c>
      <c r="NC20" s="345">
        <v>0</v>
      </c>
      <c r="ND20" s="349">
        <v>0</v>
      </c>
      <c r="NE20" s="404">
        <v>0</v>
      </c>
      <c r="NF20" s="345">
        <v>314344</v>
      </c>
      <c r="NG20" s="345">
        <v>855819</v>
      </c>
      <c r="NH20" s="345">
        <v>53981</v>
      </c>
      <c r="NI20" s="345">
        <v>901303</v>
      </c>
      <c r="NJ20" s="345">
        <v>1023887</v>
      </c>
      <c r="NK20" s="349">
        <v>3149334</v>
      </c>
      <c r="NL20" s="347">
        <v>3149334</v>
      </c>
      <c r="NM20" s="348">
        <v>0</v>
      </c>
      <c r="NN20" s="345">
        <v>0</v>
      </c>
      <c r="NO20" s="349">
        <v>0</v>
      </c>
      <c r="NP20" s="404">
        <v>0</v>
      </c>
      <c r="NQ20" s="345">
        <v>0</v>
      </c>
      <c r="NR20" s="345">
        <v>0</v>
      </c>
      <c r="NS20" s="345">
        <v>0</v>
      </c>
      <c r="NT20" s="345">
        <v>0</v>
      </c>
      <c r="NU20" s="345">
        <v>0</v>
      </c>
      <c r="NV20" s="349">
        <v>0</v>
      </c>
      <c r="NW20" s="350">
        <v>0</v>
      </c>
      <c r="NX20" s="348">
        <v>0</v>
      </c>
      <c r="NY20" s="345">
        <v>0</v>
      </c>
      <c r="NZ20" s="349">
        <v>0</v>
      </c>
      <c r="OA20" s="404">
        <v>0</v>
      </c>
      <c r="OB20" s="345">
        <v>0</v>
      </c>
      <c r="OC20" s="345">
        <v>0</v>
      </c>
      <c r="OD20" s="345">
        <v>0</v>
      </c>
      <c r="OE20" s="345">
        <v>0</v>
      </c>
      <c r="OF20" s="345">
        <v>0</v>
      </c>
      <c r="OG20" s="349">
        <v>0</v>
      </c>
      <c r="OH20" s="350">
        <v>0</v>
      </c>
      <c r="OI20" s="348">
        <v>17600</v>
      </c>
      <c r="OJ20" s="345">
        <v>378547</v>
      </c>
      <c r="OK20" s="346">
        <v>396147</v>
      </c>
      <c r="OL20" s="351">
        <v>0</v>
      </c>
      <c r="OM20" s="345">
        <v>3398923</v>
      </c>
      <c r="ON20" s="345">
        <v>4173838</v>
      </c>
      <c r="OO20" s="345">
        <v>2543003</v>
      </c>
      <c r="OP20" s="345">
        <v>6168540</v>
      </c>
      <c r="OQ20" s="345">
        <v>2649699</v>
      </c>
      <c r="OR20" s="349">
        <v>18934003</v>
      </c>
      <c r="OS20" s="354">
        <v>19330150</v>
      </c>
    </row>
    <row r="21" spans="2:409" s="70" customFormat="1" ht="21" customHeight="1" x14ac:dyDescent="0.2">
      <c r="B21" s="410" t="s">
        <v>16</v>
      </c>
      <c r="C21" s="326">
        <v>285079</v>
      </c>
      <c r="D21" s="327">
        <v>783506</v>
      </c>
      <c r="E21" s="328">
        <v>1068585</v>
      </c>
      <c r="F21" s="329">
        <v>0</v>
      </c>
      <c r="G21" s="327">
        <v>3863533</v>
      </c>
      <c r="H21" s="327">
        <v>7208228</v>
      </c>
      <c r="I21" s="327">
        <v>5024769</v>
      </c>
      <c r="J21" s="327">
        <v>3137527</v>
      </c>
      <c r="K21" s="327">
        <v>2731356</v>
      </c>
      <c r="L21" s="329">
        <v>21965413</v>
      </c>
      <c r="M21" s="330">
        <v>23033998</v>
      </c>
      <c r="N21" s="326">
        <v>129240</v>
      </c>
      <c r="O21" s="327">
        <v>224399</v>
      </c>
      <c r="P21" s="328">
        <v>353639</v>
      </c>
      <c r="Q21" s="326">
        <v>0</v>
      </c>
      <c r="R21" s="327">
        <v>1009080</v>
      </c>
      <c r="S21" s="327">
        <v>1853099</v>
      </c>
      <c r="T21" s="327">
        <v>1502900</v>
      </c>
      <c r="U21" s="327">
        <v>701720</v>
      </c>
      <c r="V21" s="327">
        <v>1144067</v>
      </c>
      <c r="W21" s="328">
        <v>6210866</v>
      </c>
      <c r="X21" s="330">
        <v>6564505</v>
      </c>
      <c r="Y21" s="326">
        <v>0</v>
      </c>
      <c r="Z21" s="327">
        <v>0</v>
      </c>
      <c r="AA21" s="328">
        <v>0</v>
      </c>
      <c r="AB21" s="326">
        <v>0</v>
      </c>
      <c r="AC21" s="327">
        <v>278775</v>
      </c>
      <c r="AD21" s="327">
        <v>488737</v>
      </c>
      <c r="AE21" s="327">
        <v>974463</v>
      </c>
      <c r="AF21" s="327">
        <v>174334</v>
      </c>
      <c r="AG21" s="327">
        <v>277799</v>
      </c>
      <c r="AH21" s="328">
        <v>2194108</v>
      </c>
      <c r="AI21" s="330">
        <v>2194108</v>
      </c>
      <c r="AJ21" s="326">
        <v>0</v>
      </c>
      <c r="AK21" s="327">
        <v>0</v>
      </c>
      <c r="AL21" s="328">
        <v>0</v>
      </c>
      <c r="AM21" s="326">
        <v>0</v>
      </c>
      <c r="AN21" s="327">
        <v>23090</v>
      </c>
      <c r="AO21" s="327">
        <v>0</v>
      </c>
      <c r="AP21" s="327">
        <v>46180</v>
      </c>
      <c r="AQ21" s="327">
        <v>0</v>
      </c>
      <c r="AR21" s="327">
        <v>292278</v>
      </c>
      <c r="AS21" s="328">
        <v>361548</v>
      </c>
      <c r="AT21" s="330">
        <v>361548</v>
      </c>
      <c r="AU21" s="326">
        <v>120312</v>
      </c>
      <c r="AV21" s="327">
        <v>168459</v>
      </c>
      <c r="AW21" s="328">
        <v>288771</v>
      </c>
      <c r="AX21" s="326">
        <v>0</v>
      </c>
      <c r="AY21" s="327">
        <v>462008</v>
      </c>
      <c r="AZ21" s="327">
        <v>895584</v>
      </c>
      <c r="BA21" s="327">
        <v>238089</v>
      </c>
      <c r="BB21" s="327">
        <v>328378</v>
      </c>
      <c r="BC21" s="327">
        <v>299901</v>
      </c>
      <c r="BD21" s="328">
        <v>2223960</v>
      </c>
      <c r="BE21" s="330">
        <v>2512731</v>
      </c>
      <c r="BF21" s="326">
        <v>0</v>
      </c>
      <c r="BG21" s="327">
        <v>27172</v>
      </c>
      <c r="BH21" s="331">
        <v>27172</v>
      </c>
      <c r="BI21" s="332">
        <v>0</v>
      </c>
      <c r="BJ21" s="327">
        <v>23775</v>
      </c>
      <c r="BK21" s="327">
        <v>63746</v>
      </c>
      <c r="BL21" s="327">
        <v>0</v>
      </c>
      <c r="BM21" s="327">
        <v>0</v>
      </c>
      <c r="BN21" s="327">
        <v>71713</v>
      </c>
      <c r="BO21" s="328">
        <v>159234</v>
      </c>
      <c r="BP21" s="330">
        <v>186406</v>
      </c>
      <c r="BQ21" s="326">
        <v>8928</v>
      </c>
      <c r="BR21" s="327">
        <v>28768</v>
      </c>
      <c r="BS21" s="328">
        <v>37696</v>
      </c>
      <c r="BT21" s="326">
        <v>0</v>
      </c>
      <c r="BU21" s="327">
        <v>221432</v>
      </c>
      <c r="BV21" s="327">
        <v>405032</v>
      </c>
      <c r="BW21" s="327">
        <v>244168</v>
      </c>
      <c r="BX21" s="327">
        <v>199008</v>
      </c>
      <c r="BY21" s="327">
        <v>202376</v>
      </c>
      <c r="BZ21" s="328">
        <v>1272016</v>
      </c>
      <c r="CA21" s="330">
        <v>1309712</v>
      </c>
      <c r="CB21" s="326">
        <v>41426</v>
      </c>
      <c r="CC21" s="327">
        <v>308653</v>
      </c>
      <c r="CD21" s="328">
        <v>350079</v>
      </c>
      <c r="CE21" s="326">
        <v>0</v>
      </c>
      <c r="CF21" s="327">
        <v>1129495</v>
      </c>
      <c r="CG21" s="327">
        <v>2250490</v>
      </c>
      <c r="CH21" s="327">
        <v>947749</v>
      </c>
      <c r="CI21" s="327">
        <v>559513</v>
      </c>
      <c r="CJ21" s="327">
        <v>196432</v>
      </c>
      <c r="CK21" s="328">
        <v>5083679</v>
      </c>
      <c r="CL21" s="330">
        <v>5433758</v>
      </c>
      <c r="CM21" s="326">
        <v>0</v>
      </c>
      <c r="CN21" s="327">
        <v>0</v>
      </c>
      <c r="CO21" s="328">
        <v>0</v>
      </c>
      <c r="CP21" s="332">
        <v>0</v>
      </c>
      <c r="CQ21" s="327">
        <v>710612</v>
      </c>
      <c r="CR21" s="327">
        <v>1093880</v>
      </c>
      <c r="CS21" s="327">
        <v>462701</v>
      </c>
      <c r="CT21" s="327">
        <v>430943</v>
      </c>
      <c r="CU21" s="327">
        <v>112032</v>
      </c>
      <c r="CV21" s="328">
        <v>2810168</v>
      </c>
      <c r="CW21" s="330">
        <v>2810168</v>
      </c>
      <c r="CX21" s="326">
        <v>41426</v>
      </c>
      <c r="CY21" s="327">
        <v>308653</v>
      </c>
      <c r="CZ21" s="328">
        <v>350079</v>
      </c>
      <c r="DA21" s="326">
        <v>0</v>
      </c>
      <c r="DB21" s="327">
        <v>418883</v>
      </c>
      <c r="DC21" s="327">
        <v>1156610</v>
      </c>
      <c r="DD21" s="327">
        <v>485048</v>
      </c>
      <c r="DE21" s="327">
        <v>128570</v>
      </c>
      <c r="DF21" s="327">
        <v>84400</v>
      </c>
      <c r="DG21" s="328">
        <v>2273511</v>
      </c>
      <c r="DH21" s="330">
        <v>2623590</v>
      </c>
      <c r="DI21" s="326">
        <v>0</v>
      </c>
      <c r="DJ21" s="327">
        <v>0</v>
      </c>
      <c r="DK21" s="331">
        <v>0</v>
      </c>
      <c r="DL21" s="332">
        <v>0</v>
      </c>
      <c r="DM21" s="327">
        <v>90513</v>
      </c>
      <c r="DN21" s="327">
        <v>228167</v>
      </c>
      <c r="DO21" s="327">
        <v>346235</v>
      </c>
      <c r="DP21" s="327">
        <v>35501</v>
      </c>
      <c r="DQ21" s="327">
        <v>20783</v>
      </c>
      <c r="DR21" s="328">
        <v>721199</v>
      </c>
      <c r="DS21" s="330">
        <v>721199</v>
      </c>
      <c r="DT21" s="326">
        <v>0</v>
      </c>
      <c r="DU21" s="327">
        <v>0</v>
      </c>
      <c r="DV21" s="328">
        <v>0</v>
      </c>
      <c r="DW21" s="326">
        <v>0</v>
      </c>
      <c r="DX21" s="327">
        <v>0</v>
      </c>
      <c r="DY21" s="327">
        <v>40229</v>
      </c>
      <c r="DZ21" s="327">
        <v>346235</v>
      </c>
      <c r="EA21" s="327">
        <v>35501</v>
      </c>
      <c r="EB21" s="327">
        <v>20783</v>
      </c>
      <c r="EC21" s="328">
        <v>442748</v>
      </c>
      <c r="ED21" s="330">
        <v>442748</v>
      </c>
      <c r="EE21" s="326">
        <v>0</v>
      </c>
      <c r="EF21" s="331">
        <v>0</v>
      </c>
      <c r="EG21" s="328">
        <v>0</v>
      </c>
      <c r="EH21" s="326">
        <v>0</v>
      </c>
      <c r="EI21" s="327">
        <v>90513</v>
      </c>
      <c r="EJ21" s="327">
        <v>187938</v>
      </c>
      <c r="EK21" s="327">
        <v>0</v>
      </c>
      <c r="EL21" s="327">
        <v>0</v>
      </c>
      <c r="EM21" s="327">
        <v>0</v>
      </c>
      <c r="EN21" s="331">
        <v>278451</v>
      </c>
      <c r="EO21" s="330">
        <v>278451</v>
      </c>
      <c r="EP21" s="326">
        <v>0</v>
      </c>
      <c r="EQ21" s="327">
        <v>0</v>
      </c>
      <c r="ER21" s="331">
        <v>0</v>
      </c>
      <c r="ES21" s="332">
        <v>0</v>
      </c>
      <c r="ET21" s="327">
        <v>0</v>
      </c>
      <c r="EU21" s="327">
        <v>0</v>
      </c>
      <c r="EV21" s="327">
        <v>0</v>
      </c>
      <c r="EW21" s="327">
        <v>0</v>
      </c>
      <c r="EX21" s="327">
        <v>0</v>
      </c>
      <c r="EY21" s="328">
        <v>0</v>
      </c>
      <c r="EZ21" s="330">
        <v>0</v>
      </c>
      <c r="FA21" s="326">
        <v>0</v>
      </c>
      <c r="FB21" s="327">
        <v>0</v>
      </c>
      <c r="FC21" s="331">
        <v>0</v>
      </c>
      <c r="FD21" s="332">
        <v>0</v>
      </c>
      <c r="FE21" s="327">
        <v>0</v>
      </c>
      <c r="FF21" s="327">
        <v>0</v>
      </c>
      <c r="FG21" s="327">
        <v>0</v>
      </c>
      <c r="FH21" s="327">
        <v>0</v>
      </c>
      <c r="FI21" s="327">
        <v>0</v>
      </c>
      <c r="FJ21" s="328">
        <v>0</v>
      </c>
      <c r="FK21" s="330">
        <v>0</v>
      </c>
      <c r="FL21" s="326">
        <v>60032</v>
      </c>
      <c r="FM21" s="327">
        <v>149184</v>
      </c>
      <c r="FN21" s="328">
        <v>209216</v>
      </c>
      <c r="FO21" s="326">
        <v>0</v>
      </c>
      <c r="FP21" s="327">
        <v>243700</v>
      </c>
      <c r="FQ21" s="327">
        <v>590704</v>
      </c>
      <c r="FR21" s="327">
        <v>538584</v>
      </c>
      <c r="FS21" s="327">
        <v>141112</v>
      </c>
      <c r="FT21" s="327">
        <v>165416</v>
      </c>
      <c r="FU21" s="328">
        <v>1679516</v>
      </c>
      <c r="FV21" s="330">
        <v>1888732</v>
      </c>
      <c r="FW21" s="333">
        <v>60032</v>
      </c>
      <c r="FX21" s="327">
        <v>149184</v>
      </c>
      <c r="FY21" s="331">
        <v>209216</v>
      </c>
      <c r="FZ21" s="332">
        <v>0</v>
      </c>
      <c r="GA21" s="327">
        <v>107048</v>
      </c>
      <c r="GB21" s="327">
        <v>590704</v>
      </c>
      <c r="GC21" s="327">
        <v>483384</v>
      </c>
      <c r="GD21" s="327">
        <v>141112</v>
      </c>
      <c r="GE21" s="327">
        <v>129336</v>
      </c>
      <c r="GF21" s="328">
        <v>1451584</v>
      </c>
      <c r="GG21" s="334">
        <v>1660800</v>
      </c>
      <c r="GH21" s="333">
        <v>0</v>
      </c>
      <c r="GI21" s="327">
        <v>0</v>
      </c>
      <c r="GJ21" s="331">
        <v>0</v>
      </c>
      <c r="GK21" s="332">
        <v>0</v>
      </c>
      <c r="GL21" s="327">
        <v>0</v>
      </c>
      <c r="GM21" s="327">
        <v>0</v>
      </c>
      <c r="GN21" s="327">
        <v>0</v>
      </c>
      <c r="GO21" s="327">
        <v>0</v>
      </c>
      <c r="GP21" s="327">
        <v>36080</v>
      </c>
      <c r="GQ21" s="328">
        <v>36080</v>
      </c>
      <c r="GR21" s="330">
        <v>36080</v>
      </c>
      <c r="GS21" s="326">
        <v>0</v>
      </c>
      <c r="GT21" s="327">
        <v>0</v>
      </c>
      <c r="GU21" s="328">
        <v>0</v>
      </c>
      <c r="GV21" s="326">
        <v>0</v>
      </c>
      <c r="GW21" s="327">
        <v>136652</v>
      </c>
      <c r="GX21" s="327">
        <v>0</v>
      </c>
      <c r="GY21" s="327">
        <v>55200</v>
      </c>
      <c r="GZ21" s="327">
        <v>0</v>
      </c>
      <c r="HA21" s="327">
        <v>0</v>
      </c>
      <c r="HB21" s="331">
        <v>191852</v>
      </c>
      <c r="HC21" s="330">
        <v>191852</v>
      </c>
      <c r="HD21" s="326">
        <v>54381</v>
      </c>
      <c r="HE21" s="327">
        <v>101270</v>
      </c>
      <c r="HF21" s="331">
        <v>155651</v>
      </c>
      <c r="HG21" s="332">
        <v>0</v>
      </c>
      <c r="HH21" s="327">
        <v>1390745</v>
      </c>
      <c r="HI21" s="327">
        <v>2285768</v>
      </c>
      <c r="HJ21" s="327">
        <v>1689301</v>
      </c>
      <c r="HK21" s="327">
        <v>1699681</v>
      </c>
      <c r="HL21" s="327">
        <v>1204658</v>
      </c>
      <c r="HM21" s="328">
        <v>8270153</v>
      </c>
      <c r="HN21" s="329">
        <v>8425804</v>
      </c>
      <c r="HO21" s="333">
        <v>0</v>
      </c>
      <c r="HP21" s="327">
        <v>0</v>
      </c>
      <c r="HQ21" s="328">
        <v>0</v>
      </c>
      <c r="HR21" s="326">
        <v>0</v>
      </c>
      <c r="HS21" s="327">
        <v>0</v>
      </c>
      <c r="HT21" s="327">
        <v>0</v>
      </c>
      <c r="HU21" s="327">
        <v>0</v>
      </c>
      <c r="HV21" s="327">
        <v>0</v>
      </c>
      <c r="HW21" s="327">
        <v>0</v>
      </c>
      <c r="HX21" s="331">
        <v>0</v>
      </c>
      <c r="HY21" s="330">
        <v>0</v>
      </c>
      <c r="HZ21" s="335">
        <v>0</v>
      </c>
      <c r="IA21" s="336">
        <v>0</v>
      </c>
      <c r="IB21" s="337">
        <v>0</v>
      </c>
      <c r="IC21" s="338">
        <v>0</v>
      </c>
      <c r="ID21" s="336">
        <v>764690</v>
      </c>
      <c r="IE21" s="339">
        <v>2236417</v>
      </c>
      <c r="IF21" s="337">
        <v>1581881</v>
      </c>
      <c r="IG21" s="336">
        <v>1424107</v>
      </c>
      <c r="IH21" s="337">
        <v>311895</v>
      </c>
      <c r="II21" s="340">
        <v>6318990</v>
      </c>
      <c r="IJ21" s="341">
        <v>6318990</v>
      </c>
      <c r="IK21" s="342">
        <v>0</v>
      </c>
      <c r="IL21" s="343">
        <v>0</v>
      </c>
      <c r="IM21" s="344">
        <v>0</v>
      </c>
      <c r="IN21" s="404">
        <v>0</v>
      </c>
      <c r="IO21" s="345">
        <v>0</v>
      </c>
      <c r="IP21" s="345">
        <v>26983</v>
      </c>
      <c r="IQ21" s="345">
        <v>0</v>
      </c>
      <c r="IR21" s="345">
        <v>215885</v>
      </c>
      <c r="IS21" s="345">
        <v>0</v>
      </c>
      <c r="IT21" s="346">
        <v>242868</v>
      </c>
      <c r="IU21" s="347">
        <v>242868</v>
      </c>
      <c r="IV21" s="348">
        <v>0</v>
      </c>
      <c r="IW21" s="345">
        <v>0</v>
      </c>
      <c r="IX21" s="349">
        <v>0</v>
      </c>
      <c r="IY21" s="404">
        <v>0</v>
      </c>
      <c r="IZ21" s="345">
        <v>0</v>
      </c>
      <c r="JA21" s="345">
        <v>0</v>
      </c>
      <c r="JB21" s="345">
        <v>0</v>
      </c>
      <c r="JC21" s="345">
        <v>12953</v>
      </c>
      <c r="JD21" s="345">
        <v>30884</v>
      </c>
      <c r="JE21" s="349">
        <v>43837</v>
      </c>
      <c r="JF21" s="350">
        <v>43837</v>
      </c>
      <c r="JG21" s="348">
        <v>0</v>
      </c>
      <c r="JH21" s="345">
        <v>0</v>
      </c>
      <c r="JI21" s="346">
        <v>0</v>
      </c>
      <c r="JJ21" s="351">
        <v>0</v>
      </c>
      <c r="JK21" s="345">
        <v>398301</v>
      </c>
      <c r="JL21" s="345">
        <v>477574</v>
      </c>
      <c r="JM21" s="345">
        <v>311744</v>
      </c>
      <c r="JN21" s="345">
        <v>91961</v>
      </c>
      <c r="JO21" s="345">
        <v>0</v>
      </c>
      <c r="JP21" s="349">
        <v>1279580</v>
      </c>
      <c r="JQ21" s="347">
        <v>1279580</v>
      </c>
      <c r="JR21" s="348">
        <v>0</v>
      </c>
      <c r="JS21" s="345">
        <v>0</v>
      </c>
      <c r="JT21" s="346">
        <v>0</v>
      </c>
      <c r="JU21" s="351">
        <v>0</v>
      </c>
      <c r="JV21" s="345">
        <v>0</v>
      </c>
      <c r="JW21" s="345">
        <v>0</v>
      </c>
      <c r="JX21" s="345">
        <v>111381</v>
      </c>
      <c r="JY21" s="345">
        <v>0</v>
      </c>
      <c r="JZ21" s="345">
        <v>0</v>
      </c>
      <c r="KA21" s="349">
        <v>111381</v>
      </c>
      <c r="KB21" s="347">
        <v>111381</v>
      </c>
      <c r="KC21" s="352">
        <v>0</v>
      </c>
      <c r="KD21" s="353">
        <v>0</v>
      </c>
      <c r="KE21" s="349">
        <v>0</v>
      </c>
      <c r="KF21" s="351">
        <v>0</v>
      </c>
      <c r="KG21" s="345">
        <v>128397</v>
      </c>
      <c r="KH21" s="345">
        <v>0</v>
      </c>
      <c r="KI21" s="345">
        <v>0</v>
      </c>
      <c r="KJ21" s="345">
        <v>249142</v>
      </c>
      <c r="KK21" s="345">
        <v>0</v>
      </c>
      <c r="KL21" s="349">
        <v>377539</v>
      </c>
      <c r="KM21" s="354">
        <v>377539</v>
      </c>
      <c r="KN21" s="342">
        <v>0</v>
      </c>
      <c r="KO21" s="343">
        <v>0</v>
      </c>
      <c r="KP21" s="344">
        <v>0</v>
      </c>
      <c r="KQ21" s="404">
        <v>0</v>
      </c>
      <c r="KR21" s="345">
        <v>237992</v>
      </c>
      <c r="KS21" s="345">
        <v>1000523</v>
      </c>
      <c r="KT21" s="345">
        <v>172469</v>
      </c>
      <c r="KU21" s="345">
        <v>272606</v>
      </c>
      <c r="KV21" s="345">
        <v>281011</v>
      </c>
      <c r="KW21" s="349">
        <v>1964601</v>
      </c>
      <c r="KX21" s="347">
        <v>1964601</v>
      </c>
      <c r="KY21" s="348">
        <v>0</v>
      </c>
      <c r="KZ21" s="345">
        <v>0</v>
      </c>
      <c r="LA21" s="349">
        <v>0</v>
      </c>
      <c r="LB21" s="404">
        <v>0</v>
      </c>
      <c r="LC21" s="345">
        <v>0</v>
      </c>
      <c r="LD21" s="345">
        <v>0</v>
      </c>
      <c r="LE21" s="345">
        <v>0</v>
      </c>
      <c r="LF21" s="345">
        <v>0</v>
      </c>
      <c r="LG21" s="345">
        <v>0</v>
      </c>
      <c r="LH21" s="349">
        <v>0</v>
      </c>
      <c r="LI21" s="350">
        <v>0</v>
      </c>
      <c r="LJ21" s="348">
        <v>0</v>
      </c>
      <c r="LK21" s="345">
        <v>0</v>
      </c>
      <c r="LL21" s="349">
        <v>0</v>
      </c>
      <c r="LM21" s="404">
        <v>0</v>
      </c>
      <c r="LN21" s="345">
        <v>0</v>
      </c>
      <c r="LO21" s="345">
        <v>0</v>
      </c>
      <c r="LP21" s="345">
        <v>0</v>
      </c>
      <c r="LQ21" s="345">
        <v>581560</v>
      </c>
      <c r="LR21" s="345">
        <v>0</v>
      </c>
      <c r="LS21" s="349">
        <v>581560</v>
      </c>
      <c r="LT21" s="347">
        <v>581560</v>
      </c>
      <c r="LU21" s="348">
        <v>0</v>
      </c>
      <c r="LV21" s="345">
        <v>0</v>
      </c>
      <c r="LW21" s="349">
        <v>0</v>
      </c>
      <c r="LX21" s="404">
        <v>0</v>
      </c>
      <c r="LY21" s="345">
        <v>0</v>
      </c>
      <c r="LZ21" s="345">
        <v>731337</v>
      </c>
      <c r="MA21" s="345">
        <v>986287</v>
      </c>
      <c r="MB21" s="345">
        <v>0</v>
      </c>
      <c r="MC21" s="345">
        <v>0</v>
      </c>
      <c r="MD21" s="349">
        <v>1717624</v>
      </c>
      <c r="ME21" s="350">
        <v>1717624</v>
      </c>
      <c r="MF21" s="348">
        <v>0</v>
      </c>
      <c r="MG21" s="345">
        <v>0</v>
      </c>
      <c r="MH21" s="349">
        <v>0</v>
      </c>
      <c r="MI21" s="404">
        <v>0</v>
      </c>
      <c r="MJ21" s="345">
        <v>680490</v>
      </c>
      <c r="MK21" s="345">
        <v>1286414</v>
      </c>
      <c r="ML21" s="345">
        <v>3206055</v>
      </c>
      <c r="MM21" s="345">
        <v>5768784</v>
      </c>
      <c r="MN21" s="345">
        <v>2116543</v>
      </c>
      <c r="MO21" s="349">
        <v>13058286</v>
      </c>
      <c r="MP21" s="354">
        <v>13058286</v>
      </c>
      <c r="MQ21" s="348">
        <v>0</v>
      </c>
      <c r="MR21" s="345">
        <v>0</v>
      </c>
      <c r="MS21" s="349">
        <v>0</v>
      </c>
      <c r="MT21" s="404">
        <v>0</v>
      </c>
      <c r="MU21" s="345">
        <v>0</v>
      </c>
      <c r="MV21" s="345">
        <v>0</v>
      </c>
      <c r="MW21" s="345">
        <v>1764539</v>
      </c>
      <c r="MX21" s="345">
        <v>3705027</v>
      </c>
      <c r="MY21" s="345">
        <v>1120052</v>
      </c>
      <c r="MZ21" s="349">
        <v>6589618</v>
      </c>
      <c r="NA21" s="354">
        <v>6589618</v>
      </c>
      <c r="NB21" s="348">
        <v>0</v>
      </c>
      <c r="NC21" s="345">
        <v>0</v>
      </c>
      <c r="ND21" s="349">
        <v>0</v>
      </c>
      <c r="NE21" s="404">
        <v>0</v>
      </c>
      <c r="NF21" s="345">
        <v>680490</v>
      </c>
      <c r="NG21" s="345">
        <v>1286414</v>
      </c>
      <c r="NH21" s="345">
        <v>1441516</v>
      </c>
      <c r="NI21" s="345">
        <v>2063757</v>
      </c>
      <c r="NJ21" s="345">
        <v>591771</v>
      </c>
      <c r="NK21" s="349">
        <v>6063948</v>
      </c>
      <c r="NL21" s="347">
        <v>6063948</v>
      </c>
      <c r="NM21" s="348">
        <v>0</v>
      </c>
      <c r="NN21" s="345">
        <v>0</v>
      </c>
      <c r="NO21" s="349">
        <v>0</v>
      </c>
      <c r="NP21" s="404">
        <v>0</v>
      </c>
      <c r="NQ21" s="345">
        <v>0</v>
      </c>
      <c r="NR21" s="345">
        <v>0</v>
      </c>
      <c r="NS21" s="345">
        <v>0</v>
      </c>
      <c r="NT21" s="345">
        <v>0</v>
      </c>
      <c r="NU21" s="345">
        <v>0</v>
      </c>
      <c r="NV21" s="349">
        <v>0</v>
      </c>
      <c r="NW21" s="350">
        <v>0</v>
      </c>
      <c r="NX21" s="348">
        <v>0</v>
      </c>
      <c r="NY21" s="345">
        <v>0</v>
      </c>
      <c r="NZ21" s="349">
        <v>0</v>
      </c>
      <c r="OA21" s="404">
        <v>0</v>
      </c>
      <c r="OB21" s="345">
        <v>0</v>
      </c>
      <c r="OC21" s="345">
        <v>0</v>
      </c>
      <c r="OD21" s="345">
        <v>0</v>
      </c>
      <c r="OE21" s="345">
        <v>0</v>
      </c>
      <c r="OF21" s="345">
        <v>404720</v>
      </c>
      <c r="OG21" s="349">
        <v>404720</v>
      </c>
      <c r="OH21" s="350">
        <v>404720</v>
      </c>
      <c r="OI21" s="348">
        <v>285079</v>
      </c>
      <c r="OJ21" s="345">
        <v>783506</v>
      </c>
      <c r="OK21" s="346">
        <v>1068585</v>
      </c>
      <c r="OL21" s="351">
        <v>0</v>
      </c>
      <c r="OM21" s="345">
        <v>5308713</v>
      </c>
      <c r="ON21" s="345">
        <v>10731059</v>
      </c>
      <c r="OO21" s="345">
        <v>9812705</v>
      </c>
      <c r="OP21" s="345">
        <v>10330418</v>
      </c>
      <c r="OQ21" s="345">
        <v>5159794</v>
      </c>
      <c r="OR21" s="349">
        <v>41342689</v>
      </c>
      <c r="OS21" s="354">
        <v>42411274</v>
      </c>
    </row>
    <row r="22" spans="2:409" s="70" customFormat="1" ht="21" customHeight="1" x14ac:dyDescent="0.2">
      <c r="B22" s="410" t="s">
        <v>17</v>
      </c>
      <c r="C22" s="326">
        <v>502259</v>
      </c>
      <c r="D22" s="327">
        <v>713241</v>
      </c>
      <c r="E22" s="328">
        <v>1215500</v>
      </c>
      <c r="F22" s="329">
        <v>0</v>
      </c>
      <c r="G22" s="327">
        <v>4275140</v>
      </c>
      <c r="H22" s="327">
        <v>8689288</v>
      </c>
      <c r="I22" s="327">
        <v>6661032</v>
      </c>
      <c r="J22" s="327">
        <v>3381705</v>
      </c>
      <c r="K22" s="327">
        <v>2886932</v>
      </c>
      <c r="L22" s="329">
        <v>25894097</v>
      </c>
      <c r="M22" s="330">
        <v>27109597</v>
      </c>
      <c r="N22" s="326">
        <v>132753</v>
      </c>
      <c r="O22" s="327">
        <v>156476</v>
      </c>
      <c r="P22" s="328">
        <v>289229</v>
      </c>
      <c r="Q22" s="326">
        <v>0</v>
      </c>
      <c r="R22" s="327">
        <v>1343371</v>
      </c>
      <c r="S22" s="327">
        <v>2642997</v>
      </c>
      <c r="T22" s="327">
        <v>2456553</v>
      </c>
      <c r="U22" s="327">
        <v>1512279</v>
      </c>
      <c r="V22" s="327">
        <v>2091794</v>
      </c>
      <c r="W22" s="328">
        <v>10046994</v>
      </c>
      <c r="X22" s="330">
        <v>10336223</v>
      </c>
      <c r="Y22" s="326">
        <v>0</v>
      </c>
      <c r="Z22" s="327">
        <v>0</v>
      </c>
      <c r="AA22" s="328">
        <v>0</v>
      </c>
      <c r="AB22" s="326">
        <v>0</v>
      </c>
      <c r="AC22" s="327">
        <v>431571</v>
      </c>
      <c r="AD22" s="327">
        <v>1296978</v>
      </c>
      <c r="AE22" s="327">
        <v>1368188</v>
      </c>
      <c r="AF22" s="327">
        <v>1047424</v>
      </c>
      <c r="AG22" s="327">
        <v>1730954</v>
      </c>
      <c r="AH22" s="328">
        <v>5875115</v>
      </c>
      <c r="AI22" s="330">
        <v>5875115</v>
      </c>
      <c r="AJ22" s="326">
        <v>0</v>
      </c>
      <c r="AK22" s="327">
        <v>0</v>
      </c>
      <c r="AL22" s="328">
        <v>0</v>
      </c>
      <c r="AM22" s="326">
        <v>0</v>
      </c>
      <c r="AN22" s="327">
        <v>0</v>
      </c>
      <c r="AO22" s="327">
        <v>48973</v>
      </c>
      <c r="AP22" s="327">
        <v>75395</v>
      </c>
      <c r="AQ22" s="327">
        <v>0</v>
      </c>
      <c r="AR22" s="327">
        <v>0</v>
      </c>
      <c r="AS22" s="328">
        <v>124368</v>
      </c>
      <c r="AT22" s="330">
        <v>124368</v>
      </c>
      <c r="AU22" s="326">
        <v>32177</v>
      </c>
      <c r="AV22" s="327">
        <v>41681</v>
      </c>
      <c r="AW22" s="328">
        <v>73858</v>
      </c>
      <c r="AX22" s="326">
        <v>0</v>
      </c>
      <c r="AY22" s="327">
        <v>717231</v>
      </c>
      <c r="AZ22" s="327">
        <v>722309</v>
      </c>
      <c r="BA22" s="327">
        <v>488708</v>
      </c>
      <c r="BB22" s="327">
        <v>245295</v>
      </c>
      <c r="BC22" s="327">
        <v>140624</v>
      </c>
      <c r="BD22" s="328">
        <v>2314167</v>
      </c>
      <c r="BE22" s="330">
        <v>2388025</v>
      </c>
      <c r="BF22" s="326">
        <v>0</v>
      </c>
      <c r="BG22" s="327">
        <v>90763</v>
      </c>
      <c r="BH22" s="331">
        <v>90763</v>
      </c>
      <c r="BI22" s="332">
        <v>0</v>
      </c>
      <c r="BJ22" s="327">
        <v>44497</v>
      </c>
      <c r="BK22" s="327">
        <v>103809</v>
      </c>
      <c r="BL22" s="327">
        <v>60006</v>
      </c>
      <c r="BM22" s="327">
        <v>0</v>
      </c>
      <c r="BN22" s="327">
        <v>36232</v>
      </c>
      <c r="BO22" s="328">
        <v>244544</v>
      </c>
      <c r="BP22" s="330">
        <v>335307</v>
      </c>
      <c r="BQ22" s="326">
        <v>100576</v>
      </c>
      <c r="BR22" s="327">
        <v>24032</v>
      </c>
      <c r="BS22" s="328">
        <v>124608</v>
      </c>
      <c r="BT22" s="326">
        <v>0</v>
      </c>
      <c r="BU22" s="327">
        <v>150072</v>
      </c>
      <c r="BV22" s="327">
        <v>470928</v>
      </c>
      <c r="BW22" s="327">
        <v>464256</v>
      </c>
      <c r="BX22" s="327">
        <v>219560</v>
      </c>
      <c r="BY22" s="327">
        <v>183984</v>
      </c>
      <c r="BZ22" s="328">
        <v>1488800</v>
      </c>
      <c r="CA22" s="330">
        <v>1613408</v>
      </c>
      <c r="CB22" s="326">
        <v>44895</v>
      </c>
      <c r="CC22" s="327">
        <v>120549</v>
      </c>
      <c r="CD22" s="328">
        <v>165444</v>
      </c>
      <c r="CE22" s="326">
        <v>0</v>
      </c>
      <c r="CF22" s="327">
        <v>1448571</v>
      </c>
      <c r="CG22" s="327">
        <v>2274291</v>
      </c>
      <c r="CH22" s="327">
        <v>2051577</v>
      </c>
      <c r="CI22" s="327">
        <v>264284</v>
      </c>
      <c r="CJ22" s="327">
        <v>158112</v>
      </c>
      <c r="CK22" s="328">
        <v>6196835</v>
      </c>
      <c r="CL22" s="330">
        <v>6362279</v>
      </c>
      <c r="CM22" s="326">
        <v>0</v>
      </c>
      <c r="CN22" s="327">
        <v>0</v>
      </c>
      <c r="CO22" s="328">
        <v>0</v>
      </c>
      <c r="CP22" s="332">
        <v>0</v>
      </c>
      <c r="CQ22" s="327">
        <v>1219066</v>
      </c>
      <c r="CR22" s="327">
        <v>1470117</v>
      </c>
      <c r="CS22" s="327">
        <v>1705063</v>
      </c>
      <c r="CT22" s="327">
        <v>59913</v>
      </c>
      <c r="CU22" s="327">
        <v>132328</v>
      </c>
      <c r="CV22" s="328">
        <v>4586487</v>
      </c>
      <c r="CW22" s="330">
        <v>4586487</v>
      </c>
      <c r="CX22" s="326">
        <v>44895</v>
      </c>
      <c r="CY22" s="327">
        <v>120549</v>
      </c>
      <c r="CZ22" s="328">
        <v>165444</v>
      </c>
      <c r="DA22" s="326">
        <v>0</v>
      </c>
      <c r="DB22" s="327">
        <v>229505</v>
      </c>
      <c r="DC22" s="327">
        <v>804174</v>
      </c>
      <c r="DD22" s="327">
        <v>346514</v>
      </c>
      <c r="DE22" s="327">
        <v>204371</v>
      </c>
      <c r="DF22" s="327">
        <v>25784</v>
      </c>
      <c r="DG22" s="328">
        <v>1610348</v>
      </c>
      <c r="DH22" s="330">
        <v>1775792</v>
      </c>
      <c r="DI22" s="326">
        <v>0</v>
      </c>
      <c r="DJ22" s="327">
        <v>71494</v>
      </c>
      <c r="DK22" s="331">
        <v>71494</v>
      </c>
      <c r="DL22" s="332">
        <v>0</v>
      </c>
      <c r="DM22" s="327">
        <v>207939</v>
      </c>
      <c r="DN22" s="327">
        <v>401285</v>
      </c>
      <c r="DO22" s="327">
        <v>622121</v>
      </c>
      <c r="DP22" s="327">
        <v>965492</v>
      </c>
      <c r="DQ22" s="327">
        <v>249825</v>
      </c>
      <c r="DR22" s="328">
        <v>2446662</v>
      </c>
      <c r="DS22" s="330">
        <v>2518156</v>
      </c>
      <c r="DT22" s="326">
        <v>0</v>
      </c>
      <c r="DU22" s="327">
        <v>71494</v>
      </c>
      <c r="DV22" s="328">
        <v>71494</v>
      </c>
      <c r="DW22" s="326">
        <v>0</v>
      </c>
      <c r="DX22" s="327">
        <v>138639</v>
      </c>
      <c r="DY22" s="327">
        <v>332311</v>
      </c>
      <c r="DZ22" s="327">
        <v>622121</v>
      </c>
      <c r="EA22" s="327">
        <v>853046</v>
      </c>
      <c r="EB22" s="327">
        <v>249825</v>
      </c>
      <c r="EC22" s="328">
        <v>2195942</v>
      </c>
      <c r="ED22" s="330">
        <v>2267436</v>
      </c>
      <c r="EE22" s="326">
        <v>0</v>
      </c>
      <c r="EF22" s="331">
        <v>0</v>
      </c>
      <c r="EG22" s="328">
        <v>0</v>
      </c>
      <c r="EH22" s="326">
        <v>0</v>
      </c>
      <c r="EI22" s="327">
        <v>69300</v>
      </c>
      <c r="EJ22" s="327">
        <v>68974</v>
      </c>
      <c r="EK22" s="327">
        <v>0</v>
      </c>
      <c r="EL22" s="327">
        <v>112446</v>
      </c>
      <c r="EM22" s="327">
        <v>0</v>
      </c>
      <c r="EN22" s="331">
        <v>250720</v>
      </c>
      <c r="EO22" s="330">
        <v>250720</v>
      </c>
      <c r="EP22" s="326">
        <v>0</v>
      </c>
      <c r="EQ22" s="327">
        <v>0</v>
      </c>
      <c r="ER22" s="331">
        <v>0</v>
      </c>
      <c r="ES22" s="332">
        <v>0</v>
      </c>
      <c r="ET22" s="327">
        <v>0</v>
      </c>
      <c r="EU22" s="327">
        <v>0</v>
      </c>
      <c r="EV22" s="327">
        <v>0</v>
      </c>
      <c r="EW22" s="327">
        <v>0</v>
      </c>
      <c r="EX22" s="327">
        <v>0</v>
      </c>
      <c r="EY22" s="328">
        <v>0</v>
      </c>
      <c r="EZ22" s="330">
        <v>0</v>
      </c>
      <c r="FA22" s="326">
        <v>0</v>
      </c>
      <c r="FB22" s="327">
        <v>0</v>
      </c>
      <c r="FC22" s="331">
        <v>0</v>
      </c>
      <c r="FD22" s="332">
        <v>0</v>
      </c>
      <c r="FE22" s="327">
        <v>0</v>
      </c>
      <c r="FF22" s="327">
        <v>0</v>
      </c>
      <c r="FG22" s="327">
        <v>0</v>
      </c>
      <c r="FH22" s="327">
        <v>0</v>
      </c>
      <c r="FI22" s="327">
        <v>0</v>
      </c>
      <c r="FJ22" s="328">
        <v>0</v>
      </c>
      <c r="FK22" s="330">
        <v>0</v>
      </c>
      <c r="FL22" s="326">
        <v>97712</v>
      </c>
      <c r="FM22" s="327">
        <v>271024</v>
      </c>
      <c r="FN22" s="328">
        <v>368736</v>
      </c>
      <c r="FO22" s="326">
        <v>0</v>
      </c>
      <c r="FP22" s="327">
        <v>270608</v>
      </c>
      <c r="FQ22" s="327">
        <v>935296</v>
      </c>
      <c r="FR22" s="327">
        <v>551960</v>
      </c>
      <c r="FS22" s="327">
        <v>171688</v>
      </c>
      <c r="FT22" s="327">
        <v>142536</v>
      </c>
      <c r="FU22" s="328">
        <v>2072088</v>
      </c>
      <c r="FV22" s="330">
        <v>2440824</v>
      </c>
      <c r="FW22" s="333">
        <v>97712</v>
      </c>
      <c r="FX22" s="327">
        <v>143024</v>
      </c>
      <c r="FY22" s="331">
        <v>240736</v>
      </c>
      <c r="FZ22" s="332">
        <v>0</v>
      </c>
      <c r="GA22" s="327">
        <v>113264</v>
      </c>
      <c r="GB22" s="327">
        <v>831200</v>
      </c>
      <c r="GC22" s="327">
        <v>551960</v>
      </c>
      <c r="GD22" s="327">
        <v>171688</v>
      </c>
      <c r="GE22" s="327">
        <v>142536</v>
      </c>
      <c r="GF22" s="328">
        <v>1810648</v>
      </c>
      <c r="GG22" s="334">
        <v>2051384</v>
      </c>
      <c r="GH22" s="333">
        <v>0</v>
      </c>
      <c r="GI22" s="327">
        <v>0</v>
      </c>
      <c r="GJ22" s="331">
        <v>0</v>
      </c>
      <c r="GK22" s="332">
        <v>0</v>
      </c>
      <c r="GL22" s="327">
        <v>0</v>
      </c>
      <c r="GM22" s="327">
        <v>16896</v>
      </c>
      <c r="GN22" s="327">
        <v>0</v>
      </c>
      <c r="GO22" s="327">
        <v>0</v>
      </c>
      <c r="GP22" s="327">
        <v>0</v>
      </c>
      <c r="GQ22" s="328">
        <v>16896</v>
      </c>
      <c r="GR22" s="330">
        <v>16896</v>
      </c>
      <c r="GS22" s="326">
        <v>0</v>
      </c>
      <c r="GT22" s="327">
        <v>128000</v>
      </c>
      <c r="GU22" s="328">
        <v>128000</v>
      </c>
      <c r="GV22" s="326">
        <v>0</v>
      </c>
      <c r="GW22" s="327">
        <v>157344</v>
      </c>
      <c r="GX22" s="327">
        <v>87200</v>
      </c>
      <c r="GY22" s="327">
        <v>0</v>
      </c>
      <c r="GZ22" s="327">
        <v>0</v>
      </c>
      <c r="HA22" s="327">
        <v>0</v>
      </c>
      <c r="HB22" s="331">
        <v>244544</v>
      </c>
      <c r="HC22" s="330">
        <v>372544</v>
      </c>
      <c r="HD22" s="326">
        <v>226899</v>
      </c>
      <c r="HE22" s="327">
        <v>93698</v>
      </c>
      <c r="HF22" s="331">
        <v>320597</v>
      </c>
      <c r="HG22" s="332">
        <v>0</v>
      </c>
      <c r="HH22" s="327">
        <v>1004651</v>
      </c>
      <c r="HI22" s="327">
        <v>2435419</v>
      </c>
      <c r="HJ22" s="327">
        <v>978821</v>
      </c>
      <c r="HK22" s="327">
        <v>467962</v>
      </c>
      <c r="HL22" s="327">
        <v>244665</v>
      </c>
      <c r="HM22" s="328">
        <v>5131518</v>
      </c>
      <c r="HN22" s="329">
        <v>5452115</v>
      </c>
      <c r="HO22" s="333">
        <v>0</v>
      </c>
      <c r="HP22" s="327">
        <v>0</v>
      </c>
      <c r="HQ22" s="328">
        <v>0</v>
      </c>
      <c r="HR22" s="326">
        <v>0</v>
      </c>
      <c r="HS22" s="327">
        <v>0</v>
      </c>
      <c r="HT22" s="327">
        <v>0</v>
      </c>
      <c r="HU22" s="327">
        <v>0</v>
      </c>
      <c r="HV22" s="327">
        <v>0</v>
      </c>
      <c r="HW22" s="327">
        <v>0</v>
      </c>
      <c r="HX22" s="331">
        <v>0</v>
      </c>
      <c r="HY22" s="330">
        <v>0</v>
      </c>
      <c r="HZ22" s="358">
        <v>0</v>
      </c>
      <c r="IA22" s="356">
        <v>0</v>
      </c>
      <c r="IB22" s="358">
        <v>0</v>
      </c>
      <c r="IC22" s="355">
        <v>0</v>
      </c>
      <c r="ID22" s="356">
        <v>1161356</v>
      </c>
      <c r="IE22" s="357">
        <v>2727788</v>
      </c>
      <c r="IF22" s="358">
        <v>1163783</v>
      </c>
      <c r="IG22" s="356">
        <v>1399440</v>
      </c>
      <c r="IH22" s="358">
        <v>2037980</v>
      </c>
      <c r="II22" s="359">
        <v>8490347</v>
      </c>
      <c r="IJ22" s="358">
        <v>8490347</v>
      </c>
      <c r="IK22" s="342">
        <v>0</v>
      </c>
      <c r="IL22" s="343">
        <v>0</v>
      </c>
      <c r="IM22" s="344">
        <v>0</v>
      </c>
      <c r="IN22" s="404">
        <v>0</v>
      </c>
      <c r="IO22" s="345">
        <v>0</v>
      </c>
      <c r="IP22" s="345">
        <v>0</v>
      </c>
      <c r="IQ22" s="345">
        <v>0</v>
      </c>
      <c r="IR22" s="345">
        <v>0</v>
      </c>
      <c r="IS22" s="345">
        <v>0</v>
      </c>
      <c r="IT22" s="346">
        <v>0</v>
      </c>
      <c r="IU22" s="347">
        <v>0</v>
      </c>
      <c r="IV22" s="348">
        <v>0</v>
      </c>
      <c r="IW22" s="345">
        <v>0</v>
      </c>
      <c r="IX22" s="349">
        <v>0</v>
      </c>
      <c r="IY22" s="404">
        <v>0</v>
      </c>
      <c r="IZ22" s="345">
        <v>0</v>
      </c>
      <c r="JA22" s="345">
        <v>0</v>
      </c>
      <c r="JB22" s="345">
        <v>0</v>
      </c>
      <c r="JC22" s="345">
        <v>0</v>
      </c>
      <c r="JD22" s="345">
        <v>0</v>
      </c>
      <c r="JE22" s="349">
        <v>0</v>
      </c>
      <c r="JF22" s="350">
        <v>0</v>
      </c>
      <c r="JG22" s="348">
        <v>0</v>
      </c>
      <c r="JH22" s="345">
        <v>0</v>
      </c>
      <c r="JI22" s="346">
        <v>0</v>
      </c>
      <c r="JJ22" s="351">
        <v>0</v>
      </c>
      <c r="JK22" s="345">
        <v>818412</v>
      </c>
      <c r="JL22" s="345">
        <v>1396858</v>
      </c>
      <c r="JM22" s="345">
        <v>360912</v>
      </c>
      <c r="JN22" s="345">
        <v>274996</v>
      </c>
      <c r="JO22" s="345">
        <v>300492</v>
      </c>
      <c r="JP22" s="349">
        <v>3151670</v>
      </c>
      <c r="JQ22" s="347">
        <v>3151670</v>
      </c>
      <c r="JR22" s="348">
        <v>0</v>
      </c>
      <c r="JS22" s="345">
        <v>0</v>
      </c>
      <c r="JT22" s="346">
        <v>0</v>
      </c>
      <c r="JU22" s="351">
        <v>0</v>
      </c>
      <c r="JV22" s="345">
        <v>71598</v>
      </c>
      <c r="JW22" s="345">
        <v>99071</v>
      </c>
      <c r="JX22" s="345">
        <v>0</v>
      </c>
      <c r="JY22" s="345">
        <v>0</v>
      </c>
      <c r="JZ22" s="345">
        <v>0</v>
      </c>
      <c r="KA22" s="349">
        <v>170669</v>
      </c>
      <c r="KB22" s="347">
        <v>170669</v>
      </c>
      <c r="KC22" s="352">
        <v>0</v>
      </c>
      <c r="KD22" s="353">
        <v>0</v>
      </c>
      <c r="KE22" s="349">
        <v>0</v>
      </c>
      <c r="KF22" s="351">
        <v>0</v>
      </c>
      <c r="KG22" s="345">
        <v>125679</v>
      </c>
      <c r="KH22" s="345">
        <v>634141</v>
      </c>
      <c r="KI22" s="345">
        <v>252580</v>
      </c>
      <c r="KJ22" s="345">
        <v>268055</v>
      </c>
      <c r="KK22" s="345">
        <v>302520</v>
      </c>
      <c r="KL22" s="349">
        <v>1582975</v>
      </c>
      <c r="KM22" s="354">
        <v>1582975</v>
      </c>
      <c r="KN22" s="342">
        <v>0</v>
      </c>
      <c r="KO22" s="343">
        <v>0</v>
      </c>
      <c r="KP22" s="344">
        <v>0</v>
      </c>
      <c r="KQ22" s="404">
        <v>0</v>
      </c>
      <c r="KR22" s="345">
        <v>0</v>
      </c>
      <c r="KS22" s="345">
        <v>405205</v>
      </c>
      <c r="KT22" s="345">
        <v>283249</v>
      </c>
      <c r="KU22" s="345">
        <v>273100</v>
      </c>
      <c r="KV22" s="345">
        <v>0</v>
      </c>
      <c r="KW22" s="349">
        <v>961554</v>
      </c>
      <c r="KX22" s="347">
        <v>961554</v>
      </c>
      <c r="KY22" s="348">
        <v>0</v>
      </c>
      <c r="KZ22" s="345">
        <v>0</v>
      </c>
      <c r="LA22" s="349">
        <v>0</v>
      </c>
      <c r="LB22" s="404">
        <v>0</v>
      </c>
      <c r="LC22" s="345">
        <v>0</v>
      </c>
      <c r="LD22" s="345">
        <v>0</v>
      </c>
      <c r="LE22" s="345">
        <v>0</v>
      </c>
      <c r="LF22" s="345">
        <v>0</v>
      </c>
      <c r="LG22" s="345">
        <v>0</v>
      </c>
      <c r="LH22" s="349">
        <v>0</v>
      </c>
      <c r="LI22" s="350">
        <v>0</v>
      </c>
      <c r="LJ22" s="348">
        <v>0</v>
      </c>
      <c r="LK22" s="345">
        <v>0</v>
      </c>
      <c r="LL22" s="349">
        <v>0</v>
      </c>
      <c r="LM22" s="404">
        <v>0</v>
      </c>
      <c r="LN22" s="345">
        <v>0</v>
      </c>
      <c r="LO22" s="345">
        <v>0</v>
      </c>
      <c r="LP22" s="345">
        <v>267042</v>
      </c>
      <c r="LQ22" s="345">
        <v>583289</v>
      </c>
      <c r="LR22" s="345">
        <v>1240756</v>
      </c>
      <c r="LS22" s="349">
        <v>2091087</v>
      </c>
      <c r="LT22" s="347">
        <v>2091087</v>
      </c>
      <c r="LU22" s="348">
        <v>0</v>
      </c>
      <c r="LV22" s="345">
        <v>0</v>
      </c>
      <c r="LW22" s="349">
        <v>0</v>
      </c>
      <c r="LX22" s="404">
        <v>0</v>
      </c>
      <c r="LY22" s="345">
        <v>145667</v>
      </c>
      <c r="LZ22" s="345">
        <v>192513</v>
      </c>
      <c r="MA22" s="345">
        <v>0</v>
      </c>
      <c r="MB22" s="345">
        <v>0</v>
      </c>
      <c r="MC22" s="345">
        <v>194212</v>
      </c>
      <c r="MD22" s="349">
        <v>532392</v>
      </c>
      <c r="ME22" s="350">
        <v>532392</v>
      </c>
      <c r="MF22" s="348">
        <v>0</v>
      </c>
      <c r="MG22" s="345">
        <v>0</v>
      </c>
      <c r="MH22" s="349">
        <v>0</v>
      </c>
      <c r="MI22" s="404">
        <v>0</v>
      </c>
      <c r="MJ22" s="345">
        <v>539406</v>
      </c>
      <c r="MK22" s="345">
        <v>974472</v>
      </c>
      <c r="ML22" s="345">
        <v>2807900</v>
      </c>
      <c r="MM22" s="345">
        <v>2565562</v>
      </c>
      <c r="MN22" s="345">
        <v>4209117</v>
      </c>
      <c r="MO22" s="349">
        <v>11096457</v>
      </c>
      <c r="MP22" s="354">
        <v>11096457</v>
      </c>
      <c r="MQ22" s="348">
        <v>0</v>
      </c>
      <c r="MR22" s="345">
        <v>0</v>
      </c>
      <c r="MS22" s="349">
        <v>0</v>
      </c>
      <c r="MT22" s="404">
        <v>0</v>
      </c>
      <c r="MU22" s="345">
        <v>0</v>
      </c>
      <c r="MV22" s="345">
        <v>0</v>
      </c>
      <c r="MW22" s="345">
        <v>1478141</v>
      </c>
      <c r="MX22" s="345">
        <v>2166807</v>
      </c>
      <c r="MY22" s="345">
        <v>3041021</v>
      </c>
      <c r="MZ22" s="349">
        <v>6685969</v>
      </c>
      <c r="NA22" s="354">
        <v>6685969</v>
      </c>
      <c r="NB22" s="348">
        <v>0</v>
      </c>
      <c r="NC22" s="345">
        <v>0</v>
      </c>
      <c r="ND22" s="349">
        <v>0</v>
      </c>
      <c r="NE22" s="404">
        <v>0</v>
      </c>
      <c r="NF22" s="345">
        <v>539406</v>
      </c>
      <c r="NG22" s="345">
        <v>974472</v>
      </c>
      <c r="NH22" s="345">
        <v>1329759</v>
      </c>
      <c r="NI22" s="345">
        <v>398755</v>
      </c>
      <c r="NJ22" s="345">
        <v>1168096</v>
      </c>
      <c r="NK22" s="349">
        <v>4410488</v>
      </c>
      <c r="NL22" s="347">
        <v>4410488</v>
      </c>
      <c r="NM22" s="348">
        <v>0</v>
      </c>
      <c r="NN22" s="345">
        <v>0</v>
      </c>
      <c r="NO22" s="349">
        <v>0</v>
      </c>
      <c r="NP22" s="404">
        <v>0</v>
      </c>
      <c r="NQ22" s="345">
        <v>0</v>
      </c>
      <c r="NR22" s="345">
        <v>0</v>
      </c>
      <c r="NS22" s="345">
        <v>0</v>
      </c>
      <c r="NT22" s="345">
        <v>0</v>
      </c>
      <c r="NU22" s="345">
        <v>0</v>
      </c>
      <c r="NV22" s="349">
        <v>0</v>
      </c>
      <c r="NW22" s="350">
        <v>0</v>
      </c>
      <c r="NX22" s="348">
        <v>0</v>
      </c>
      <c r="NY22" s="345">
        <v>0</v>
      </c>
      <c r="NZ22" s="349">
        <v>0</v>
      </c>
      <c r="OA22" s="404">
        <v>0</v>
      </c>
      <c r="OB22" s="345">
        <v>0</v>
      </c>
      <c r="OC22" s="345">
        <v>0</v>
      </c>
      <c r="OD22" s="345">
        <v>0</v>
      </c>
      <c r="OE22" s="345">
        <v>0</v>
      </c>
      <c r="OF22" s="345">
        <v>0</v>
      </c>
      <c r="OG22" s="349">
        <v>0</v>
      </c>
      <c r="OH22" s="350">
        <v>0</v>
      </c>
      <c r="OI22" s="348">
        <v>502259</v>
      </c>
      <c r="OJ22" s="345">
        <v>713241</v>
      </c>
      <c r="OK22" s="346">
        <v>1215500</v>
      </c>
      <c r="OL22" s="351">
        <v>0</v>
      </c>
      <c r="OM22" s="345">
        <v>5975902</v>
      </c>
      <c r="ON22" s="345">
        <v>12391548</v>
      </c>
      <c r="OO22" s="345">
        <v>10632715</v>
      </c>
      <c r="OP22" s="345">
        <v>7346707</v>
      </c>
      <c r="OQ22" s="345">
        <v>9134029</v>
      </c>
      <c r="OR22" s="349">
        <v>45480901</v>
      </c>
      <c r="OS22" s="354">
        <v>46696401</v>
      </c>
    </row>
    <row r="23" spans="2:409" s="70" customFormat="1" ht="21" customHeight="1" x14ac:dyDescent="0.2">
      <c r="B23" s="410" t="s">
        <v>18</v>
      </c>
      <c r="C23" s="326">
        <v>640486</v>
      </c>
      <c r="D23" s="327">
        <v>1085665</v>
      </c>
      <c r="E23" s="328">
        <v>1726151</v>
      </c>
      <c r="F23" s="329">
        <v>0</v>
      </c>
      <c r="G23" s="327">
        <v>7719220</v>
      </c>
      <c r="H23" s="327">
        <v>7264903</v>
      </c>
      <c r="I23" s="327">
        <v>10516498</v>
      </c>
      <c r="J23" s="327">
        <v>7144823</v>
      </c>
      <c r="K23" s="327">
        <v>4421807</v>
      </c>
      <c r="L23" s="329">
        <v>37067251</v>
      </c>
      <c r="M23" s="330">
        <v>38793402</v>
      </c>
      <c r="N23" s="326">
        <v>235237</v>
      </c>
      <c r="O23" s="327">
        <v>303901</v>
      </c>
      <c r="P23" s="328">
        <v>539138</v>
      </c>
      <c r="Q23" s="326">
        <v>0</v>
      </c>
      <c r="R23" s="327">
        <v>2273694</v>
      </c>
      <c r="S23" s="327">
        <v>2382656</v>
      </c>
      <c r="T23" s="327">
        <v>3221948</v>
      </c>
      <c r="U23" s="327">
        <v>2256180</v>
      </c>
      <c r="V23" s="327">
        <v>1252261</v>
      </c>
      <c r="W23" s="328">
        <v>11386739</v>
      </c>
      <c r="X23" s="330">
        <v>11925877</v>
      </c>
      <c r="Y23" s="326">
        <v>0</v>
      </c>
      <c r="Z23" s="327">
        <v>0</v>
      </c>
      <c r="AA23" s="328">
        <v>0</v>
      </c>
      <c r="AB23" s="326">
        <v>0</v>
      </c>
      <c r="AC23" s="327">
        <v>846785</v>
      </c>
      <c r="AD23" s="327">
        <v>659480</v>
      </c>
      <c r="AE23" s="327">
        <v>1856066</v>
      </c>
      <c r="AF23" s="327">
        <v>1413329</v>
      </c>
      <c r="AG23" s="327">
        <v>429756</v>
      </c>
      <c r="AH23" s="328">
        <v>5205416</v>
      </c>
      <c r="AI23" s="330">
        <v>5205416</v>
      </c>
      <c r="AJ23" s="326">
        <v>0</v>
      </c>
      <c r="AK23" s="327">
        <v>0</v>
      </c>
      <c r="AL23" s="328">
        <v>0</v>
      </c>
      <c r="AM23" s="326">
        <v>0</v>
      </c>
      <c r="AN23" s="327">
        <v>49339</v>
      </c>
      <c r="AO23" s="327">
        <v>0</v>
      </c>
      <c r="AP23" s="327">
        <v>0</v>
      </c>
      <c r="AQ23" s="327">
        <v>142267</v>
      </c>
      <c r="AR23" s="327">
        <v>263783</v>
      </c>
      <c r="AS23" s="328">
        <v>455389</v>
      </c>
      <c r="AT23" s="330">
        <v>455389</v>
      </c>
      <c r="AU23" s="326">
        <v>133805</v>
      </c>
      <c r="AV23" s="327">
        <v>287941</v>
      </c>
      <c r="AW23" s="328">
        <v>421746</v>
      </c>
      <c r="AX23" s="326">
        <v>0</v>
      </c>
      <c r="AY23" s="327">
        <v>747829</v>
      </c>
      <c r="AZ23" s="327">
        <v>1136964</v>
      </c>
      <c r="BA23" s="327">
        <v>661278</v>
      </c>
      <c r="BB23" s="327">
        <v>244056</v>
      </c>
      <c r="BC23" s="327">
        <v>271538</v>
      </c>
      <c r="BD23" s="328">
        <v>3061665</v>
      </c>
      <c r="BE23" s="330">
        <v>3483411</v>
      </c>
      <c r="BF23" s="326">
        <v>0</v>
      </c>
      <c r="BG23" s="327">
        <v>0</v>
      </c>
      <c r="BH23" s="331">
        <v>0</v>
      </c>
      <c r="BI23" s="332">
        <v>0</v>
      </c>
      <c r="BJ23" s="327">
        <v>93109</v>
      </c>
      <c r="BK23" s="327">
        <v>200036</v>
      </c>
      <c r="BL23" s="327">
        <v>173964</v>
      </c>
      <c r="BM23" s="327">
        <v>0</v>
      </c>
      <c r="BN23" s="327">
        <v>19976</v>
      </c>
      <c r="BO23" s="328">
        <v>487085</v>
      </c>
      <c r="BP23" s="330">
        <v>487085</v>
      </c>
      <c r="BQ23" s="326">
        <v>101432</v>
      </c>
      <c r="BR23" s="327">
        <v>15960</v>
      </c>
      <c r="BS23" s="328">
        <v>117392</v>
      </c>
      <c r="BT23" s="326">
        <v>0</v>
      </c>
      <c r="BU23" s="327">
        <v>536632</v>
      </c>
      <c r="BV23" s="327">
        <v>386176</v>
      </c>
      <c r="BW23" s="327">
        <v>530640</v>
      </c>
      <c r="BX23" s="327">
        <v>456528</v>
      </c>
      <c r="BY23" s="327">
        <v>267208</v>
      </c>
      <c r="BZ23" s="328">
        <v>2177184</v>
      </c>
      <c r="CA23" s="330">
        <v>2294576</v>
      </c>
      <c r="CB23" s="326">
        <v>48174</v>
      </c>
      <c r="CC23" s="327">
        <v>405021</v>
      </c>
      <c r="CD23" s="328">
        <v>453195</v>
      </c>
      <c r="CE23" s="326">
        <v>0</v>
      </c>
      <c r="CF23" s="327">
        <v>2901970</v>
      </c>
      <c r="CG23" s="327">
        <v>2088731</v>
      </c>
      <c r="CH23" s="327">
        <v>2693266</v>
      </c>
      <c r="CI23" s="327">
        <v>318961</v>
      </c>
      <c r="CJ23" s="327">
        <v>757146</v>
      </c>
      <c r="CK23" s="328">
        <v>8760074</v>
      </c>
      <c r="CL23" s="330">
        <v>9213269</v>
      </c>
      <c r="CM23" s="326">
        <v>0</v>
      </c>
      <c r="CN23" s="327">
        <v>0</v>
      </c>
      <c r="CO23" s="328">
        <v>0</v>
      </c>
      <c r="CP23" s="332">
        <v>0</v>
      </c>
      <c r="CQ23" s="327">
        <v>2280774</v>
      </c>
      <c r="CR23" s="327">
        <v>1890889</v>
      </c>
      <c r="CS23" s="327">
        <v>2408251</v>
      </c>
      <c r="CT23" s="327">
        <v>224865</v>
      </c>
      <c r="CU23" s="327">
        <v>741026</v>
      </c>
      <c r="CV23" s="328">
        <v>7545805</v>
      </c>
      <c r="CW23" s="330">
        <v>7545805</v>
      </c>
      <c r="CX23" s="326">
        <v>48174</v>
      </c>
      <c r="CY23" s="327">
        <v>405021</v>
      </c>
      <c r="CZ23" s="328">
        <v>453195</v>
      </c>
      <c r="DA23" s="326">
        <v>0</v>
      </c>
      <c r="DB23" s="327">
        <v>621196</v>
      </c>
      <c r="DC23" s="327">
        <v>197842</v>
      </c>
      <c r="DD23" s="327">
        <v>285015</v>
      </c>
      <c r="DE23" s="327">
        <v>94096</v>
      </c>
      <c r="DF23" s="327">
        <v>16120</v>
      </c>
      <c r="DG23" s="328">
        <v>1214269</v>
      </c>
      <c r="DH23" s="330">
        <v>1667464</v>
      </c>
      <c r="DI23" s="326">
        <v>0</v>
      </c>
      <c r="DJ23" s="327">
        <v>61079</v>
      </c>
      <c r="DK23" s="331">
        <v>61079</v>
      </c>
      <c r="DL23" s="332">
        <v>0</v>
      </c>
      <c r="DM23" s="327">
        <v>113018</v>
      </c>
      <c r="DN23" s="327">
        <v>243751</v>
      </c>
      <c r="DO23" s="327">
        <v>1343408</v>
      </c>
      <c r="DP23" s="327">
        <v>901851</v>
      </c>
      <c r="DQ23" s="327">
        <v>669160</v>
      </c>
      <c r="DR23" s="328">
        <v>3271188</v>
      </c>
      <c r="DS23" s="330">
        <v>3332267</v>
      </c>
      <c r="DT23" s="326">
        <v>0</v>
      </c>
      <c r="DU23" s="327">
        <v>61079</v>
      </c>
      <c r="DV23" s="328">
        <v>61079</v>
      </c>
      <c r="DW23" s="326">
        <v>0</v>
      </c>
      <c r="DX23" s="327">
        <v>113018</v>
      </c>
      <c r="DY23" s="327">
        <v>243751</v>
      </c>
      <c r="DZ23" s="327">
        <v>1343408</v>
      </c>
      <c r="EA23" s="327">
        <v>901851</v>
      </c>
      <c r="EB23" s="327">
        <v>669160</v>
      </c>
      <c r="EC23" s="328">
        <v>3271188</v>
      </c>
      <c r="ED23" s="330">
        <v>3332267</v>
      </c>
      <c r="EE23" s="326">
        <v>0</v>
      </c>
      <c r="EF23" s="331">
        <v>0</v>
      </c>
      <c r="EG23" s="328">
        <v>0</v>
      </c>
      <c r="EH23" s="326">
        <v>0</v>
      </c>
      <c r="EI23" s="327">
        <v>0</v>
      </c>
      <c r="EJ23" s="327">
        <v>0</v>
      </c>
      <c r="EK23" s="327">
        <v>0</v>
      </c>
      <c r="EL23" s="327">
        <v>0</v>
      </c>
      <c r="EM23" s="327">
        <v>0</v>
      </c>
      <c r="EN23" s="331">
        <v>0</v>
      </c>
      <c r="EO23" s="330">
        <v>0</v>
      </c>
      <c r="EP23" s="326">
        <v>0</v>
      </c>
      <c r="EQ23" s="327">
        <v>0</v>
      </c>
      <c r="ER23" s="331">
        <v>0</v>
      </c>
      <c r="ES23" s="332">
        <v>0</v>
      </c>
      <c r="ET23" s="327">
        <v>0</v>
      </c>
      <c r="EU23" s="327">
        <v>0</v>
      </c>
      <c r="EV23" s="327">
        <v>0</v>
      </c>
      <c r="EW23" s="327">
        <v>0</v>
      </c>
      <c r="EX23" s="327">
        <v>0</v>
      </c>
      <c r="EY23" s="328">
        <v>0</v>
      </c>
      <c r="EZ23" s="330">
        <v>0</v>
      </c>
      <c r="FA23" s="326">
        <v>0</v>
      </c>
      <c r="FB23" s="327">
        <v>0</v>
      </c>
      <c r="FC23" s="331">
        <v>0</v>
      </c>
      <c r="FD23" s="332">
        <v>0</v>
      </c>
      <c r="FE23" s="327">
        <v>0</v>
      </c>
      <c r="FF23" s="327">
        <v>0</v>
      </c>
      <c r="FG23" s="327">
        <v>0</v>
      </c>
      <c r="FH23" s="327">
        <v>0</v>
      </c>
      <c r="FI23" s="327">
        <v>0</v>
      </c>
      <c r="FJ23" s="328">
        <v>0</v>
      </c>
      <c r="FK23" s="330">
        <v>0</v>
      </c>
      <c r="FL23" s="326">
        <v>189712</v>
      </c>
      <c r="FM23" s="327">
        <v>315664</v>
      </c>
      <c r="FN23" s="328">
        <v>505376</v>
      </c>
      <c r="FO23" s="326">
        <v>0</v>
      </c>
      <c r="FP23" s="327">
        <v>441664</v>
      </c>
      <c r="FQ23" s="327">
        <v>872096</v>
      </c>
      <c r="FR23" s="327">
        <v>737396</v>
      </c>
      <c r="FS23" s="327">
        <v>359704</v>
      </c>
      <c r="FT23" s="327">
        <v>439072</v>
      </c>
      <c r="FU23" s="328">
        <v>2849932</v>
      </c>
      <c r="FV23" s="330">
        <v>3355308</v>
      </c>
      <c r="FW23" s="333">
        <v>29712</v>
      </c>
      <c r="FX23" s="327">
        <v>153184</v>
      </c>
      <c r="FY23" s="331">
        <v>182896</v>
      </c>
      <c r="FZ23" s="332">
        <v>0</v>
      </c>
      <c r="GA23" s="327">
        <v>338224</v>
      </c>
      <c r="GB23" s="327">
        <v>845344</v>
      </c>
      <c r="GC23" s="327">
        <v>656276</v>
      </c>
      <c r="GD23" s="327">
        <v>359704</v>
      </c>
      <c r="GE23" s="327">
        <v>410032</v>
      </c>
      <c r="GF23" s="328">
        <v>2609580</v>
      </c>
      <c r="GG23" s="334">
        <v>2792476</v>
      </c>
      <c r="GH23" s="333">
        <v>0</v>
      </c>
      <c r="GI23" s="327">
        <v>18480</v>
      </c>
      <c r="GJ23" s="331">
        <v>18480</v>
      </c>
      <c r="GK23" s="332">
        <v>0</v>
      </c>
      <c r="GL23" s="327">
        <v>0</v>
      </c>
      <c r="GM23" s="327">
        <v>26752</v>
      </c>
      <c r="GN23" s="327">
        <v>14640</v>
      </c>
      <c r="GO23" s="327">
        <v>0</v>
      </c>
      <c r="GP23" s="327">
        <v>29040</v>
      </c>
      <c r="GQ23" s="328">
        <v>70432</v>
      </c>
      <c r="GR23" s="330">
        <v>88912</v>
      </c>
      <c r="GS23" s="326">
        <v>160000</v>
      </c>
      <c r="GT23" s="327">
        <v>144000</v>
      </c>
      <c r="GU23" s="328">
        <v>304000</v>
      </c>
      <c r="GV23" s="326">
        <v>0</v>
      </c>
      <c r="GW23" s="327">
        <v>103440</v>
      </c>
      <c r="GX23" s="327">
        <v>0</v>
      </c>
      <c r="GY23" s="327">
        <v>66480</v>
      </c>
      <c r="GZ23" s="327">
        <v>0</v>
      </c>
      <c r="HA23" s="327">
        <v>0</v>
      </c>
      <c r="HB23" s="331">
        <v>169920</v>
      </c>
      <c r="HC23" s="330">
        <v>473920</v>
      </c>
      <c r="HD23" s="326">
        <v>167363</v>
      </c>
      <c r="HE23" s="327">
        <v>0</v>
      </c>
      <c r="HF23" s="331">
        <v>167363</v>
      </c>
      <c r="HG23" s="332">
        <v>0</v>
      </c>
      <c r="HH23" s="327">
        <v>1988874</v>
      </c>
      <c r="HI23" s="327">
        <v>1677669</v>
      </c>
      <c r="HJ23" s="327">
        <v>2520480</v>
      </c>
      <c r="HK23" s="327">
        <v>3308127</v>
      </c>
      <c r="HL23" s="327">
        <v>1304168</v>
      </c>
      <c r="HM23" s="328">
        <v>10799318</v>
      </c>
      <c r="HN23" s="329">
        <v>10966681</v>
      </c>
      <c r="HO23" s="333">
        <v>0</v>
      </c>
      <c r="HP23" s="327">
        <v>0</v>
      </c>
      <c r="HQ23" s="328">
        <v>0</v>
      </c>
      <c r="HR23" s="326">
        <v>0</v>
      </c>
      <c r="HS23" s="327">
        <v>0</v>
      </c>
      <c r="HT23" s="327">
        <v>0</v>
      </c>
      <c r="HU23" s="327">
        <v>0</v>
      </c>
      <c r="HV23" s="327">
        <v>0</v>
      </c>
      <c r="HW23" s="327">
        <v>0</v>
      </c>
      <c r="HX23" s="331">
        <v>0</v>
      </c>
      <c r="HY23" s="330">
        <v>0</v>
      </c>
      <c r="HZ23" s="335">
        <v>51686</v>
      </c>
      <c r="IA23" s="336">
        <v>0</v>
      </c>
      <c r="IB23" s="337">
        <v>51686</v>
      </c>
      <c r="IC23" s="338">
        <v>0</v>
      </c>
      <c r="ID23" s="336">
        <v>1601515</v>
      </c>
      <c r="IE23" s="339">
        <v>2120290</v>
      </c>
      <c r="IF23" s="337">
        <v>3200561</v>
      </c>
      <c r="IG23" s="336">
        <v>1868421</v>
      </c>
      <c r="IH23" s="337">
        <v>1646392</v>
      </c>
      <c r="II23" s="340">
        <v>10437179</v>
      </c>
      <c r="IJ23" s="341">
        <v>10488865</v>
      </c>
      <c r="IK23" s="342">
        <v>0</v>
      </c>
      <c r="IL23" s="343">
        <v>0</v>
      </c>
      <c r="IM23" s="344">
        <v>0</v>
      </c>
      <c r="IN23" s="404">
        <v>0</v>
      </c>
      <c r="IO23" s="345">
        <v>121807</v>
      </c>
      <c r="IP23" s="345">
        <v>194250</v>
      </c>
      <c r="IQ23" s="345">
        <v>43416</v>
      </c>
      <c r="IR23" s="345">
        <v>0</v>
      </c>
      <c r="IS23" s="345">
        <v>128459</v>
      </c>
      <c r="IT23" s="346">
        <v>487932</v>
      </c>
      <c r="IU23" s="347">
        <v>487932</v>
      </c>
      <c r="IV23" s="348">
        <v>0</v>
      </c>
      <c r="IW23" s="345">
        <v>0</v>
      </c>
      <c r="IX23" s="349">
        <v>0</v>
      </c>
      <c r="IY23" s="404">
        <v>0</v>
      </c>
      <c r="IZ23" s="345">
        <v>0</v>
      </c>
      <c r="JA23" s="345">
        <v>0</v>
      </c>
      <c r="JB23" s="345">
        <v>0</v>
      </c>
      <c r="JC23" s="345">
        <v>0</v>
      </c>
      <c r="JD23" s="345">
        <v>0</v>
      </c>
      <c r="JE23" s="349">
        <v>0</v>
      </c>
      <c r="JF23" s="350">
        <v>0</v>
      </c>
      <c r="JG23" s="348">
        <v>0</v>
      </c>
      <c r="JH23" s="345">
        <v>0</v>
      </c>
      <c r="JI23" s="346">
        <v>0</v>
      </c>
      <c r="JJ23" s="351">
        <v>0</v>
      </c>
      <c r="JK23" s="345">
        <v>822931</v>
      </c>
      <c r="JL23" s="345">
        <v>484553</v>
      </c>
      <c r="JM23" s="345">
        <v>362032</v>
      </c>
      <c r="JN23" s="345">
        <v>147486</v>
      </c>
      <c r="JO23" s="345">
        <v>15148</v>
      </c>
      <c r="JP23" s="349">
        <v>1832150</v>
      </c>
      <c r="JQ23" s="347">
        <v>1832150</v>
      </c>
      <c r="JR23" s="348">
        <v>0</v>
      </c>
      <c r="JS23" s="345">
        <v>0</v>
      </c>
      <c r="JT23" s="346">
        <v>0</v>
      </c>
      <c r="JU23" s="351">
        <v>0</v>
      </c>
      <c r="JV23" s="345">
        <v>38916</v>
      </c>
      <c r="JW23" s="345">
        <v>93768</v>
      </c>
      <c r="JX23" s="345">
        <v>197670</v>
      </c>
      <c r="JY23" s="345">
        <v>295703</v>
      </c>
      <c r="JZ23" s="345">
        <v>254456</v>
      </c>
      <c r="KA23" s="349">
        <v>880513</v>
      </c>
      <c r="KB23" s="347">
        <v>880513</v>
      </c>
      <c r="KC23" s="352">
        <v>51686</v>
      </c>
      <c r="KD23" s="353">
        <v>0</v>
      </c>
      <c r="KE23" s="349">
        <v>51686</v>
      </c>
      <c r="KF23" s="351">
        <v>0</v>
      </c>
      <c r="KG23" s="345">
        <v>371451</v>
      </c>
      <c r="KH23" s="345">
        <v>356335</v>
      </c>
      <c r="KI23" s="345">
        <v>999175</v>
      </c>
      <c r="KJ23" s="345">
        <v>222393</v>
      </c>
      <c r="KK23" s="345">
        <v>0</v>
      </c>
      <c r="KL23" s="349">
        <v>1949354</v>
      </c>
      <c r="KM23" s="354">
        <v>2001040</v>
      </c>
      <c r="KN23" s="342">
        <v>0</v>
      </c>
      <c r="KO23" s="343">
        <v>0</v>
      </c>
      <c r="KP23" s="344">
        <v>0</v>
      </c>
      <c r="KQ23" s="404">
        <v>0</v>
      </c>
      <c r="KR23" s="345">
        <v>246410</v>
      </c>
      <c r="KS23" s="345">
        <v>991384</v>
      </c>
      <c r="KT23" s="345">
        <v>1316972</v>
      </c>
      <c r="KU23" s="345">
        <v>267276</v>
      </c>
      <c r="KV23" s="345">
        <v>549092</v>
      </c>
      <c r="KW23" s="349">
        <v>3371134</v>
      </c>
      <c r="KX23" s="347">
        <v>3371134</v>
      </c>
      <c r="KY23" s="348">
        <v>0</v>
      </c>
      <c r="KZ23" s="345">
        <v>0</v>
      </c>
      <c r="LA23" s="349">
        <v>0</v>
      </c>
      <c r="LB23" s="404">
        <v>0</v>
      </c>
      <c r="LC23" s="345">
        <v>0</v>
      </c>
      <c r="LD23" s="345">
        <v>0</v>
      </c>
      <c r="LE23" s="345">
        <v>0</v>
      </c>
      <c r="LF23" s="345">
        <v>0</v>
      </c>
      <c r="LG23" s="345">
        <v>0</v>
      </c>
      <c r="LH23" s="349">
        <v>0</v>
      </c>
      <c r="LI23" s="350">
        <v>0</v>
      </c>
      <c r="LJ23" s="348">
        <v>0</v>
      </c>
      <c r="LK23" s="345">
        <v>0</v>
      </c>
      <c r="LL23" s="349">
        <v>0</v>
      </c>
      <c r="LM23" s="404">
        <v>0</v>
      </c>
      <c r="LN23" s="345">
        <v>0</v>
      </c>
      <c r="LO23" s="345">
        <v>0</v>
      </c>
      <c r="LP23" s="345">
        <v>281296</v>
      </c>
      <c r="LQ23" s="345">
        <v>0</v>
      </c>
      <c r="LR23" s="345">
        <v>323548</v>
      </c>
      <c r="LS23" s="349">
        <v>604844</v>
      </c>
      <c r="LT23" s="347">
        <v>604844</v>
      </c>
      <c r="LU23" s="348">
        <v>0</v>
      </c>
      <c r="LV23" s="345">
        <v>0</v>
      </c>
      <c r="LW23" s="349">
        <v>0</v>
      </c>
      <c r="LX23" s="404">
        <v>0</v>
      </c>
      <c r="LY23" s="345">
        <v>0</v>
      </c>
      <c r="LZ23" s="345">
        <v>0</v>
      </c>
      <c r="MA23" s="345">
        <v>0</v>
      </c>
      <c r="MB23" s="345">
        <v>935563</v>
      </c>
      <c r="MC23" s="345">
        <v>375689</v>
      </c>
      <c r="MD23" s="349">
        <v>1311252</v>
      </c>
      <c r="ME23" s="350">
        <v>1311252</v>
      </c>
      <c r="MF23" s="348">
        <v>0</v>
      </c>
      <c r="MG23" s="345">
        <v>0</v>
      </c>
      <c r="MH23" s="349">
        <v>0</v>
      </c>
      <c r="MI23" s="404">
        <v>0</v>
      </c>
      <c r="MJ23" s="345">
        <v>648366</v>
      </c>
      <c r="MK23" s="345">
        <v>1930780</v>
      </c>
      <c r="ML23" s="345">
        <v>4100688</v>
      </c>
      <c r="MM23" s="345">
        <v>5384673</v>
      </c>
      <c r="MN23" s="345">
        <v>2024158</v>
      </c>
      <c r="MO23" s="349">
        <v>14088665</v>
      </c>
      <c r="MP23" s="354">
        <v>14088665</v>
      </c>
      <c r="MQ23" s="348">
        <v>0</v>
      </c>
      <c r="MR23" s="345">
        <v>0</v>
      </c>
      <c r="MS23" s="349">
        <v>0</v>
      </c>
      <c r="MT23" s="404">
        <v>0</v>
      </c>
      <c r="MU23" s="345">
        <v>0</v>
      </c>
      <c r="MV23" s="345">
        <v>0</v>
      </c>
      <c r="MW23" s="345">
        <v>1849837</v>
      </c>
      <c r="MX23" s="345">
        <v>4412952</v>
      </c>
      <c r="MY23" s="345">
        <v>963584</v>
      </c>
      <c r="MZ23" s="349">
        <v>7226373</v>
      </c>
      <c r="NA23" s="354">
        <v>7226373</v>
      </c>
      <c r="NB23" s="348">
        <v>0</v>
      </c>
      <c r="NC23" s="345">
        <v>0</v>
      </c>
      <c r="ND23" s="349">
        <v>0</v>
      </c>
      <c r="NE23" s="404">
        <v>0</v>
      </c>
      <c r="NF23" s="345">
        <v>648366</v>
      </c>
      <c r="NG23" s="345">
        <v>1930780</v>
      </c>
      <c r="NH23" s="345">
        <v>2250851</v>
      </c>
      <c r="NI23" s="345">
        <v>971721</v>
      </c>
      <c r="NJ23" s="345">
        <v>659577</v>
      </c>
      <c r="NK23" s="349">
        <v>6461295</v>
      </c>
      <c r="NL23" s="347">
        <v>6461295</v>
      </c>
      <c r="NM23" s="348">
        <v>0</v>
      </c>
      <c r="NN23" s="345">
        <v>0</v>
      </c>
      <c r="NO23" s="349">
        <v>0</v>
      </c>
      <c r="NP23" s="404">
        <v>0</v>
      </c>
      <c r="NQ23" s="345">
        <v>0</v>
      </c>
      <c r="NR23" s="345">
        <v>0</v>
      </c>
      <c r="NS23" s="345">
        <v>0</v>
      </c>
      <c r="NT23" s="345">
        <v>0</v>
      </c>
      <c r="NU23" s="345">
        <v>0</v>
      </c>
      <c r="NV23" s="349">
        <v>0</v>
      </c>
      <c r="NW23" s="350">
        <v>0</v>
      </c>
      <c r="NX23" s="348">
        <v>0</v>
      </c>
      <c r="NY23" s="345">
        <v>0</v>
      </c>
      <c r="NZ23" s="349">
        <v>0</v>
      </c>
      <c r="OA23" s="404">
        <v>0</v>
      </c>
      <c r="OB23" s="345">
        <v>0</v>
      </c>
      <c r="OC23" s="345">
        <v>0</v>
      </c>
      <c r="OD23" s="345">
        <v>0</v>
      </c>
      <c r="OE23" s="345">
        <v>0</v>
      </c>
      <c r="OF23" s="345">
        <v>400997</v>
      </c>
      <c r="OG23" s="349">
        <v>400997</v>
      </c>
      <c r="OH23" s="350">
        <v>400997</v>
      </c>
      <c r="OI23" s="348">
        <v>692172</v>
      </c>
      <c r="OJ23" s="345">
        <v>1085665</v>
      </c>
      <c r="OK23" s="346">
        <v>1777837</v>
      </c>
      <c r="OL23" s="351">
        <v>0</v>
      </c>
      <c r="OM23" s="345">
        <v>9969101</v>
      </c>
      <c r="ON23" s="345">
        <v>11315973</v>
      </c>
      <c r="OO23" s="345">
        <v>17817747</v>
      </c>
      <c r="OP23" s="345">
        <v>14397917</v>
      </c>
      <c r="OQ23" s="345">
        <v>8092357</v>
      </c>
      <c r="OR23" s="349">
        <v>61593095</v>
      </c>
      <c r="OS23" s="354">
        <v>63370932</v>
      </c>
    </row>
    <row r="24" spans="2:409" s="70" customFormat="1" ht="21" customHeight="1" x14ac:dyDescent="0.2">
      <c r="B24" s="410" t="s">
        <v>19</v>
      </c>
      <c r="C24" s="326">
        <v>461784</v>
      </c>
      <c r="D24" s="327">
        <v>654849</v>
      </c>
      <c r="E24" s="328">
        <v>1116633</v>
      </c>
      <c r="F24" s="329">
        <v>0</v>
      </c>
      <c r="G24" s="327">
        <v>4226325</v>
      </c>
      <c r="H24" s="327">
        <v>4247566</v>
      </c>
      <c r="I24" s="327">
        <v>2061386</v>
      </c>
      <c r="J24" s="327">
        <v>1538296</v>
      </c>
      <c r="K24" s="327">
        <v>2614801</v>
      </c>
      <c r="L24" s="329">
        <v>14688374</v>
      </c>
      <c r="M24" s="330">
        <v>15805007</v>
      </c>
      <c r="N24" s="326">
        <v>89883</v>
      </c>
      <c r="O24" s="327">
        <v>229333</v>
      </c>
      <c r="P24" s="328">
        <v>319216</v>
      </c>
      <c r="Q24" s="326">
        <v>0</v>
      </c>
      <c r="R24" s="327">
        <v>1247231</v>
      </c>
      <c r="S24" s="327">
        <v>1008035</v>
      </c>
      <c r="T24" s="327">
        <v>883315</v>
      </c>
      <c r="U24" s="327">
        <v>740904</v>
      </c>
      <c r="V24" s="327">
        <v>970822</v>
      </c>
      <c r="W24" s="328">
        <v>4850307</v>
      </c>
      <c r="X24" s="330">
        <v>5169523</v>
      </c>
      <c r="Y24" s="326">
        <v>0</v>
      </c>
      <c r="Z24" s="327">
        <v>0</v>
      </c>
      <c r="AA24" s="328">
        <v>0</v>
      </c>
      <c r="AB24" s="326">
        <v>0</v>
      </c>
      <c r="AC24" s="327">
        <v>356782</v>
      </c>
      <c r="AD24" s="327">
        <v>474681</v>
      </c>
      <c r="AE24" s="327">
        <v>356735</v>
      </c>
      <c r="AF24" s="327">
        <v>261930</v>
      </c>
      <c r="AG24" s="327">
        <v>354826</v>
      </c>
      <c r="AH24" s="328">
        <v>1804954</v>
      </c>
      <c r="AI24" s="330">
        <v>1804954</v>
      </c>
      <c r="AJ24" s="326">
        <v>0</v>
      </c>
      <c r="AK24" s="327">
        <v>0</v>
      </c>
      <c r="AL24" s="328">
        <v>0</v>
      </c>
      <c r="AM24" s="326">
        <v>0</v>
      </c>
      <c r="AN24" s="327">
        <v>0</v>
      </c>
      <c r="AO24" s="327">
        <v>0</v>
      </c>
      <c r="AP24" s="327">
        <v>122433</v>
      </c>
      <c r="AQ24" s="327">
        <v>75433</v>
      </c>
      <c r="AR24" s="327">
        <v>199202</v>
      </c>
      <c r="AS24" s="328">
        <v>397068</v>
      </c>
      <c r="AT24" s="330">
        <v>397068</v>
      </c>
      <c r="AU24" s="326">
        <v>36515</v>
      </c>
      <c r="AV24" s="327">
        <v>154909</v>
      </c>
      <c r="AW24" s="328">
        <v>191424</v>
      </c>
      <c r="AX24" s="326">
        <v>0</v>
      </c>
      <c r="AY24" s="327">
        <v>556858</v>
      </c>
      <c r="AZ24" s="327">
        <v>359794</v>
      </c>
      <c r="BA24" s="327">
        <v>218644</v>
      </c>
      <c r="BB24" s="327">
        <v>283989</v>
      </c>
      <c r="BC24" s="327">
        <v>211950</v>
      </c>
      <c r="BD24" s="328">
        <v>1631235</v>
      </c>
      <c r="BE24" s="330">
        <v>1822659</v>
      </c>
      <c r="BF24" s="326">
        <v>0</v>
      </c>
      <c r="BG24" s="327">
        <v>0</v>
      </c>
      <c r="BH24" s="331">
        <v>0</v>
      </c>
      <c r="BI24" s="332">
        <v>0</v>
      </c>
      <c r="BJ24" s="327">
        <v>27927</v>
      </c>
      <c r="BK24" s="327">
        <v>0</v>
      </c>
      <c r="BL24" s="327">
        <v>64751</v>
      </c>
      <c r="BM24" s="327">
        <v>0</v>
      </c>
      <c r="BN24" s="327">
        <v>31700</v>
      </c>
      <c r="BO24" s="328">
        <v>124378</v>
      </c>
      <c r="BP24" s="330">
        <v>124378</v>
      </c>
      <c r="BQ24" s="326">
        <v>53368</v>
      </c>
      <c r="BR24" s="327">
        <v>74424</v>
      </c>
      <c r="BS24" s="328">
        <v>127792</v>
      </c>
      <c r="BT24" s="326">
        <v>0</v>
      </c>
      <c r="BU24" s="327">
        <v>305664</v>
      </c>
      <c r="BV24" s="327">
        <v>173560</v>
      </c>
      <c r="BW24" s="327">
        <v>120752</v>
      </c>
      <c r="BX24" s="327">
        <v>119552</v>
      </c>
      <c r="BY24" s="327">
        <v>173144</v>
      </c>
      <c r="BZ24" s="328">
        <v>892672</v>
      </c>
      <c r="CA24" s="330">
        <v>1020464</v>
      </c>
      <c r="CB24" s="326">
        <v>61315</v>
      </c>
      <c r="CC24" s="327">
        <v>80087</v>
      </c>
      <c r="CD24" s="328">
        <v>141402</v>
      </c>
      <c r="CE24" s="326">
        <v>0</v>
      </c>
      <c r="CF24" s="327">
        <v>1351341</v>
      </c>
      <c r="CG24" s="327">
        <v>1141938</v>
      </c>
      <c r="CH24" s="327">
        <v>533730</v>
      </c>
      <c r="CI24" s="327">
        <v>0</v>
      </c>
      <c r="CJ24" s="327">
        <v>267645</v>
      </c>
      <c r="CK24" s="328">
        <v>3294654</v>
      </c>
      <c r="CL24" s="330">
        <v>3436056</v>
      </c>
      <c r="CM24" s="326">
        <v>0</v>
      </c>
      <c r="CN24" s="327">
        <v>0</v>
      </c>
      <c r="CO24" s="328">
        <v>0</v>
      </c>
      <c r="CP24" s="332">
        <v>0</v>
      </c>
      <c r="CQ24" s="327">
        <v>894018</v>
      </c>
      <c r="CR24" s="327">
        <v>732091</v>
      </c>
      <c r="CS24" s="327">
        <v>209284</v>
      </c>
      <c r="CT24" s="327">
        <v>0</v>
      </c>
      <c r="CU24" s="327">
        <v>160644</v>
      </c>
      <c r="CV24" s="328">
        <v>1996037</v>
      </c>
      <c r="CW24" s="330">
        <v>1996037</v>
      </c>
      <c r="CX24" s="326">
        <v>61315</v>
      </c>
      <c r="CY24" s="327">
        <v>80087</v>
      </c>
      <c r="CZ24" s="328">
        <v>141402</v>
      </c>
      <c r="DA24" s="326">
        <v>0</v>
      </c>
      <c r="DB24" s="327">
        <v>457323</v>
      </c>
      <c r="DC24" s="327">
        <v>409847</v>
      </c>
      <c r="DD24" s="327">
        <v>324446</v>
      </c>
      <c r="DE24" s="327">
        <v>0</v>
      </c>
      <c r="DF24" s="327">
        <v>107001</v>
      </c>
      <c r="DG24" s="328">
        <v>1298617</v>
      </c>
      <c r="DH24" s="330">
        <v>1440019</v>
      </c>
      <c r="DI24" s="326">
        <v>0</v>
      </c>
      <c r="DJ24" s="327">
        <v>24205</v>
      </c>
      <c r="DK24" s="331">
        <v>24205</v>
      </c>
      <c r="DL24" s="332">
        <v>0</v>
      </c>
      <c r="DM24" s="327">
        <v>105890</v>
      </c>
      <c r="DN24" s="327">
        <v>334093</v>
      </c>
      <c r="DO24" s="327">
        <v>27396</v>
      </c>
      <c r="DP24" s="327">
        <v>95700</v>
      </c>
      <c r="DQ24" s="327">
        <v>27598</v>
      </c>
      <c r="DR24" s="328">
        <v>590677</v>
      </c>
      <c r="DS24" s="330">
        <v>614882</v>
      </c>
      <c r="DT24" s="326">
        <v>0</v>
      </c>
      <c r="DU24" s="327">
        <v>24205</v>
      </c>
      <c r="DV24" s="328">
        <v>24205</v>
      </c>
      <c r="DW24" s="326">
        <v>0</v>
      </c>
      <c r="DX24" s="327">
        <v>93150</v>
      </c>
      <c r="DY24" s="327">
        <v>256488</v>
      </c>
      <c r="DZ24" s="327">
        <v>27396</v>
      </c>
      <c r="EA24" s="327">
        <v>95700</v>
      </c>
      <c r="EB24" s="327">
        <v>27598</v>
      </c>
      <c r="EC24" s="328">
        <v>500332</v>
      </c>
      <c r="ED24" s="330">
        <v>524537</v>
      </c>
      <c r="EE24" s="326">
        <v>0</v>
      </c>
      <c r="EF24" s="331">
        <v>0</v>
      </c>
      <c r="EG24" s="328">
        <v>0</v>
      </c>
      <c r="EH24" s="326">
        <v>0</v>
      </c>
      <c r="EI24" s="327">
        <v>12740</v>
      </c>
      <c r="EJ24" s="327">
        <v>77605</v>
      </c>
      <c r="EK24" s="327">
        <v>0</v>
      </c>
      <c r="EL24" s="327">
        <v>0</v>
      </c>
      <c r="EM24" s="327">
        <v>0</v>
      </c>
      <c r="EN24" s="331">
        <v>90345</v>
      </c>
      <c r="EO24" s="330">
        <v>90345</v>
      </c>
      <c r="EP24" s="326">
        <v>0</v>
      </c>
      <c r="EQ24" s="327">
        <v>0</v>
      </c>
      <c r="ER24" s="331">
        <v>0</v>
      </c>
      <c r="ES24" s="332">
        <v>0</v>
      </c>
      <c r="ET24" s="327">
        <v>0</v>
      </c>
      <c r="EU24" s="327">
        <v>0</v>
      </c>
      <c r="EV24" s="327">
        <v>0</v>
      </c>
      <c r="EW24" s="327">
        <v>0</v>
      </c>
      <c r="EX24" s="327">
        <v>0</v>
      </c>
      <c r="EY24" s="328">
        <v>0</v>
      </c>
      <c r="EZ24" s="330">
        <v>0</v>
      </c>
      <c r="FA24" s="326">
        <v>0</v>
      </c>
      <c r="FB24" s="327">
        <v>0</v>
      </c>
      <c r="FC24" s="331">
        <v>0</v>
      </c>
      <c r="FD24" s="332">
        <v>0</v>
      </c>
      <c r="FE24" s="327">
        <v>0</v>
      </c>
      <c r="FF24" s="327">
        <v>0</v>
      </c>
      <c r="FG24" s="327">
        <v>0</v>
      </c>
      <c r="FH24" s="327">
        <v>0</v>
      </c>
      <c r="FI24" s="327">
        <v>0</v>
      </c>
      <c r="FJ24" s="328">
        <v>0</v>
      </c>
      <c r="FK24" s="330">
        <v>0</v>
      </c>
      <c r="FL24" s="326">
        <v>193068</v>
      </c>
      <c r="FM24" s="327">
        <v>37968</v>
      </c>
      <c r="FN24" s="328">
        <v>231036</v>
      </c>
      <c r="FO24" s="326">
        <v>0</v>
      </c>
      <c r="FP24" s="327">
        <v>335688</v>
      </c>
      <c r="FQ24" s="327">
        <v>607016</v>
      </c>
      <c r="FR24" s="327">
        <v>205184</v>
      </c>
      <c r="FS24" s="327">
        <v>96496</v>
      </c>
      <c r="FT24" s="327">
        <v>340800</v>
      </c>
      <c r="FU24" s="328">
        <v>1585184</v>
      </c>
      <c r="FV24" s="330">
        <v>1816220</v>
      </c>
      <c r="FW24" s="333">
        <v>38160</v>
      </c>
      <c r="FX24" s="327">
        <v>37968</v>
      </c>
      <c r="FY24" s="331">
        <v>76128</v>
      </c>
      <c r="FZ24" s="332">
        <v>0</v>
      </c>
      <c r="GA24" s="327">
        <v>335688</v>
      </c>
      <c r="GB24" s="327">
        <v>320824</v>
      </c>
      <c r="GC24" s="327">
        <v>205184</v>
      </c>
      <c r="GD24" s="327">
        <v>65696</v>
      </c>
      <c r="GE24" s="327">
        <v>340800</v>
      </c>
      <c r="GF24" s="328">
        <v>1268192</v>
      </c>
      <c r="GG24" s="334">
        <v>1344320</v>
      </c>
      <c r="GH24" s="333">
        <v>0</v>
      </c>
      <c r="GI24" s="327">
        <v>0</v>
      </c>
      <c r="GJ24" s="331">
        <v>0</v>
      </c>
      <c r="GK24" s="332">
        <v>0</v>
      </c>
      <c r="GL24" s="327">
        <v>0</v>
      </c>
      <c r="GM24" s="327">
        <v>126192</v>
      </c>
      <c r="GN24" s="327">
        <v>0</v>
      </c>
      <c r="GO24" s="327">
        <v>30800</v>
      </c>
      <c r="GP24" s="327">
        <v>0</v>
      </c>
      <c r="GQ24" s="328">
        <v>156992</v>
      </c>
      <c r="GR24" s="330">
        <v>156992</v>
      </c>
      <c r="GS24" s="326">
        <v>154908</v>
      </c>
      <c r="GT24" s="327">
        <v>0</v>
      </c>
      <c r="GU24" s="328">
        <v>154908</v>
      </c>
      <c r="GV24" s="326">
        <v>0</v>
      </c>
      <c r="GW24" s="327">
        <v>0</v>
      </c>
      <c r="GX24" s="327">
        <v>160000</v>
      </c>
      <c r="GY24" s="327">
        <v>0</v>
      </c>
      <c r="GZ24" s="327">
        <v>0</v>
      </c>
      <c r="HA24" s="327">
        <v>0</v>
      </c>
      <c r="HB24" s="331">
        <v>160000</v>
      </c>
      <c r="HC24" s="330">
        <v>314908</v>
      </c>
      <c r="HD24" s="326">
        <v>117518</v>
      </c>
      <c r="HE24" s="327">
        <v>283256</v>
      </c>
      <c r="HF24" s="331">
        <v>400774</v>
      </c>
      <c r="HG24" s="332">
        <v>0</v>
      </c>
      <c r="HH24" s="327">
        <v>1186175</v>
      </c>
      <c r="HI24" s="327">
        <v>1156484</v>
      </c>
      <c r="HJ24" s="327">
        <v>411761</v>
      </c>
      <c r="HK24" s="327">
        <v>605196</v>
      </c>
      <c r="HL24" s="327">
        <v>1007936</v>
      </c>
      <c r="HM24" s="328">
        <v>4367552</v>
      </c>
      <c r="HN24" s="329">
        <v>4768326</v>
      </c>
      <c r="HO24" s="333">
        <v>0</v>
      </c>
      <c r="HP24" s="327">
        <v>0</v>
      </c>
      <c r="HQ24" s="328">
        <v>0</v>
      </c>
      <c r="HR24" s="326">
        <v>0</v>
      </c>
      <c r="HS24" s="327">
        <v>0</v>
      </c>
      <c r="HT24" s="327">
        <v>0</v>
      </c>
      <c r="HU24" s="327">
        <v>0</v>
      </c>
      <c r="HV24" s="327">
        <v>0</v>
      </c>
      <c r="HW24" s="327">
        <v>0</v>
      </c>
      <c r="HX24" s="331">
        <v>0</v>
      </c>
      <c r="HY24" s="330">
        <v>0</v>
      </c>
      <c r="HZ24" s="358">
        <v>0</v>
      </c>
      <c r="IA24" s="356">
        <v>0</v>
      </c>
      <c r="IB24" s="358">
        <v>0</v>
      </c>
      <c r="IC24" s="355">
        <v>0</v>
      </c>
      <c r="ID24" s="356">
        <v>1065197</v>
      </c>
      <c r="IE24" s="357">
        <v>883101</v>
      </c>
      <c r="IF24" s="358">
        <v>1264434</v>
      </c>
      <c r="IG24" s="356">
        <v>385088</v>
      </c>
      <c r="IH24" s="358">
        <v>2152634</v>
      </c>
      <c r="II24" s="359">
        <v>5750454</v>
      </c>
      <c r="IJ24" s="358">
        <v>5750454</v>
      </c>
      <c r="IK24" s="342">
        <v>0</v>
      </c>
      <c r="IL24" s="343">
        <v>0</v>
      </c>
      <c r="IM24" s="344">
        <v>0</v>
      </c>
      <c r="IN24" s="404">
        <v>0</v>
      </c>
      <c r="IO24" s="345">
        <v>0</v>
      </c>
      <c r="IP24" s="345">
        <v>0</v>
      </c>
      <c r="IQ24" s="345">
        <v>0</v>
      </c>
      <c r="IR24" s="345">
        <v>0</v>
      </c>
      <c r="IS24" s="345">
        <v>0</v>
      </c>
      <c r="IT24" s="346">
        <v>0</v>
      </c>
      <c r="IU24" s="347">
        <v>0</v>
      </c>
      <c r="IV24" s="348">
        <v>0</v>
      </c>
      <c r="IW24" s="345">
        <v>0</v>
      </c>
      <c r="IX24" s="349">
        <v>0</v>
      </c>
      <c r="IY24" s="404">
        <v>0</v>
      </c>
      <c r="IZ24" s="345">
        <v>0</v>
      </c>
      <c r="JA24" s="345">
        <v>0</v>
      </c>
      <c r="JB24" s="345">
        <v>0</v>
      </c>
      <c r="JC24" s="345">
        <v>0</v>
      </c>
      <c r="JD24" s="345">
        <v>0</v>
      </c>
      <c r="JE24" s="349">
        <v>0</v>
      </c>
      <c r="JF24" s="350">
        <v>0</v>
      </c>
      <c r="JG24" s="348">
        <v>0</v>
      </c>
      <c r="JH24" s="345">
        <v>0</v>
      </c>
      <c r="JI24" s="346">
        <v>0</v>
      </c>
      <c r="JJ24" s="351">
        <v>0</v>
      </c>
      <c r="JK24" s="345">
        <v>315893</v>
      </c>
      <c r="JL24" s="345">
        <v>90462</v>
      </c>
      <c r="JM24" s="345">
        <v>0</v>
      </c>
      <c r="JN24" s="345">
        <v>0</v>
      </c>
      <c r="JO24" s="345">
        <v>0</v>
      </c>
      <c r="JP24" s="349">
        <v>406355</v>
      </c>
      <c r="JQ24" s="347">
        <v>406355</v>
      </c>
      <c r="JR24" s="348">
        <v>0</v>
      </c>
      <c r="JS24" s="345">
        <v>0</v>
      </c>
      <c r="JT24" s="346">
        <v>0</v>
      </c>
      <c r="JU24" s="351">
        <v>0</v>
      </c>
      <c r="JV24" s="345">
        <v>102493</v>
      </c>
      <c r="JW24" s="345">
        <v>158991</v>
      </c>
      <c r="JX24" s="345">
        <v>0</v>
      </c>
      <c r="JY24" s="345">
        <v>110521</v>
      </c>
      <c r="JZ24" s="345">
        <v>0</v>
      </c>
      <c r="KA24" s="349">
        <v>372005</v>
      </c>
      <c r="KB24" s="347">
        <v>372005</v>
      </c>
      <c r="KC24" s="352">
        <v>0</v>
      </c>
      <c r="KD24" s="353">
        <v>0</v>
      </c>
      <c r="KE24" s="349">
        <v>0</v>
      </c>
      <c r="KF24" s="351">
        <v>0</v>
      </c>
      <c r="KG24" s="345">
        <v>410341</v>
      </c>
      <c r="KH24" s="345">
        <v>381394</v>
      </c>
      <c r="KI24" s="345">
        <v>958789</v>
      </c>
      <c r="KJ24" s="345">
        <v>0</v>
      </c>
      <c r="KK24" s="345">
        <v>703447</v>
      </c>
      <c r="KL24" s="349">
        <v>2453971</v>
      </c>
      <c r="KM24" s="354">
        <v>2453971</v>
      </c>
      <c r="KN24" s="342">
        <v>0</v>
      </c>
      <c r="KO24" s="343">
        <v>0</v>
      </c>
      <c r="KP24" s="344">
        <v>0</v>
      </c>
      <c r="KQ24" s="404">
        <v>0</v>
      </c>
      <c r="KR24" s="345">
        <v>236470</v>
      </c>
      <c r="KS24" s="345">
        <v>252254</v>
      </c>
      <c r="KT24" s="345">
        <v>0</v>
      </c>
      <c r="KU24" s="345">
        <v>274567</v>
      </c>
      <c r="KV24" s="345">
        <v>0</v>
      </c>
      <c r="KW24" s="349">
        <v>763291</v>
      </c>
      <c r="KX24" s="347">
        <v>763291</v>
      </c>
      <c r="KY24" s="348">
        <v>0</v>
      </c>
      <c r="KZ24" s="345">
        <v>0</v>
      </c>
      <c r="LA24" s="349">
        <v>0</v>
      </c>
      <c r="LB24" s="404">
        <v>0</v>
      </c>
      <c r="LC24" s="345">
        <v>0</v>
      </c>
      <c r="LD24" s="345">
        <v>0</v>
      </c>
      <c r="LE24" s="345">
        <v>0</v>
      </c>
      <c r="LF24" s="345">
        <v>0</v>
      </c>
      <c r="LG24" s="345">
        <v>0</v>
      </c>
      <c r="LH24" s="349">
        <v>0</v>
      </c>
      <c r="LI24" s="350">
        <v>0</v>
      </c>
      <c r="LJ24" s="348">
        <v>0</v>
      </c>
      <c r="LK24" s="345">
        <v>0</v>
      </c>
      <c r="LL24" s="349">
        <v>0</v>
      </c>
      <c r="LM24" s="404">
        <v>0</v>
      </c>
      <c r="LN24" s="345">
        <v>0</v>
      </c>
      <c r="LO24" s="345">
        <v>0</v>
      </c>
      <c r="LP24" s="345">
        <v>0</v>
      </c>
      <c r="LQ24" s="345">
        <v>0</v>
      </c>
      <c r="LR24" s="345">
        <v>0</v>
      </c>
      <c r="LS24" s="349">
        <v>0</v>
      </c>
      <c r="LT24" s="347">
        <v>0</v>
      </c>
      <c r="LU24" s="348">
        <v>0</v>
      </c>
      <c r="LV24" s="345">
        <v>0</v>
      </c>
      <c r="LW24" s="349">
        <v>0</v>
      </c>
      <c r="LX24" s="404">
        <v>0</v>
      </c>
      <c r="LY24" s="345">
        <v>0</v>
      </c>
      <c r="LZ24" s="345">
        <v>0</v>
      </c>
      <c r="MA24" s="345">
        <v>305645</v>
      </c>
      <c r="MB24" s="345">
        <v>0</v>
      </c>
      <c r="MC24" s="345">
        <v>1449187</v>
      </c>
      <c r="MD24" s="349">
        <v>1754832</v>
      </c>
      <c r="ME24" s="350">
        <v>1754832</v>
      </c>
      <c r="MF24" s="348">
        <v>0</v>
      </c>
      <c r="MG24" s="345">
        <v>0</v>
      </c>
      <c r="MH24" s="349">
        <v>0</v>
      </c>
      <c r="MI24" s="404">
        <v>0</v>
      </c>
      <c r="MJ24" s="345">
        <v>837262</v>
      </c>
      <c r="MK24" s="345">
        <v>582874</v>
      </c>
      <c r="ML24" s="345">
        <v>1983715</v>
      </c>
      <c r="MM24" s="345">
        <v>2647295</v>
      </c>
      <c r="MN24" s="345">
        <v>1383827</v>
      </c>
      <c r="MO24" s="349">
        <v>7434973</v>
      </c>
      <c r="MP24" s="354">
        <v>7434973</v>
      </c>
      <c r="MQ24" s="348">
        <v>0</v>
      </c>
      <c r="MR24" s="345">
        <v>0</v>
      </c>
      <c r="MS24" s="349">
        <v>0</v>
      </c>
      <c r="MT24" s="404">
        <v>0</v>
      </c>
      <c r="MU24" s="345">
        <v>0</v>
      </c>
      <c r="MV24" s="345">
        <v>0</v>
      </c>
      <c r="MW24" s="345">
        <v>788079</v>
      </c>
      <c r="MX24" s="345">
        <v>1900876</v>
      </c>
      <c r="MY24" s="345">
        <v>1383827</v>
      </c>
      <c r="MZ24" s="349">
        <v>4072782</v>
      </c>
      <c r="NA24" s="354">
        <v>4072782</v>
      </c>
      <c r="NB24" s="348">
        <v>0</v>
      </c>
      <c r="NC24" s="345">
        <v>0</v>
      </c>
      <c r="ND24" s="349">
        <v>0</v>
      </c>
      <c r="NE24" s="404">
        <v>0</v>
      </c>
      <c r="NF24" s="345">
        <v>837262</v>
      </c>
      <c r="NG24" s="345">
        <v>582874</v>
      </c>
      <c r="NH24" s="345">
        <v>1195636</v>
      </c>
      <c r="NI24" s="345">
        <v>746419</v>
      </c>
      <c r="NJ24" s="345">
        <v>0</v>
      </c>
      <c r="NK24" s="349">
        <v>3362191</v>
      </c>
      <c r="NL24" s="347">
        <v>3362191</v>
      </c>
      <c r="NM24" s="348">
        <v>0</v>
      </c>
      <c r="NN24" s="345">
        <v>0</v>
      </c>
      <c r="NO24" s="349">
        <v>0</v>
      </c>
      <c r="NP24" s="404">
        <v>0</v>
      </c>
      <c r="NQ24" s="345">
        <v>0</v>
      </c>
      <c r="NR24" s="345">
        <v>0</v>
      </c>
      <c r="NS24" s="345">
        <v>0</v>
      </c>
      <c r="NT24" s="345">
        <v>0</v>
      </c>
      <c r="NU24" s="345">
        <v>0</v>
      </c>
      <c r="NV24" s="349">
        <v>0</v>
      </c>
      <c r="NW24" s="350">
        <v>0</v>
      </c>
      <c r="NX24" s="348">
        <v>0</v>
      </c>
      <c r="NY24" s="345">
        <v>0</v>
      </c>
      <c r="NZ24" s="349">
        <v>0</v>
      </c>
      <c r="OA24" s="404">
        <v>0</v>
      </c>
      <c r="OB24" s="345">
        <v>0</v>
      </c>
      <c r="OC24" s="345">
        <v>0</v>
      </c>
      <c r="OD24" s="345">
        <v>0</v>
      </c>
      <c r="OE24" s="345">
        <v>0</v>
      </c>
      <c r="OF24" s="345">
        <v>0</v>
      </c>
      <c r="OG24" s="349">
        <v>0</v>
      </c>
      <c r="OH24" s="350">
        <v>0</v>
      </c>
      <c r="OI24" s="348">
        <v>461784</v>
      </c>
      <c r="OJ24" s="345">
        <v>654849</v>
      </c>
      <c r="OK24" s="346">
        <v>1116633</v>
      </c>
      <c r="OL24" s="351">
        <v>0</v>
      </c>
      <c r="OM24" s="345">
        <v>6128784</v>
      </c>
      <c r="ON24" s="345">
        <v>5713541</v>
      </c>
      <c r="OO24" s="345">
        <v>5309535</v>
      </c>
      <c r="OP24" s="345">
        <v>4570679</v>
      </c>
      <c r="OQ24" s="345">
        <v>6151262</v>
      </c>
      <c r="OR24" s="349">
        <v>27873801</v>
      </c>
      <c r="OS24" s="354">
        <v>28990434</v>
      </c>
    </row>
    <row r="25" spans="2:409" s="70" customFormat="1" ht="21" customHeight="1" x14ac:dyDescent="0.2">
      <c r="B25" s="410" t="s">
        <v>20</v>
      </c>
      <c r="C25" s="326">
        <v>261821</v>
      </c>
      <c r="D25" s="327">
        <v>946738</v>
      </c>
      <c r="E25" s="328">
        <v>1208559</v>
      </c>
      <c r="F25" s="326">
        <v>0</v>
      </c>
      <c r="G25" s="327">
        <v>5836080</v>
      </c>
      <c r="H25" s="327">
        <v>5265376</v>
      </c>
      <c r="I25" s="327">
        <v>4598414</v>
      </c>
      <c r="J25" s="327">
        <v>5181346</v>
      </c>
      <c r="K25" s="327">
        <v>1656605</v>
      </c>
      <c r="L25" s="367">
        <v>22537821</v>
      </c>
      <c r="M25" s="330">
        <v>23746380</v>
      </c>
      <c r="N25" s="326">
        <v>115520</v>
      </c>
      <c r="O25" s="327">
        <v>299319</v>
      </c>
      <c r="P25" s="328">
        <v>414839</v>
      </c>
      <c r="Q25" s="326">
        <v>0</v>
      </c>
      <c r="R25" s="327">
        <v>1722708</v>
      </c>
      <c r="S25" s="327">
        <v>1987711</v>
      </c>
      <c r="T25" s="327">
        <v>1348567</v>
      </c>
      <c r="U25" s="327">
        <v>1188216</v>
      </c>
      <c r="V25" s="327">
        <v>963402</v>
      </c>
      <c r="W25" s="328">
        <v>7210604</v>
      </c>
      <c r="X25" s="330">
        <v>7625443</v>
      </c>
      <c r="Y25" s="326">
        <v>0</v>
      </c>
      <c r="Z25" s="327">
        <v>0</v>
      </c>
      <c r="AA25" s="328">
        <v>0</v>
      </c>
      <c r="AB25" s="326">
        <v>0</v>
      </c>
      <c r="AC25" s="327">
        <v>650459</v>
      </c>
      <c r="AD25" s="327">
        <v>734254</v>
      </c>
      <c r="AE25" s="327">
        <v>401315</v>
      </c>
      <c r="AF25" s="327">
        <v>216030</v>
      </c>
      <c r="AG25" s="327">
        <v>402708</v>
      </c>
      <c r="AH25" s="328">
        <v>2404766</v>
      </c>
      <c r="AI25" s="330">
        <v>2404766</v>
      </c>
      <c r="AJ25" s="326">
        <v>0</v>
      </c>
      <c r="AK25" s="327">
        <v>0</v>
      </c>
      <c r="AL25" s="328">
        <v>0</v>
      </c>
      <c r="AM25" s="326">
        <v>0</v>
      </c>
      <c r="AN25" s="327">
        <v>0</v>
      </c>
      <c r="AO25" s="327">
        <v>48042</v>
      </c>
      <c r="AP25" s="327">
        <v>37929</v>
      </c>
      <c r="AQ25" s="327">
        <v>288565</v>
      </c>
      <c r="AR25" s="327">
        <v>157301</v>
      </c>
      <c r="AS25" s="328">
        <v>531837</v>
      </c>
      <c r="AT25" s="330">
        <v>531837</v>
      </c>
      <c r="AU25" s="326">
        <v>52548</v>
      </c>
      <c r="AV25" s="327">
        <v>138849</v>
      </c>
      <c r="AW25" s="328">
        <v>191397</v>
      </c>
      <c r="AX25" s="326">
        <v>0</v>
      </c>
      <c r="AY25" s="327">
        <v>694477</v>
      </c>
      <c r="AZ25" s="327">
        <v>743902</v>
      </c>
      <c r="BA25" s="327">
        <v>311107</v>
      </c>
      <c r="BB25" s="327">
        <v>280178</v>
      </c>
      <c r="BC25" s="327">
        <v>292145</v>
      </c>
      <c r="BD25" s="328">
        <v>2321809</v>
      </c>
      <c r="BE25" s="330">
        <v>2513206</v>
      </c>
      <c r="BF25" s="326">
        <v>41564</v>
      </c>
      <c r="BG25" s="327">
        <v>80910</v>
      </c>
      <c r="BH25" s="331">
        <v>122474</v>
      </c>
      <c r="BI25" s="332">
        <v>0</v>
      </c>
      <c r="BJ25" s="327">
        <v>66660</v>
      </c>
      <c r="BK25" s="327">
        <v>268649</v>
      </c>
      <c r="BL25" s="327">
        <v>234400</v>
      </c>
      <c r="BM25" s="327">
        <v>115955</v>
      </c>
      <c r="BN25" s="327">
        <v>0</v>
      </c>
      <c r="BO25" s="328">
        <v>685664</v>
      </c>
      <c r="BP25" s="330">
        <v>808138</v>
      </c>
      <c r="BQ25" s="326">
        <v>21408</v>
      </c>
      <c r="BR25" s="327">
        <v>79560</v>
      </c>
      <c r="BS25" s="328">
        <v>100968</v>
      </c>
      <c r="BT25" s="326">
        <v>0</v>
      </c>
      <c r="BU25" s="327">
        <v>311112</v>
      </c>
      <c r="BV25" s="327">
        <v>192864</v>
      </c>
      <c r="BW25" s="327">
        <v>363816</v>
      </c>
      <c r="BX25" s="327">
        <v>287488</v>
      </c>
      <c r="BY25" s="327">
        <v>111248</v>
      </c>
      <c r="BZ25" s="328">
        <v>1266528</v>
      </c>
      <c r="CA25" s="330">
        <v>1367496</v>
      </c>
      <c r="CB25" s="326">
        <v>20432</v>
      </c>
      <c r="CC25" s="327">
        <v>41156</v>
      </c>
      <c r="CD25" s="328">
        <v>61588</v>
      </c>
      <c r="CE25" s="326">
        <v>0</v>
      </c>
      <c r="CF25" s="327">
        <v>2347542</v>
      </c>
      <c r="CG25" s="327">
        <v>1622423</v>
      </c>
      <c r="CH25" s="327">
        <v>1546680</v>
      </c>
      <c r="CI25" s="327">
        <v>828608</v>
      </c>
      <c r="CJ25" s="327">
        <v>20372</v>
      </c>
      <c r="CK25" s="328">
        <v>6365625</v>
      </c>
      <c r="CL25" s="330">
        <v>6427213</v>
      </c>
      <c r="CM25" s="326">
        <v>0</v>
      </c>
      <c r="CN25" s="327">
        <v>0</v>
      </c>
      <c r="CO25" s="328">
        <v>0</v>
      </c>
      <c r="CP25" s="332">
        <v>0</v>
      </c>
      <c r="CQ25" s="327">
        <v>1598305</v>
      </c>
      <c r="CR25" s="327">
        <v>1381332</v>
      </c>
      <c r="CS25" s="327">
        <v>1227216</v>
      </c>
      <c r="CT25" s="327">
        <v>709721</v>
      </c>
      <c r="CU25" s="327">
        <v>0</v>
      </c>
      <c r="CV25" s="328">
        <v>4916574</v>
      </c>
      <c r="CW25" s="330">
        <v>4916574</v>
      </c>
      <c r="CX25" s="326">
        <v>20432</v>
      </c>
      <c r="CY25" s="327">
        <v>41156</v>
      </c>
      <c r="CZ25" s="328">
        <v>61588</v>
      </c>
      <c r="DA25" s="326">
        <v>0</v>
      </c>
      <c r="DB25" s="327">
        <v>749237</v>
      </c>
      <c r="DC25" s="327">
        <v>241091</v>
      </c>
      <c r="DD25" s="327">
        <v>319464</v>
      </c>
      <c r="DE25" s="327">
        <v>118887</v>
      </c>
      <c r="DF25" s="327">
        <v>20372</v>
      </c>
      <c r="DG25" s="328">
        <v>1449051</v>
      </c>
      <c r="DH25" s="330">
        <v>1510639</v>
      </c>
      <c r="DI25" s="326">
        <v>0</v>
      </c>
      <c r="DJ25" s="327">
        <v>0</v>
      </c>
      <c r="DK25" s="331">
        <v>0</v>
      </c>
      <c r="DL25" s="332">
        <v>0</v>
      </c>
      <c r="DM25" s="327">
        <v>337747</v>
      </c>
      <c r="DN25" s="327">
        <v>538034</v>
      </c>
      <c r="DO25" s="327">
        <v>259195</v>
      </c>
      <c r="DP25" s="327">
        <v>877717</v>
      </c>
      <c r="DQ25" s="327">
        <v>64394</v>
      </c>
      <c r="DR25" s="328">
        <v>2077087</v>
      </c>
      <c r="DS25" s="330">
        <v>2077087</v>
      </c>
      <c r="DT25" s="326">
        <v>0</v>
      </c>
      <c r="DU25" s="327">
        <v>0</v>
      </c>
      <c r="DV25" s="328">
        <v>0</v>
      </c>
      <c r="DW25" s="326">
        <v>0</v>
      </c>
      <c r="DX25" s="327">
        <v>337747</v>
      </c>
      <c r="DY25" s="327">
        <v>538034</v>
      </c>
      <c r="DZ25" s="327">
        <v>199084</v>
      </c>
      <c r="EA25" s="327">
        <v>825186</v>
      </c>
      <c r="EB25" s="327">
        <v>64394</v>
      </c>
      <c r="EC25" s="328">
        <v>1964445</v>
      </c>
      <c r="ED25" s="330">
        <v>1964445</v>
      </c>
      <c r="EE25" s="326">
        <v>0</v>
      </c>
      <c r="EF25" s="331">
        <v>0</v>
      </c>
      <c r="EG25" s="328">
        <v>0</v>
      </c>
      <c r="EH25" s="326">
        <v>0</v>
      </c>
      <c r="EI25" s="327">
        <v>0</v>
      </c>
      <c r="EJ25" s="327">
        <v>0</v>
      </c>
      <c r="EK25" s="327">
        <v>60111</v>
      </c>
      <c r="EL25" s="327">
        <v>52531</v>
      </c>
      <c r="EM25" s="327">
        <v>0</v>
      </c>
      <c r="EN25" s="331">
        <v>112642</v>
      </c>
      <c r="EO25" s="330">
        <v>112642</v>
      </c>
      <c r="EP25" s="326">
        <v>0</v>
      </c>
      <c r="EQ25" s="327">
        <v>0</v>
      </c>
      <c r="ER25" s="331">
        <v>0</v>
      </c>
      <c r="ES25" s="332">
        <v>0</v>
      </c>
      <c r="ET25" s="327">
        <v>0</v>
      </c>
      <c r="EU25" s="327">
        <v>0</v>
      </c>
      <c r="EV25" s="327">
        <v>0</v>
      </c>
      <c r="EW25" s="327">
        <v>0</v>
      </c>
      <c r="EX25" s="327">
        <v>0</v>
      </c>
      <c r="EY25" s="328">
        <v>0</v>
      </c>
      <c r="EZ25" s="330">
        <v>0</v>
      </c>
      <c r="FA25" s="326">
        <v>0</v>
      </c>
      <c r="FB25" s="327">
        <v>0</v>
      </c>
      <c r="FC25" s="331">
        <v>0</v>
      </c>
      <c r="FD25" s="332">
        <v>0</v>
      </c>
      <c r="FE25" s="327">
        <v>0</v>
      </c>
      <c r="FF25" s="327">
        <v>0</v>
      </c>
      <c r="FG25" s="327">
        <v>0</v>
      </c>
      <c r="FH25" s="327">
        <v>0</v>
      </c>
      <c r="FI25" s="327">
        <v>0</v>
      </c>
      <c r="FJ25" s="328">
        <v>0</v>
      </c>
      <c r="FK25" s="330">
        <v>0</v>
      </c>
      <c r="FL25" s="326">
        <v>72968</v>
      </c>
      <c r="FM25" s="327">
        <v>222224</v>
      </c>
      <c r="FN25" s="328">
        <v>295192</v>
      </c>
      <c r="FO25" s="326">
        <v>0</v>
      </c>
      <c r="FP25" s="327">
        <v>615368</v>
      </c>
      <c r="FQ25" s="327">
        <v>554280</v>
      </c>
      <c r="FR25" s="327">
        <v>432024</v>
      </c>
      <c r="FS25" s="327">
        <v>225832</v>
      </c>
      <c r="FT25" s="327">
        <v>122592</v>
      </c>
      <c r="FU25" s="328">
        <v>1950096</v>
      </c>
      <c r="FV25" s="330">
        <v>2245288</v>
      </c>
      <c r="FW25" s="333">
        <v>50888</v>
      </c>
      <c r="FX25" s="327">
        <v>119744</v>
      </c>
      <c r="FY25" s="331">
        <v>170632</v>
      </c>
      <c r="FZ25" s="332">
        <v>0</v>
      </c>
      <c r="GA25" s="327">
        <v>433104</v>
      </c>
      <c r="GB25" s="327">
        <v>500600</v>
      </c>
      <c r="GC25" s="327">
        <v>373624</v>
      </c>
      <c r="GD25" s="327">
        <v>225832</v>
      </c>
      <c r="GE25" s="327">
        <v>122592</v>
      </c>
      <c r="GF25" s="328">
        <v>1655752</v>
      </c>
      <c r="GG25" s="334">
        <v>1826384</v>
      </c>
      <c r="GH25" s="333">
        <v>22080</v>
      </c>
      <c r="GI25" s="327">
        <v>16080</v>
      </c>
      <c r="GJ25" s="331">
        <v>38160</v>
      </c>
      <c r="GK25" s="332">
        <v>0</v>
      </c>
      <c r="GL25" s="327">
        <v>22264</v>
      </c>
      <c r="GM25" s="327">
        <v>17600</v>
      </c>
      <c r="GN25" s="327">
        <v>0</v>
      </c>
      <c r="GO25" s="327">
        <v>0</v>
      </c>
      <c r="GP25" s="327">
        <v>0</v>
      </c>
      <c r="GQ25" s="328">
        <v>39864</v>
      </c>
      <c r="GR25" s="330">
        <v>78024</v>
      </c>
      <c r="GS25" s="326">
        <v>0</v>
      </c>
      <c r="GT25" s="327">
        <v>86400</v>
      </c>
      <c r="GU25" s="328">
        <v>86400</v>
      </c>
      <c r="GV25" s="326">
        <v>0</v>
      </c>
      <c r="GW25" s="327">
        <v>160000</v>
      </c>
      <c r="GX25" s="327">
        <v>36080</v>
      </c>
      <c r="GY25" s="327">
        <v>58400</v>
      </c>
      <c r="GZ25" s="327">
        <v>0</v>
      </c>
      <c r="HA25" s="327">
        <v>0</v>
      </c>
      <c r="HB25" s="331">
        <v>254480</v>
      </c>
      <c r="HC25" s="330">
        <v>340880</v>
      </c>
      <c r="HD25" s="326">
        <v>52901</v>
      </c>
      <c r="HE25" s="327">
        <v>384039</v>
      </c>
      <c r="HF25" s="331">
        <v>436940</v>
      </c>
      <c r="HG25" s="332">
        <v>0</v>
      </c>
      <c r="HH25" s="327">
        <v>812715</v>
      </c>
      <c r="HI25" s="327">
        <v>562928</v>
      </c>
      <c r="HJ25" s="327">
        <v>1011948</v>
      </c>
      <c r="HK25" s="327">
        <v>2060973</v>
      </c>
      <c r="HL25" s="327">
        <v>485845</v>
      </c>
      <c r="HM25" s="328">
        <v>4934409</v>
      </c>
      <c r="HN25" s="329">
        <v>5371349</v>
      </c>
      <c r="HO25" s="333">
        <v>0</v>
      </c>
      <c r="HP25" s="327">
        <v>0</v>
      </c>
      <c r="HQ25" s="328">
        <v>0</v>
      </c>
      <c r="HR25" s="326">
        <v>0</v>
      </c>
      <c r="HS25" s="327">
        <v>0</v>
      </c>
      <c r="HT25" s="327">
        <v>0</v>
      </c>
      <c r="HU25" s="327">
        <v>0</v>
      </c>
      <c r="HV25" s="327">
        <v>0</v>
      </c>
      <c r="HW25" s="327">
        <v>0</v>
      </c>
      <c r="HX25" s="331">
        <v>0</v>
      </c>
      <c r="HY25" s="330">
        <v>0</v>
      </c>
      <c r="HZ25" s="335">
        <v>0</v>
      </c>
      <c r="IA25" s="336">
        <v>0</v>
      </c>
      <c r="IB25" s="337">
        <v>0</v>
      </c>
      <c r="IC25" s="338">
        <v>0</v>
      </c>
      <c r="ID25" s="336">
        <v>476336</v>
      </c>
      <c r="IE25" s="339">
        <v>1249957</v>
      </c>
      <c r="IF25" s="337">
        <v>1698162</v>
      </c>
      <c r="IG25" s="336">
        <v>426392</v>
      </c>
      <c r="IH25" s="337">
        <v>47176</v>
      </c>
      <c r="II25" s="340">
        <v>3898023</v>
      </c>
      <c r="IJ25" s="341">
        <v>3898023</v>
      </c>
      <c r="IK25" s="342">
        <v>0</v>
      </c>
      <c r="IL25" s="343">
        <v>0</v>
      </c>
      <c r="IM25" s="344">
        <v>0</v>
      </c>
      <c r="IN25" s="404">
        <v>0</v>
      </c>
      <c r="IO25" s="345">
        <v>0</v>
      </c>
      <c r="IP25" s="345">
        <v>0</v>
      </c>
      <c r="IQ25" s="345">
        <v>0</v>
      </c>
      <c r="IR25" s="345">
        <v>0</v>
      </c>
      <c r="IS25" s="345">
        <v>0</v>
      </c>
      <c r="IT25" s="346">
        <v>0</v>
      </c>
      <c r="IU25" s="347">
        <v>0</v>
      </c>
      <c r="IV25" s="348">
        <v>0</v>
      </c>
      <c r="IW25" s="345">
        <v>0</v>
      </c>
      <c r="IX25" s="349">
        <v>0</v>
      </c>
      <c r="IY25" s="404">
        <v>0</v>
      </c>
      <c r="IZ25" s="345">
        <v>0</v>
      </c>
      <c r="JA25" s="345">
        <v>0</v>
      </c>
      <c r="JB25" s="345">
        <v>0</v>
      </c>
      <c r="JC25" s="345">
        <v>0</v>
      </c>
      <c r="JD25" s="345">
        <v>0</v>
      </c>
      <c r="JE25" s="349">
        <v>0</v>
      </c>
      <c r="JF25" s="350">
        <v>0</v>
      </c>
      <c r="JG25" s="348">
        <v>0</v>
      </c>
      <c r="JH25" s="345">
        <v>0</v>
      </c>
      <c r="JI25" s="346">
        <v>0</v>
      </c>
      <c r="JJ25" s="351">
        <v>0</v>
      </c>
      <c r="JK25" s="345">
        <v>476336</v>
      </c>
      <c r="JL25" s="345">
        <v>824296</v>
      </c>
      <c r="JM25" s="345">
        <v>379648</v>
      </c>
      <c r="JN25" s="345">
        <v>147235</v>
      </c>
      <c r="JO25" s="345">
        <v>0</v>
      </c>
      <c r="JP25" s="349">
        <v>1827515</v>
      </c>
      <c r="JQ25" s="347">
        <v>1827515</v>
      </c>
      <c r="JR25" s="348">
        <v>0</v>
      </c>
      <c r="JS25" s="345">
        <v>0</v>
      </c>
      <c r="JT25" s="346">
        <v>0</v>
      </c>
      <c r="JU25" s="351">
        <v>0</v>
      </c>
      <c r="JV25" s="345">
        <v>0</v>
      </c>
      <c r="JW25" s="345">
        <v>0</v>
      </c>
      <c r="JX25" s="345">
        <v>0</v>
      </c>
      <c r="JY25" s="345">
        <v>0</v>
      </c>
      <c r="JZ25" s="345">
        <v>47176</v>
      </c>
      <c r="KA25" s="349">
        <v>47176</v>
      </c>
      <c r="KB25" s="347">
        <v>47176</v>
      </c>
      <c r="KC25" s="352">
        <v>0</v>
      </c>
      <c r="KD25" s="353">
        <v>0</v>
      </c>
      <c r="KE25" s="349">
        <v>0</v>
      </c>
      <c r="KF25" s="351">
        <v>0</v>
      </c>
      <c r="KG25" s="345">
        <v>0</v>
      </c>
      <c r="KH25" s="345">
        <v>170636</v>
      </c>
      <c r="KI25" s="345">
        <v>249204</v>
      </c>
      <c r="KJ25" s="345">
        <v>0</v>
      </c>
      <c r="KK25" s="345">
        <v>0</v>
      </c>
      <c r="KL25" s="349">
        <v>419840</v>
      </c>
      <c r="KM25" s="354">
        <v>419840</v>
      </c>
      <c r="KN25" s="342">
        <v>0</v>
      </c>
      <c r="KO25" s="343">
        <v>0</v>
      </c>
      <c r="KP25" s="344">
        <v>0</v>
      </c>
      <c r="KQ25" s="404">
        <v>0</v>
      </c>
      <c r="KR25" s="345">
        <v>0</v>
      </c>
      <c r="KS25" s="345">
        <v>255025</v>
      </c>
      <c r="KT25" s="345">
        <v>1069310</v>
      </c>
      <c r="KU25" s="345">
        <v>279157</v>
      </c>
      <c r="KV25" s="345">
        <v>0</v>
      </c>
      <c r="KW25" s="349">
        <v>1603492</v>
      </c>
      <c r="KX25" s="347">
        <v>1603492</v>
      </c>
      <c r="KY25" s="348">
        <v>0</v>
      </c>
      <c r="KZ25" s="345">
        <v>0</v>
      </c>
      <c r="LA25" s="349">
        <v>0</v>
      </c>
      <c r="LB25" s="404">
        <v>0</v>
      </c>
      <c r="LC25" s="345">
        <v>0</v>
      </c>
      <c r="LD25" s="345">
        <v>0</v>
      </c>
      <c r="LE25" s="345">
        <v>0</v>
      </c>
      <c r="LF25" s="345">
        <v>0</v>
      </c>
      <c r="LG25" s="345">
        <v>0</v>
      </c>
      <c r="LH25" s="349">
        <v>0</v>
      </c>
      <c r="LI25" s="350">
        <v>0</v>
      </c>
      <c r="LJ25" s="348">
        <v>0</v>
      </c>
      <c r="LK25" s="345">
        <v>0</v>
      </c>
      <c r="LL25" s="349">
        <v>0</v>
      </c>
      <c r="LM25" s="404">
        <v>0</v>
      </c>
      <c r="LN25" s="345">
        <v>0</v>
      </c>
      <c r="LO25" s="345">
        <v>0</v>
      </c>
      <c r="LP25" s="345">
        <v>0</v>
      </c>
      <c r="LQ25" s="345">
        <v>0</v>
      </c>
      <c r="LR25" s="345">
        <v>0</v>
      </c>
      <c r="LS25" s="349">
        <v>0</v>
      </c>
      <c r="LT25" s="347">
        <v>0</v>
      </c>
      <c r="LU25" s="348">
        <v>0</v>
      </c>
      <c r="LV25" s="345">
        <v>0</v>
      </c>
      <c r="LW25" s="349">
        <v>0</v>
      </c>
      <c r="LX25" s="404">
        <v>0</v>
      </c>
      <c r="LY25" s="345">
        <v>0</v>
      </c>
      <c r="LZ25" s="345">
        <v>0</v>
      </c>
      <c r="MA25" s="345">
        <v>0</v>
      </c>
      <c r="MB25" s="345">
        <v>0</v>
      </c>
      <c r="MC25" s="345">
        <v>0</v>
      </c>
      <c r="MD25" s="349">
        <v>0</v>
      </c>
      <c r="ME25" s="350">
        <v>0</v>
      </c>
      <c r="MF25" s="348">
        <v>0</v>
      </c>
      <c r="MG25" s="345">
        <v>0</v>
      </c>
      <c r="MH25" s="349">
        <v>0</v>
      </c>
      <c r="MI25" s="404">
        <v>0</v>
      </c>
      <c r="MJ25" s="345">
        <v>217545</v>
      </c>
      <c r="MK25" s="345">
        <v>934392</v>
      </c>
      <c r="ML25" s="345">
        <v>2033545</v>
      </c>
      <c r="MM25" s="345">
        <v>3067560</v>
      </c>
      <c r="MN25" s="345">
        <v>2148422</v>
      </c>
      <c r="MO25" s="349">
        <v>8401464</v>
      </c>
      <c r="MP25" s="354">
        <v>8401464</v>
      </c>
      <c r="MQ25" s="348">
        <v>0</v>
      </c>
      <c r="MR25" s="345">
        <v>0</v>
      </c>
      <c r="MS25" s="349">
        <v>0</v>
      </c>
      <c r="MT25" s="404">
        <v>0</v>
      </c>
      <c r="MU25" s="345">
        <v>217545</v>
      </c>
      <c r="MV25" s="345">
        <v>490817</v>
      </c>
      <c r="MW25" s="345">
        <v>1446444</v>
      </c>
      <c r="MX25" s="345">
        <v>2764852</v>
      </c>
      <c r="MY25" s="345">
        <v>1757435</v>
      </c>
      <c r="MZ25" s="349">
        <v>6677093</v>
      </c>
      <c r="NA25" s="354">
        <v>6677093</v>
      </c>
      <c r="NB25" s="348">
        <v>0</v>
      </c>
      <c r="NC25" s="345">
        <v>0</v>
      </c>
      <c r="ND25" s="349">
        <v>0</v>
      </c>
      <c r="NE25" s="404">
        <v>0</v>
      </c>
      <c r="NF25" s="345">
        <v>0</v>
      </c>
      <c r="NG25" s="345">
        <v>443575</v>
      </c>
      <c r="NH25" s="345">
        <v>587101</v>
      </c>
      <c r="NI25" s="345">
        <v>302708</v>
      </c>
      <c r="NJ25" s="345">
        <v>0</v>
      </c>
      <c r="NK25" s="349">
        <v>1333384</v>
      </c>
      <c r="NL25" s="347">
        <v>1333384</v>
      </c>
      <c r="NM25" s="348">
        <v>0</v>
      </c>
      <c r="NN25" s="345">
        <v>0</v>
      </c>
      <c r="NO25" s="349">
        <v>0</v>
      </c>
      <c r="NP25" s="404">
        <v>0</v>
      </c>
      <c r="NQ25" s="345">
        <v>0</v>
      </c>
      <c r="NR25" s="345">
        <v>0</v>
      </c>
      <c r="NS25" s="345">
        <v>0</v>
      </c>
      <c r="NT25" s="345">
        <v>0</v>
      </c>
      <c r="NU25" s="345">
        <v>0</v>
      </c>
      <c r="NV25" s="349">
        <v>0</v>
      </c>
      <c r="NW25" s="350">
        <v>0</v>
      </c>
      <c r="NX25" s="348">
        <v>0</v>
      </c>
      <c r="NY25" s="345">
        <v>0</v>
      </c>
      <c r="NZ25" s="349">
        <v>0</v>
      </c>
      <c r="OA25" s="404">
        <v>0</v>
      </c>
      <c r="OB25" s="345">
        <v>0</v>
      </c>
      <c r="OC25" s="345">
        <v>0</v>
      </c>
      <c r="OD25" s="345">
        <v>0</v>
      </c>
      <c r="OE25" s="345">
        <v>0</v>
      </c>
      <c r="OF25" s="345">
        <v>390987</v>
      </c>
      <c r="OG25" s="349">
        <v>390987</v>
      </c>
      <c r="OH25" s="350">
        <v>390987</v>
      </c>
      <c r="OI25" s="348">
        <v>261821</v>
      </c>
      <c r="OJ25" s="345">
        <v>946738</v>
      </c>
      <c r="OK25" s="346">
        <v>1208559</v>
      </c>
      <c r="OL25" s="351">
        <v>0</v>
      </c>
      <c r="OM25" s="345">
        <v>6529961</v>
      </c>
      <c r="ON25" s="345">
        <v>7449725</v>
      </c>
      <c r="OO25" s="345">
        <v>8330121</v>
      </c>
      <c r="OP25" s="345">
        <v>8675298</v>
      </c>
      <c r="OQ25" s="345">
        <v>3852203</v>
      </c>
      <c r="OR25" s="349">
        <v>34837308</v>
      </c>
      <c r="OS25" s="354">
        <v>36045867</v>
      </c>
    </row>
    <row r="26" spans="2:409" s="70" customFormat="1" ht="21" customHeight="1" x14ac:dyDescent="0.2">
      <c r="B26" s="410" t="s">
        <v>21</v>
      </c>
      <c r="C26" s="326">
        <v>279584</v>
      </c>
      <c r="D26" s="327">
        <v>455689</v>
      </c>
      <c r="E26" s="328">
        <v>735273</v>
      </c>
      <c r="F26" s="329">
        <v>0</v>
      </c>
      <c r="G26" s="327">
        <v>3405924</v>
      </c>
      <c r="H26" s="327">
        <v>6161079</v>
      </c>
      <c r="I26" s="327">
        <v>4167982</v>
      </c>
      <c r="J26" s="327">
        <v>3539455</v>
      </c>
      <c r="K26" s="327">
        <v>1957986</v>
      </c>
      <c r="L26" s="367">
        <v>19232426</v>
      </c>
      <c r="M26" s="330">
        <v>19967699</v>
      </c>
      <c r="N26" s="326">
        <v>172598</v>
      </c>
      <c r="O26" s="327">
        <v>116157</v>
      </c>
      <c r="P26" s="328">
        <v>288755</v>
      </c>
      <c r="Q26" s="326">
        <v>0</v>
      </c>
      <c r="R26" s="327">
        <v>904360</v>
      </c>
      <c r="S26" s="327">
        <v>1923951</v>
      </c>
      <c r="T26" s="327">
        <v>1012253</v>
      </c>
      <c r="U26" s="327">
        <v>996811</v>
      </c>
      <c r="V26" s="327">
        <v>1051721</v>
      </c>
      <c r="W26" s="328">
        <v>5889096</v>
      </c>
      <c r="X26" s="330">
        <v>6177851</v>
      </c>
      <c r="Y26" s="326">
        <v>0</v>
      </c>
      <c r="Z26" s="327">
        <v>0</v>
      </c>
      <c r="AA26" s="328">
        <v>0</v>
      </c>
      <c r="AB26" s="326">
        <v>0</v>
      </c>
      <c r="AC26" s="327">
        <v>257653</v>
      </c>
      <c r="AD26" s="327">
        <v>454912</v>
      </c>
      <c r="AE26" s="327">
        <v>252651</v>
      </c>
      <c r="AF26" s="327">
        <v>448231</v>
      </c>
      <c r="AG26" s="327">
        <v>797398</v>
      </c>
      <c r="AH26" s="328">
        <v>2210845</v>
      </c>
      <c r="AI26" s="330">
        <v>2210845</v>
      </c>
      <c r="AJ26" s="326">
        <v>0</v>
      </c>
      <c r="AK26" s="327">
        <v>0</v>
      </c>
      <c r="AL26" s="328">
        <v>0</v>
      </c>
      <c r="AM26" s="326">
        <v>0</v>
      </c>
      <c r="AN26" s="327">
        <v>0</v>
      </c>
      <c r="AO26" s="327">
        <v>0</v>
      </c>
      <c r="AP26" s="327">
        <v>47422</v>
      </c>
      <c r="AQ26" s="327">
        <v>0</v>
      </c>
      <c r="AR26" s="327">
        <v>47422</v>
      </c>
      <c r="AS26" s="328">
        <v>94844</v>
      </c>
      <c r="AT26" s="330">
        <v>94844</v>
      </c>
      <c r="AU26" s="326">
        <v>48977</v>
      </c>
      <c r="AV26" s="327">
        <v>111125</v>
      </c>
      <c r="AW26" s="328">
        <v>160102</v>
      </c>
      <c r="AX26" s="326">
        <v>0</v>
      </c>
      <c r="AY26" s="327">
        <v>304661</v>
      </c>
      <c r="AZ26" s="327">
        <v>981134</v>
      </c>
      <c r="BA26" s="327">
        <v>455430</v>
      </c>
      <c r="BB26" s="327">
        <v>350356</v>
      </c>
      <c r="BC26" s="327">
        <v>103797</v>
      </c>
      <c r="BD26" s="328">
        <v>2195378</v>
      </c>
      <c r="BE26" s="330">
        <v>2355480</v>
      </c>
      <c r="BF26" s="326">
        <v>57525</v>
      </c>
      <c r="BG26" s="327">
        <v>0</v>
      </c>
      <c r="BH26" s="331">
        <v>57525</v>
      </c>
      <c r="BI26" s="332">
        <v>0</v>
      </c>
      <c r="BJ26" s="327">
        <v>43550</v>
      </c>
      <c r="BK26" s="327">
        <v>130929</v>
      </c>
      <c r="BL26" s="327">
        <v>28358</v>
      </c>
      <c r="BM26" s="327">
        <v>0</v>
      </c>
      <c r="BN26" s="327">
        <v>0</v>
      </c>
      <c r="BO26" s="328">
        <v>202837</v>
      </c>
      <c r="BP26" s="330">
        <v>260362</v>
      </c>
      <c r="BQ26" s="326">
        <v>66096</v>
      </c>
      <c r="BR26" s="327">
        <v>5032</v>
      </c>
      <c r="BS26" s="328">
        <v>71128</v>
      </c>
      <c r="BT26" s="326">
        <v>0</v>
      </c>
      <c r="BU26" s="327">
        <v>298496</v>
      </c>
      <c r="BV26" s="327">
        <v>356976</v>
      </c>
      <c r="BW26" s="327">
        <v>228392</v>
      </c>
      <c r="BX26" s="327">
        <v>198224</v>
      </c>
      <c r="BY26" s="327">
        <v>103104</v>
      </c>
      <c r="BZ26" s="328">
        <v>1185192</v>
      </c>
      <c r="CA26" s="330">
        <v>1256320</v>
      </c>
      <c r="CB26" s="326">
        <v>39362</v>
      </c>
      <c r="CC26" s="327">
        <v>122069</v>
      </c>
      <c r="CD26" s="328">
        <v>161431</v>
      </c>
      <c r="CE26" s="326">
        <v>0</v>
      </c>
      <c r="CF26" s="327">
        <v>1330489</v>
      </c>
      <c r="CG26" s="327">
        <v>1575618</v>
      </c>
      <c r="CH26" s="327">
        <v>1086970</v>
      </c>
      <c r="CI26" s="327">
        <v>118248</v>
      </c>
      <c r="CJ26" s="327">
        <v>23572</v>
      </c>
      <c r="CK26" s="328">
        <v>4134897</v>
      </c>
      <c r="CL26" s="330">
        <v>4296328</v>
      </c>
      <c r="CM26" s="326">
        <v>0</v>
      </c>
      <c r="CN26" s="327">
        <v>0</v>
      </c>
      <c r="CO26" s="328">
        <v>0</v>
      </c>
      <c r="CP26" s="332">
        <v>0</v>
      </c>
      <c r="CQ26" s="327">
        <v>1109533</v>
      </c>
      <c r="CR26" s="327">
        <v>1438922</v>
      </c>
      <c r="CS26" s="327">
        <v>901568</v>
      </c>
      <c r="CT26" s="327">
        <v>118248</v>
      </c>
      <c r="CU26" s="327">
        <v>0</v>
      </c>
      <c r="CV26" s="328">
        <v>3568271</v>
      </c>
      <c r="CW26" s="330">
        <v>3568271</v>
      </c>
      <c r="CX26" s="326">
        <v>39362</v>
      </c>
      <c r="CY26" s="327">
        <v>122069</v>
      </c>
      <c r="CZ26" s="328">
        <v>161431</v>
      </c>
      <c r="DA26" s="326">
        <v>0</v>
      </c>
      <c r="DB26" s="327">
        <v>220956</v>
      </c>
      <c r="DC26" s="327">
        <v>136696</v>
      </c>
      <c r="DD26" s="327">
        <v>185402</v>
      </c>
      <c r="DE26" s="327">
        <v>0</v>
      </c>
      <c r="DF26" s="327">
        <v>23572</v>
      </c>
      <c r="DG26" s="328">
        <v>566626</v>
      </c>
      <c r="DH26" s="330">
        <v>728057</v>
      </c>
      <c r="DI26" s="326">
        <v>0</v>
      </c>
      <c r="DJ26" s="327">
        <v>0</v>
      </c>
      <c r="DK26" s="331">
        <v>0</v>
      </c>
      <c r="DL26" s="332">
        <v>0</v>
      </c>
      <c r="DM26" s="327">
        <v>11795</v>
      </c>
      <c r="DN26" s="327">
        <v>254038</v>
      </c>
      <c r="DO26" s="327">
        <v>87083</v>
      </c>
      <c r="DP26" s="327">
        <v>110926</v>
      </c>
      <c r="DQ26" s="327">
        <v>70017</v>
      </c>
      <c r="DR26" s="328">
        <v>533859</v>
      </c>
      <c r="DS26" s="330">
        <v>533859</v>
      </c>
      <c r="DT26" s="326">
        <v>0</v>
      </c>
      <c r="DU26" s="327">
        <v>0</v>
      </c>
      <c r="DV26" s="328">
        <v>0</v>
      </c>
      <c r="DW26" s="326">
        <v>0</v>
      </c>
      <c r="DX26" s="327">
        <v>0</v>
      </c>
      <c r="DY26" s="327">
        <v>254038</v>
      </c>
      <c r="DZ26" s="327">
        <v>87083</v>
      </c>
      <c r="EA26" s="327">
        <v>110926</v>
      </c>
      <c r="EB26" s="327">
        <v>70017</v>
      </c>
      <c r="EC26" s="328">
        <v>522064</v>
      </c>
      <c r="ED26" s="330">
        <v>522064</v>
      </c>
      <c r="EE26" s="326">
        <v>0</v>
      </c>
      <c r="EF26" s="331">
        <v>0</v>
      </c>
      <c r="EG26" s="328">
        <v>0</v>
      </c>
      <c r="EH26" s="326">
        <v>0</v>
      </c>
      <c r="EI26" s="327">
        <v>11795</v>
      </c>
      <c r="EJ26" s="327">
        <v>0</v>
      </c>
      <c r="EK26" s="327">
        <v>0</v>
      </c>
      <c r="EL26" s="327">
        <v>0</v>
      </c>
      <c r="EM26" s="327">
        <v>0</v>
      </c>
      <c r="EN26" s="331">
        <v>11795</v>
      </c>
      <c r="EO26" s="330">
        <v>11795</v>
      </c>
      <c r="EP26" s="326">
        <v>0</v>
      </c>
      <c r="EQ26" s="327">
        <v>0</v>
      </c>
      <c r="ER26" s="331">
        <v>0</v>
      </c>
      <c r="ES26" s="332">
        <v>0</v>
      </c>
      <c r="ET26" s="327">
        <v>0</v>
      </c>
      <c r="EU26" s="327">
        <v>0</v>
      </c>
      <c r="EV26" s="327">
        <v>0</v>
      </c>
      <c r="EW26" s="327">
        <v>0</v>
      </c>
      <c r="EX26" s="327">
        <v>0</v>
      </c>
      <c r="EY26" s="328">
        <v>0</v>
      </c>
      <c r="EZ26" s="330">
        <v>0</v>
      </c>
      <c r="FA26" s="326">
        <v>0</v>
      </c>
      <c r="FB26" s="327">
        <v>0</v>
      </c>
      <c r="FC26" s="331">
        <v>0</v>
      </c>
      <c r="FD26" s="332">
        <v>0</v>
      </c>
      <c r="FE26" s="327">
        <v>0</v>
      </c>
      <c r="FF26" s="327">
        <v>0</v>
      </c>
      <c r="FG26" s="327">
        <v>0</v>
      </c>
      <c r="FH26" s="327">
        <v>0</v>
      </c>
      <c r="FI26" s="327">
        <v>0</v>
      </c>
      <c r="FJ26" s="328">
        <v>0</v>
      </c>
      <c r="FK26" s="330">
        <v>0</v>
      </c>
      <c r="FL26" s="326">
        <v>67624</v>
      </c>
      <c r="FM26" s="327">
        <v>179056</v>
      </c>
      <c r="FN26" s="328">
        <v>246680</v>
      </c>
      <c r="FO26" s="326">
        <v>0</v>
      </c>
      <c r="FP26" s="327">
        <v>156568</v>
      </c>
      <c r="FQ26" s="327">
        <v>880471</v>
      </c>
      <c r="FR26" s="327">
        <v>319216</v>
      </c>
      <c r="FS26" s="327">
        <v>182992</v>
      </c>
      <c r="FT26" s="327">
        <v>81040</v>
      </c>
      <c r="FU26" s="328">
        <v>1620287</v>
      </c>
      <c r="FV26" s="330">
        <v>1866967</v>
      </c>
      <c r="FW26" s="333">
        <v>46000</v>
      </c>
      <c r="FX26" s="327">
        <v>120352</v>
      </c>
      <c r="FY26" s="331">
        <v>166352</v>
      </c>
      <c r="FZ26" s="332">
        <v>0</v>
      </c>
      <c r="GA26" s="327">
        <v>156568</v>
      </c>
      <c r="GB26" s="327">
        <v>577021</v>
      </c>
      <c r="GC26" s="327">
        <v>319216</v>
      </c>
      <c r="GD26" s="327">
        <v>160816</v>
      </c>
      <c r="GE26" s="327">
        <v>81040</v>
      </c>
      <c r="GF26" s="328">
        <v>1294661</v>
      </c>
      <c r="GG26" s="334">
        <v>1461013</v>
      </c>
      <c r="GH26" s="333">
        <v>0</v>
      </c>
      <c r="GI26" s="327">
        <v>58704</v>
      </c>
      <c r="GJ26" s="331">
        <v>58704</v>
      </c>
      <c r="GK26" s="332">
        <v>0</v>
      </c>
      <c r="GL26" s="327">
        <v>0</v>
      </c>
      <c r="GM26" s="327">
        <v>70104</v>
      </c>
      <c r="GN26" s="327">
        <v>0</v>
      </c>
      <c r="GO26" s="327">
        <v>22176</v>
      </c>
      <c r="GP26" s="327">
        <v>0</v>
      </c>
      <c r="GQ26" s="328">
        <v>92280</v>
      </c>
      <c r="GR26" s="330">
        <v>150984</v>
      </c>
      <c r="GS26" s="326">
        <v>21624</v>
      </c>
      <c r="GT26" s="327">
        <v>0</v>
      </c>
      <c r="GU26" s="328">
        <v>21624</v>
      </c>
      <c r="GV26" s="326">
        <v>0</v>
      </c>
      <c r="GW26" s="327">
        <v>0</v>
      </c>
      <c r="GX26" s="327">
        <v>233346</v>
      </c>
      <c r="GY26" s="327">
        <v>0</v>
      </c>
      <c r="GZ26" s="327">
        <v>0</v>
      </c>
      <c r="HA26" s="327">
        <v>0</v>
      </c>
      <c r="HB26" s="331">
        <v>233346</v>
      </c>
      <c r="HC26" s="330">
        <v>254970</v>
      </c>
      <c r="HD26" s="326">
        <v>0</v>
      </c>
      <c r="HE26" s="327">
        <v>38407</v>
      </c>
      <c r="HF26" s="331">
        <v>38407</v>
      </c>
      <c r="HG26" s="332">
        <v>0</v>
      </c>
      <c r="HH26" s="327">
        <v>1002712</v>
      </c>
      <c r="HI26" s="327">
        <v>1527001</v>
      </c>
      <c r="HJ26" s="327">
        <v>1662460</v>
      </c>
      <c r="HK26" s="327">
        <v>2130478</v>
      </c>
      <c r="HL26" s="327">
        <v>731636</v>
      </c>
      <c r="HM26" s="328">
        <v>7054287</v>
      </c>
      <c r="HN26" s="329">
        <v>7092694</v>
      </c>
      <c r="HO26" s="333">
        <v>0</v>
      </c>
      <c r="HP26" s="327">
        <v>0</v>
      </c>
      <c r="HQ26" s="328">
        <v>0</v>
      </c>
      <c r="HR26" s="326">
        <v>0</v>
      </c>
      <c r="HS26" s="327">
        <v>0</v>
      </c>
      <c r="HT26" s="327">
        <v>0</v>
      </c>
      <c r="HU26" s="327">
        <v>0</v>
      </c>
      <c r="HV26" s="327">
        <v>0</v>
      </c>
      <c r="HW26" s="327">
        <v>0</v>
      </c>
      <c r="HX26" s="331">
        <v>0</v>
      </c>
      <c r="HY26" s="330">
        <v>0</v>
      </c>
      <c r="HZ26" s="358">
        <v>0</v>
      </c>
      <c r="IA26" s="356">
        <v>0</v>
      </c>
      <c r="IB26" s="358">
        <v>0</v>
      </c>
      <c r="IC26" s="355">
        <v>0</v>
      </c>
      <c r="ID26" s="356">
        <v>1188857</v>
      </c>
      <c r="IE26" s="357">
        <v>1140946</v>
      </c>
      <c r="IF26" s="358">
        <v>494293</v>
      </c>
      <c r="IG26" s="356">
        <v>79311</v>
      </c>
      <c r="IH26" s="358">
        <v>0</v>
      </c>
      <c r="II26" s="359">
        <v>2903407</v>
      </c>
      <c r="IJ26" s="358">
        <v>2903407</v>
      </c>
      <c r="IK26" s="342">
        <v>0</v>
      </c>
      <c r="IL26" s="343">
        <v>0</v>
      </c>
      <c r="IM26" s="344">
        <v>0</v>
      </c>
      <c r="IN26" s="404">
        <v>0</v>
      </c>
      <c r="IO26" s="345">
        <v>66380</v>
      </c>
      <c r="IP26" s="345">
        <v>0</v>
      </c>
      <c r="IQ26" s="345">
        <v>0</v>
      </c>
      <c r="IR26" s="345">
        <v>0</v>
      </c>
      <c r="IS26" s="345">
        <v>0</v>
      </c>
      <c r="IT26" s="346">
        <v>66380</v>
      </c>
      <c r="IU26" s="347">
        <v>66380</v>
      </c>
      <c r="IV26" s="348">
        <v>0</v>
      </c>
      <c r="IW26" s="345">
        <v>0</v>
      </c>
      <c r="IX26" s="349">
        <v>0</v>
      </c>
      <c r="IY26" s="404">
        <v>0</v>
      </c>
      <c r="IZ26" s="345">
        <v>0</v>
      </c>
      <c r="JA26" s="345">
        <v>0</v>
      </c>
      <c r="JB26" s="345">
        <v>0</v>
      </c>
      <c r="JC26" s="345">
        <v>0</v>
      </c>
      <c r="JD26" s="345">
        <v>0</v>
      </c>
      <c r="JE26" s="349">
        <v>0</v>
      </c>
      <c r="JF26" s="350">
        <v>0</v>
      </c>
      <c r="JG26" s="348">
        <v>0</v>
      </c>
      <c r="JH26" s="345">
        <v>0</v>
      </c>
      <c r="JI26" s="346">
        <v>0</v>
      </c>
      <c r="JJ26" s="351">
        <v>0</v>
      </c>
      <c r="JK26" s="345">
        <v>632282</v>
      </c>
      <c r="JL26" s="345">
        <v>375298</v>
      </c>
      <c r="JM26" s="345">
        <v>91380</v>
      </c>
      <c r="JN26" s="345">
        <v>79311</v>
      </c>
      <c r="JO26" s="345">
        <v>0</v>
      </c>
      <c r="JP26" s="349">
        <v>1178271</v>
      </c>
      <c r="JQ26" s="347">
        <v>1178271</v>
      </c>
      <c r="JR26" s="348">
        <v>0</v>
      </c>
      <c r="JS26" s="345">
        <v>0</v>
      </c>
      <c r="JT26" s="346">
        <v>0</v>
      </c>
      <c r="JU26" s="351">
        <v>0</v>
      </c>
      <c r="JV26" s="345">
        <v>0</v>
      </c>
      <c r="JW26" s="345">
        <v>0</v>
      </c>
      <c r="JX26" s="345">
        <v>0</v>
      </c>
      <c r="JY26" s="345">
        <v>0</v>
      </c>
      <c r="JZ26" s="345">
        <v>0</v>
      </c>
      <c r="KA26" s="349">
        <v>0</v>
      </c>
      <c r="KB26" s="347">
        <v>0</v>
      </c>
      <c r="KC26" s="352">
        <v>0</v>
      </c>
      <c r="KD26" s="353">
        <v>0</v>
      </c>
      <c r="KE26" s="349">
        <v>0</v>
      </c>
      <c r="KF26" s="351">
        <v>0</v>
      </c>
      <c r="KG26" s="345">
        <v>0</v>
      </c>
      <c r="KH26" s="345">
        <v>0</v>
      </c>
      <c r="KI26" s="345">
        <v>236767</v>
      </c>
      <c r="KJ26" s="345">
        <v>0</v>
      </c>
      <c r="KK26" s="345">
        <v>0</v>
      </c>
      <c r="KL26" s="349">
        <v>236767</v>
      </c>
      <c r="KM26" s="354">
        <v>236767</v>
      </c>
      <c r="KN26" s="342">
        <v>0</v>
      </c>
      <c r="KO26" s="343">
        <v>0</v>
      </c>
      <c r="KP26" s="344">
        <v>0</v>
      </c>
      <c r="KQ26" s="404">
        <v>0</v>
      </c>
      <c r="KR26" s="345">
        <v>490195</v>
      </c>
      <c r="KS26" s="345">
        <v>765648</v>
      </c>
      <c r="KT26" s="345">
        <v>166146</v>
      </c>
      <c r="KU26" s="345">
        <v>0</v>
      </c>
      <c r="KV26" s="345">
        <v>0</v>
      </c>
      <c r="KW26" s="349">
        <v>1421989</v>
      </c>
      <c r="KX26" s="347">
        <v>1421989</v>
      </c>
      <c r="KY26" s="348">
        <v>0</v>
      </c>
      <c r="KZ26" s="345">
        <v>0</v>
      </c>
      <c r="LA26" s="349">
        <v>0</v>
      </c>
      <c r="LB26" s="404">
        <v>0</v>
      </c>
      <c r="LC26" s="345">
        <v>0</v>
      </c>
      <c r="LD26" s="345">
        <v>0</v>
      </c>
      <c r="LE26" s="345">
        <v>0</v>
      </c>
      <c r="LF26" s="345">
        <v>0</v>
      </c>
      <c r="LG26" s="345">
        <v>0</v>
      </c>
      <c r="LH26" s="349">
        <v>0</v>
      </c>
      <c r="LI26" s="350">
        <v>0</v>
      </c>
      <c r="LJ26" s="348">
        <v>0</v>
      </c>
      <c r="LK26" s="345">
        <v>0</v>
      </c>
      <c r="LL26" s="349">
        <v>0</v>
      </c>
      <c r="LM26" s="404">
        <v>0</v>
      </c>
      <c r="LN26" s="345">
        <v>0</v>
      </c>
      <c r="LO26" s="345">
        <v>0</v>
      </c>
      <c r="LP26" s="345">
        <v>0</v>
      </c>
      <c r="LQ26" s="345">
        <v>0</v>
      </c>
      <c r="LR26" s="345">
        <v>0</v>
      </c>
      <c r="LS26" s="349">
        <v>0</v>
      </c>
      <c r="LT26" s="347">
        <v>0</v>
      </c>
      <c r="LU26" s="348">
        <v>0</v>
      </c>
      <c r="LV26" s="345">
        <v>0</v>
      </c>
      <c r="LW26" s="349">
        <v>0</v>
      </c>
      <c r="LX26" s="404">
        <v>0</v>
      </c>
      <c r="LY26" s="345">
        <v>0</v>
      </c>
      <c r="LZ26" s="345">
        <v>0</v>
      </c>
      <c r="MA26" s="345">
        <v>0</v>
      </c>
      <c r="MB26" s="345">
        <v>0</v>
      </c>
      <c r="MC26" s="345">
        <v>0</v>
      </c>
      <c r="MD26" s="349">
        <v>0</v>
      </c>
      <c r="ME26" s="350">
        <v>0</v>
      </c>
      <c r="MF26" s="348">
        <v>0</v>
      </c>
      <c r="MG26" s="345">
        <v>0</v>
      </c>
      <c r="MH26" s="349">
        <v>0</v>
      </c>
      <c r="MI26" s="404">
        <v>0</v>
      </c>
      <c r="MJ26" s="345">
        <v>529562</v>
      </c>
      <c r="MK26" s="345">
        <v>0</v>
      </c>
      <c r="ML26" s="345">
        <v>1688922</v>
      </c>
      <c r="MM26" s="345">
        <v>2266029</v>
      </c>
      <c r="MN26" s="345">
        <v>1639993</v>
      </c>
      <c r="MO26" s="349">
        <v>6124506</v>
      </c>
      <c r="MP26" s="354">
        <v>6124506</v>
      </c>
      <c r="MQ26" s="348">
        <v>0</v>
      </c>
      <c r="MR26" s="345">
        <v>0</v>
      </c>
      <c r="MS26" s="349">
        <v>0</v>
      </c>
      <c r="MT26" s="404">
        <v>0</v>
      </c>
      <c r="MU26" s="345">
        <v>0</v>
      </c>
      <c r="MV26" s="345">
        <v>0</v>
      </c>
      <c r="MW26" s="345">
        <v>758016</v>
      </c>
      <c r="MX26" s="345">
        <v>1801187</v>
      </c>
      <c r="MY26" s="345">
        <v>1256770</v>
      </c>
      <c r="MZ26" s="349">
        <v>3815973</v>
      </c>
      <c r="NA26" s="354">
        <v>3815973</v>
      </c>
      <c r="NB26" s="348">
        <v>0</v>
      </c>
      <c r="NC26" s="345">
        <v>0</v>
      </c>
      <c r="ND26" s="349">
        <v>0</v>
      </c>
      <c r="NE26" s="404">
        <v>0</v>
      </c>
      <c r="NF26" s="345">
        <v>529562</v>
      </c>
      <c r="NG26" s="345">
        <v>0</v>
      </c>
      <c r="NH26" s="345">
        <v>930906</v>
      </c>
      <c r="NI26" s="345">
        <v>169691</v>
      </c>
      <c r="NJ26" s="345">
        <v>0</v>
      </c>
      <c r="NK26" s="349">
        <v>1630159</v>
      </c>
      <c r="NL26" s="347">
        <v>1630159</v>
      </c>
      <c r="NM26" s="348">
        <v>0</v>
      </c>
      <c r="NN26" s="345">
        <v>0</v>
      </c>
      <c r="NO26" s="349">
        <v>0</v>
      </c>
      <c r="NP26" s="404">
        <v>0</v>
      </c>
      <c r="NQ26" s="345">
        <v>0</v>
      </c>
      <c r="NR26" s="345">
        <v>0</v>
      </c>
      <c r="NS26" s="345">
        <v>0</v>
      </c>
      <c r="NT26" s="345">
        <v>0</v>
      </c>
      <c r="NU26" s="345">
        <v>0</v>
      </c>
      <c r="NV26" s="349">
        <v>0</v>
      </c>
      <c r="NW26" s="350">
        <v>0</v>
      </c>
      <c r="NX26" s="348">
        <v>0</v>
      </c>
      <c r="NY26" s="345">
        <v>0</v>
      </c>
      <c r="NZ26" s="349">
        <v>0</v>
      </c>
      <c r="OA26" s="404">
        <v>0</v>
      </c>
      <c r="OB26" s="345">
        <v>0</v>
      </c>
      <c r="OC26" s="345">
        <v>0</v>
      </c>
      <c r="OD26" s="345">
        <v>0</v>
      </c>
      <c r="OE26" s="345">
        <v>295151</v>
      </c>
      <c r="OF26" s="345">
        <v>383223</v>
      </c>
      <c r="OG26" s="349">
        <v>678374</v>
      </c>
      <c r="OH26" s="350">
        <v>678374</v>
      </c>
      <c r="OI26" s="348">
        <v>279584</v>
      </c>
      <c r="OJ26" s="345">
        <v>455689</v>
      </c>
      <c r="OK26" s="346">
        <v>735273</v>
      </c>
      <c r="OL26" s="351">
        <v>0</v>
      </c>
      <c r="OM26" s="345">
        <v>5124343</v>
      </c>
      <c r="ON26" s="345">
        <v>7302025</v>
      </c>
      <c r="OO26" s="345">
        <v>6351197</v>
      </c>
      <c r="OP26" s="345">
        <v>5884795</v>
      </c>
      <c r="OQ26" s="345">
        <v>3597979</v>
      </c>
      <c r="OR26" s="349">
        <v>28260339</v>
      </c>
      <c r="OS26" s="354">
        <v>28995612</v>
      </c>
    </row>
    <row r="27" spans="2:409" s="70" customFormat="1" ht="21" customHeight="1" x14ac:dyDescent="0.2">
      <c r="B27" s="410" t="s">
        <v>22</v>
      </c>
      <c r="C27" s="326">
        <v>92243</v>
      </c>
      <c r="D27" s="327">
        <v>31440</v>
      </c>
      <c r="E27" s="328">
        <v>123683</v>
      </c>
      <c r="F27" s="329">
        <v>0</v>
      </c>
      <c r="G27" s="327">
        <v>2190269</v>
      </c>
      <c r="H27" s="327">
        <v>1941412</v>
      </c>
      <c r="I27" s="327">
        <v>1990399</v>
      </c>
      <c r="J27" s="327">
        <v>1696376</v>
      </c>
      <c r="K27" s="327">
        <v>1051760</v>
      </c>
      <c r="L27" s="367">
        <v>8870216</v>
      </c>
      <c r="M27" s="330">
        <v>8993899</v>
      </c>
      <c r="N27" s="326">
        <v>37463</v>
      </c>
      <c r="O27" s="327">
        <v>0</v>
      </c>
      <c r="P27" s="328">
        <v>37463</v>
      </c>
      <c r="Q27" s="326">
        <v>0</v>
      </c>
      <c r="R27" s="327">
        <v>714962</v>
      </c>
      <c r="S27" s="327">
        <v>723486</v>
      </c>
      <c r="T27" s="327">
        <v>642739</v>
      </c>
      <c r="U27" s="327">
        <v>622372</v>
      </c>
      <c r="V27" s="327">
        <v>739829</v>
      </c>
      <c r="W27" s="328">
        <v>3443388</v>
      </c>
      <c r="X27" s="330">
        <v>3480851</v>
      </c>
      <c r="Y27" s="326">
        <v>0</v>
      </c>
      <c r="Z27" s="327">
        <v>0</v>
      </c>
      <c r="AA27" s="328">
        <v>0</v>
      </c>
      <c r="AB27" s="326">
        <v>0</v>
      </c>
      <c r="AC27" s="327">
        <v>505630</v>
      </c>
      <c r="AD27" s="327">
        <v>425020</v>
      </c>
      <c r="AE27" s="327">
        <v>435480</v>
      </c>
      <c r="AF27" s="327">
        <v>410529</v>
      </c>
      <c r="AG27" s="327">
        <v>615449</v>
      </c>
      <c r="AH27" s="328">
        <v>2392108</v>
      </c>
      <c r="AI27" s="330">
        <v>2392108</v>
      </c>
      <c r="AJ27" s="326">
        <v>0</v>
      </c>
      <c r="AK27" s="327">
        <v>0</v>
      </c>
      <c r="AL27" s="328">
        <v>0</v>
      </c>
      <c r="AM27" s="326">
        <v>0</v>
      </c>
      <c r="AN27" s="327">
        <v>0</v>
      </c>
      <c r="AO27" s="327">
        <v>0</v>
      </c>
      <c r="AP27" s="327">
        <v>0</v>
      </c>
      <c r="AQ27" s="327">
        <v>0</v>
      </c>
      <c r="AR27" s="327">
        <v>0</v>
      </c>
      <c r="AS27" s="328">
        <v>0</v>
      </c>
      <c r="AT27" s="330">
        <v>0</v>
      </c>
      <c r="AU27" s="326">
        <v>14759</v>
      </c>
      <c r="AV27" s="327">
        <v>0</v>
      </c>
      <c r="AW27" s="328">
        <v>14759</v>
      </c>
      <c r="AX27" s="326">
        <v>0</v>
      </c>
      <c r="AY27" s="327">
        <v>93523</v>
      </c>
      <c r="AZ27" s="327">
        <v>231690</v>
      </c>
      <c r="BA27" s="327">
        <v>118899</v>
      </c>
      <c r="BB27" s="327">
        <v>82515</v>
      </c>
      <c r="BC27" s="327">
        <v>97204</v>
      </c>
      <c r="BD27" s="328">
        <v>623831</v>
      </c>
      <c r="BE27" s="330">
        <v>638590</v>
      </c>
      <c r="BF27" s="326">
        <v>0</v>
      </c>
      <c r="BG27" s="327">
        <v>0</v>
      </c>
      <c r="BH27" s="331">
        <v>0</v>
      </c>
      <c r="BI27" s="332">
        <v>0</v>
      </c>
      <c r="BJ27" s="327">
        <v>31209</v>
      </c>
      <c r="BK27" s="327">
        <v>0</v>
      </c>
      <c r="BL27" s="327">
        <v>0</v>
      </c>
      <c r="BM27" s="327">
        <v>0</v>
      </c>
      <c r="BN27" s="327">
        <v>0</v>
      </c>
      <c r="BO27" s="328">
        <v>31209</v>
      </c>
      <c r="BP27" s="330">
        <v>31209</v>
      </c>
      <c r="BQ27" s="326">
        <v>22704</v>
      </c>
      <c r="BR27" s="327">
        <v>0</v>
      </c>
      <c r="BS27" s="328">
        <v>22704</v>
      </c>
      <c r="BT27" s="326">
        <v>0</v>
      </c>
      <c r="BU27" s="327">
        <v>84600</v>
      </c>
      <c r="BV27" s="327">
        <v>66776</v>
      </c>
      <c r="BW27" s="327">
        <v>88360</v>
      </c>
      <c r="BX27" s="327">
        <v>129328</v>
      </c>
      <c r="BY27" s="327">
        <v>27176</v>
      </c>
      <c r="BZ27" s="328">
        <v>396240</v>
      </c>
      <c r="CA27" s="330">
        <v>418944</v>
      </c>
      <c r="CB27" s="326">
        <v>0</v>
      </c>
      <c r="CC27" s="327">
        <v>0</v>
      </c>
      <c r="CD27" s="328">
        <v>0</v>
      </c>
      <c r="CE27" s="326">
        <v>0</v>
      </c>
      <c r="CF27" s="327">
        <v>639451</v>
      </c>
      <c r="CG27" s="327">
        <v>693844</v>
      </c>
      <c r="CH27" s="327">
        <v>686912</v>
      </c>
      <c r="CI27" s="327">
        <v>0</v>
      </c>
      <c r="CJ27" s="327">
        <v>181219</v>
      </c>
      <c r="CK27" s="328">
        <v>2201426</v>
      </c>
      <c r="CL27" s="330">
        <v>2201426</v>
      </c>
      <c r="CM27" s="326">
        <v>0</v>
      </c>
      <c r="CN27" s="327">
        <v>0</v>
      </c>
      <c r="CO27" s="328">
        <v>0</v>
      </c>
      <c r="CP27" s="332">
        <v>0</v>
      </c>
      <c r="CQ27" s="327">
        <v>469598</v>
      </c>
      <c r="CR27" s="327">
        <v>670308</v>
      </c>
      <c r="CS27" s="327">
        <v>686912</v>
      </c>
      <c r="CT27" s="327">
        <v>0</v>
      </c>
      <c r="CU27" s="327">
        <v>77039</v>
      </c>
      <c r="CV27" s="328">
        <v>1903857</v>
      </c>
      <c r="CW27" s="330">
        <v>1903857</v>
      </c>
      <c r="CX27" s="326">
        <v>0</v>
      </c>
      <c r="CY27" s="327">
        <v>0</v>
      </c>
      <c r="CZ27" s="328">
        <v>0</v>
      </c>
      <c r="DA27" s="326">
        <v>0</v>
      </c>
      <c r="DB27" s="327">
        <v>169853</v>
      </c>
      <c r="DC27" s="327">
        <v>23536</v>
      </c>
      <c r="DD27" s="327">
        <v>0</v>
      </c>
      <c r="DE27" s="327">
        <v>0</v>
      </c>
      <c r="DF27" s="327">
        <v>104180</v>
      </c>
      <c r="DG27" s="328">
        <v>297569</v>
      </c>
      <c r="DH27" s="330">
        <v>297569</v>
      </c>
      <c r="DI27" s="326">
        <v>0</v>
      </c>
      <c r="DJ27" s="327">
        <v>0</v>
      </c>
      <c r="DK27" s="331">
        <v>0</v>
      </c>
      <c r="DL27" s="332">
        <v>0</v>
      </c>
      <c r="DM27" s="327">
        <v>58008</v>
      </c>
      <c r="DN27" s="327">
        <v>0</v>
      </c>
      <c r="DO27" s="327">
        <v>130980</v>
      </c>
      <c r="DP27" s="327">
        <v>0</v>
      </c>
      <c r="DQ27" s="327">
        <v>0</v>
      </c>
      <c r="DR27" s="328">
        <v>188988</v>
      </c>
      <c r="DS27" s="330">
        <v>188988</v>
      </c>
      <c r="DT27" s="326">
        <v>0</v>
      </c>
      <c r="DU27" s="327">
        <v>0</v>
      </c>
      <c r="DV27" s="328">
        <v>0</v>
      </c>
      <c r="DW27" s="326">
        <v>0</v>
      </c>
      <c r="DX27" s="327">
        <v>0</v>
      </c>
      <c r="DY27" s="327">
        <v>0</v>
      </c>
      <c r="DZ27" s="327">
        <v>130980</v>
      </c>
      <c r="EA27" s="327">
        <v>0</v>
      </c>
      <c r="EB27" s="327">
        <v>0</v>
      </c>
      <c r="EC27" s="328">
        <v>130980</v>
      </c>
      <c r="ED27" s="330">
        <v>130980</v>
      </c>
      <c r="EE27" s="326">
        <v>0</v>
      </c>
      <c r="EF27" s="331">
        <v>0</v>
      </c>
      <c r="EG27" s="328">
        <v>0</v>
      </c>
      <c r="EH27" s="326">
        <v>0</v>
      </c>
      <c r="EI27" s="327">
        <v>58008</v>
      </c>
      <c r="EJ27" s="327">
        <v>0</v>
      </c>
      <c r="EK27" s="327">
        <v>0</v>
      </c>
      <c r="EL27" s="327">
        <v>0</v>
      </c>
      <c r="EM27" s="327">
        <v>0</v>
      </c>
      <c r="EN27" s="331">
        <v>58008</v>
      </c>
      <c r="EO27" s="330">
        <v>58008</v>
      </c>
      <c r="EP27" s="326">
        <v>0</v>
      </c>
      <c r="EQ27" s="327">
        <v>0</v>
      </c>
      <c r="ER27" s="331">
        <v>0</v>
      </c>
      <c r="ES27" s="332">
        <v>0</v>
      </c>
      <c r="ET27" s="327">
        <v>0</v>
      </c>
      <c r="EU27" s="327">
        <v>0</v>
      </c>
      <c r="EV27" s="327">
        <v>0</v>
      </c>
      <c r="EW27" s="327">
        <v>0</v>
      </c>
      <c r="EX27" s="327">
        <v>0</v>
      </c>
      <c r="EY27" s="328">
        <v>0</v>
      </c>
      <c r="EZ27" s="330">
        <v>0</v>
      </c>
      <c r="FA27" s="326">
        <v>0</v>
      </c>
      <c r="FB27" s="327">
        <v>0</v>
      </c>
      <c r="FC27" s="331">
        <v>0</v>
      </c>
      <c r="FD27" s="332">
        <v>0</v>
      </c>
      <c r="FE27" s="327">
        <v>0</v>
      </c>
      <c r="FF27" s="327">
        <v>0</v>
      </c>
      <c r="FG27" s="327">
        <v>0</v>
      </c>
      <c r="FH27" s="327">
        <v>0</v>
      </c>
      <c r="FI27" s="327">
        <v>0</v>
      </c>
      <c r="FJ27" s="328">
        <v>0</v>
      </c>
      <c r="FK27" s="330">
        <v>0</v>
      </c>
      <c r="FL27" s="326">
        <v>0</v>
      </c>
      <c r="FM27" s="327">
        <v>31440</v>
      </c>
      <c r="FN27" s="328">
        <v>31440</v>
      </c>
      <c r="FO27" s="326">
        <v>0</v>
      </c>
      <c r="FP27" s="327">
        <v>119944</v>
      </c>
      <c r="FQ27" s="327">
        <v>346568</v>
      </c>
      <c r="FR27" s="327">
        <v>170472</v>
      </c>
      <c r="FS27" s="327">
        <v>40000</v>
      </c>
      <c r="FT27" s="327">
        <v>130712</v>
      </c>
      <c r="FU27" s="328">
        <v>807696</v>
      </c>
      <c r="FV27" s="330">
        <v>839136</v>
      </c>
      <c r="FW27" s="333">
        <v>0</v>
      </c>
      <c r="FX27" s="327">
        <v>31440</v>
      </c>
      <c r="FY27" s="331">
        <v>31440</v>
      </c>
      <c r="FZ27" s="332">
        <v>0</v>
      </c>
      <c r="GA27" s="327">
        <v>119944</v>
      </c>
      <c r="GB27" s="327">
        <v>346568</v>
      </c>
      <c r="GC27" s="327">
        <v>170472</v>
      </c>
      <c r="GD27" s="327">
        <v>40000</v>
      </c>
      <c r="GE27" s="327">
        <v>130712</v>
      </c>
      <c r="GF27" s="328">
        <v>807696</v>
      </c>
      <c r="GG27" s="334">
        <v>839136</v>
      </c>
      <c r="GH27" s="333">
        <v>0</v>
      </c>
      <c r="GI27" s="327">
        <v>0</v>
      </c>
      <c r="GJ27" s="331">
        <v>0</v>
      </c>
      <c r="GK27" s="332">
        <v>0</v>
      </c>
      <c r="GL27" s="327">
        <v>0</v>
      </c>
      <c r="GM27" s="327">
        <v>0</v>
      </c>
      <c r="GN27" s="327">
        <v>0</v>
      </c>
      <c r="GO27" s="327">
        <v>0</v>
      </c>
      <c r="GP27" s="327">
        <v>0</v>
      </c>
      <c r="GQ27" s="328">
        <v>0</v>
      </c>
      <c r="GR27" s="330">
        <v>0</v>
      </c>
      <c r="GS27" s="326">
        <v>0</v>
      </c>
      <c r="GT27" s="327">
        <v>0</v>
      </c>
      <c r="GU27" s="328">
        <v>0</v>
      </c>
      <c r="GV27" s="326">
        <v>0</v>
      </c>
      <c r="GW27" s="327">
        <v>0</v>
      </c>
      <c r="GX27" s="327">
        <v>0</v>
      </c>
      <c r="GY27" s="327">
        <v>0</v>
      </c>
      <c r="GZ27" s="327">
        <v>0</v>
      </c>
      <c r="HA27" s="327">
        <v>0</v>
      </c>
      <c r="HB27" s="331">
        <v>0</v>
      </c>
      <c r="HC27" s="330">
        <v>0</v>
      </c>
      <c r="HD27" s="326">
        <v>54780</v>
      </c>
      <c r="HE27" s="327">
        <v>0</v>
      </c>
      <c r="HF27" s="331">
        <v>54780</v>
      </c>
      <c r="HG27" s="332">
        <v>0</v>
      </c>
      <c r="HH27" s="327">
        <v>657904</v>
      </c>
      <c r="HI27" s="327">
        <v>177514</v>
      </c>
      <c r="HJ27" s="327">
        <v>359296</v>
      </c>
      <c r="HK27" s="327">
        <v>1034004</v>
      </c>
      <c r="HL27" s="327">
        <v>0</v>
      </c>
      <c r="HM27" s="328">
        <v>2228718</v>
      </c>
      <c r="HN27" s="329">
        <v>2283498</v>
      </c>
      <c r="HO27" s="333">
        <v>0</v>
      </c>
      <c r="HP27" s="327">
        <v>0</v>
      </c>
      <c r="HQ27" s="328">
        <v>0</v>
      </c>
      <c r="HR27" s="326">
        <v>0</v>
      </c>
      <c r="HS27" s="327">
        <v>0</v>
      </c>
      <c r="HT27" s="327">
        <v>0</v>
      </c>
      <c r="HU27" s="327">
        <v>0</v>
      </c>
      <c r="HV27" s="327">
        <v>0</v>
      </c>
      <c r="HW27" s="327">
        <v>0</v>
      </c>
      <c r="HX27" s="331">
        <v>0</v>
      </c>
      <c r="HY27" s="330">
        <v>0</v>
      </c>
      <c r="HZ27" s="335">
        <v>0</v>
      </c>
      <c r="IA27" s="336">
        <v>0</v>
      </c>
      <c r="IB27" s="337">
        <v>0</v>
      </c>
      <c r="IC27" s="338">
        <v>0</v>
      </c>
      <c r="ID27" s="336">
        <v>572764</v>
      </c>
      <c r="IE27" s="339">
        <v>1002090</v>
      </c>
      <c r="IF27" s="337">
        <v>1501257</v>
      </c>
      <c r="IG27" s="336">
        <v>1685831</v>
      </c>
      <c r="IH27" s="337">
        <v>249166</v>
      </c>
      <c r="II27" s="340">
        <v>5011108</v>
      </c>
      <c r="IJ27" s="341">
        <v>5011108</v>
      </c>
      <c r="IK27" s="342">
        <v>0</v>
      </c>
      <c r="IL27" s="343">
        <v>0</v>
      </c>
      <c r="IM27" s="344">
        <v>0</v>
      </c>
      <c r="IN27" s="404">
        <v>0</v>
      </c>
      <c r="IO27" s="345">
        <v>0</v>
      </c>
      <c r="IP27" s="345">
        <v>109160</v>
      </c>
      <c r="IQ27" s="345">
        <v>147448</v>
      </c>
      <c r="IR27" s="345">
        <v>0</v>
      </c>
      <c r="IS27" s="345">
        <v>0</v>
      </c>
      <c r="IT27" s="346">
        <v>256608</v>
      </c>
      <c r="IU27" s="347">
        <v>256608</v>
      </c>
      <c r="IV27" s="348">
        <v>0</v>
      </c>
      <c r="IW27" s="345">
        <v>0</v>
      </c>
      <c r="IX27" s="349">
        <v>0</v>
      </c>
      <c r="IY27" s="404">
        <v>0</v>
      </c>
      <c r="IZ27" s="345">
        <v>0</v>
      </c>
      <c r="JA27" s="345">
        <v>0</v>
      </c>
      <c r="JB27" s="345">
        <v>0</v>
      </c>
      <c r="JC27" s="345">
        <v>0</v>
      </c>
      <c r="JD27" s="345">
        <v>0</v>
      </c>
      <c r="JE27" s="349">
        <v>0</v>
      </c>
      <c r="JF27" s="350">
        <v>0</v>
      </c>
      <c r="JG27" s="348">
        <v>0</v>
      </c>
      <c r="JH27" s="345">
        <v>0</v>
      </c>
      <c r="JI27" s="346">
        <v>0</v>
      </c>
      <c r="JJ27" s="351">
        <v>0</v>
      </c>
      <c r="JK27" s="345">
        <v>338360</v>
      </c>
      <c r="JL27" s="345">
        <v>148957</v>
      </c>
      <c r="JM27" s="345">
        <v>165103</v>
      </c>
      <c r="JN27" s="345">
        <v>0</v>
      </c>
      <c r="JO27" s="345">
        <v>249166</v>
      </c>
      <c r="JP27" s="349">
        <v>901586</v>
      </c>
      <c r="JQ27" s="347">
        <v>901586</v>
      </c>
      <c r="JR27" s="348">
        <v>0</v>
      </c>
      <c r="JS27" s="345">
        <v>0</v>
      </c>
      <c r="JT27" s="346">
        <v>0</v>
      </c>
      <c r="JU27" s="351">
        <v>0</v>
      </c>
      <c r="JV27" s="345">
        <v>0</v>
      </c>
      <c r="JW27" s="345">
        <v>0</v>
      </c>
      <c r="JX27" s="345">
        <v>203000</v>
      </c>
      <c r="JY27" s="345">
        <v>0</v>
      </c>
      <c r="JZ27" s="345">
        <v>0</v>
      </c>
      <c r="KA27" s="349">
        <v>203000</v>
      </c>
      <c r="KB27" s="347">
        <v>203000</v>
      </c>
      <c r="KC27" s="352">
        <v>0</v>
      </c>
      <c r="KD27" s="353">
        <v>0</v>
      </c>
      <c r="KE27" s="349">
        <v>0</v>
      </c>
      <c r="KF27" s="351">
        <v>0</v>
      </c>
      <c r="KG27" s="345">
        <v>0</v>
      </c>
      <c r="KH27" s="345">
        <v>0</v>
      </c>
      <c r="KI27" s="345">
        <v>476988</v>
      </c>
      <c r="KJ27" s="345">
        <v>0</v>
      </c>
      <c r="KK27" s="345">
        <v>0</v>
      </c>
      <c r="KL27" s="349">
        <v>476988</v>
      </c>
      <c r="KM27" s="354">
        <v>476988</v>
      </c>
      <c r="KN27" s="342">
        <v>0</v>
      </c>
      <c r="KO27" s="343">
        <v>0</v>
      </c>
      <c r="KP27" s="344">
        <v>0</v>
      </c>
      <c r="KQ27" s="404">
        <v>0</v>
      </c>
      <c r="KR27" s="345">
        <v>234404</v>
      </c>
      <c r="KS27" s="345">
        <v>505546</v>
      </c>
      <c r="KT27" s="345">
        <v>508718</v>
      </c>
      <c r="KU27" s="345">
        <v>259356</v>
      </c>
      <c r="KV27" s="345">
        <v>0</v>
      </c>
      <c r="KW27" s="349">
        <v>1508024</v>
      </c>
      <c r="KX27" s="347">
        <v>1508024</v>
      </c>
      <c r="KY27" s="348">
        <v>0</v>
      </c>
      <c r="KZ27" s="345">
        <v>0</v>
      </c>
      <c r="LA27" s="349">
        <v>0</v>
      </c>
      <c r="LB27" s="404">
        <v>0</v>
      </c>
      <c r="LC27" s="345">
        <v>0</v>
      </c>
      <c r="LD27" s="345">
        <v>0</v>
      </c>
      <c r="LE27" s="345">
        <v>0</v>
      </c>
      <c r="LF27" s="345">
        <v>0</v>
      </c>
      <c r="LG27" s="345">
        <v>0</v>
      </c>
      <c r="LH27" s="349">
        <v>0</v>
      </c>
      <c r="LI27" s="350">
        <v>0</v>
      </c>
      <c r="LJ27" s="348">
        <v>0</v>
      </c>
      <c r="LK27" s="345">
        <v>0</v>
      </c>
      <c r="LL27" s="349">
        <v>0</v>
      </c>
      <c r="LM27" s="404">
        <v>0</v>
      </c>
      <c r="LN27" s="345">
        <v>0</v>
      </c>
      <c r="LO27" s="345">
        <v>238427</v>
      </c>
      <c r="LP27" s="345">
        <v>0</v>
      </c>
      <c r="LQ27" s="345">
        <v>1426475</v>
      </c>
      <c r="LR27" s="345">
        <v>0</v>
      </c>
      <c r="LS27" s="349">
        <v>1664902</v>
      </c>
      <c r="LT27" s="347">
        <v>1664902</v>
      </c>
      <c r="LU27" s="348">
        <v>0</v>
      </c>
      <c r="LV27" s="345">
        <v>0</v>
      </c>
      <c r="LW27" s="349">
        <v>0</v>
      </c>
      <c r="LX27" s="404">
        <v>0</v>
      </c>
      <c r="LY27" s="345">
        <v>0</v>
      </c>
      <c r="LZ27" s="345">
        <v>0</v>
      </c>
      <c r="MA27" s="345">
        <v>0</v>
      </c>
      <c r="MB27" s="345">
        <v>0</v>
      </c>
      <c r="MC27" s="345">
        <v>0</v>
      </c>
      <c r="MD27" s="349">
        <v>0</v>
      </c>
      <c r="ME27" s="350">
        <v>0</v>
      </c>
      <c r="MF27" s="348">
        <v>0</v>
      </c>
      <c r="MG27" s="345">
        <v>0</v>
      </c>
      <c r="MH27" s="349">
        <v>0</v>
      </c>
      <c r="MI27" s="404">
        <v>0</v>
      </c>
      <c r="MJ27" s="345">
        <v>0</v>
      </c>
      <c r="MK27" s="345">
        <v>818498</v>
      </c>
      <c r="ML27" s="345">
        <v>1616041</v>
      </c>
      <c r="MM27" s="345">
        <v>1487988</v>
      </c>
      <c r="MN27" s="345">
        <v>0</v>
      </c>
      <c r="MO27" s="349">
        <v>3922527</v>
      </c>
      <c r="MP27" s="354">
        <v>3922527</v>
      </c>
      <c r="MQ27" s="348">
        <v>0</v>
      </c>
      <c r="MR27" s="345">
        <v>0</v>
      </c>
      <c r="MS27" s="349">
        <v>0</v>
      </c>
      <c r="MT27" s="404">
        <v>0</v>
      </c>
      <c r="MU27" s="345">
        <v>0</v>
      </c>
      <c r="MV27" s="345">
        <v>0</v>
      </c>
      <c r="MW27" s="345">
        <v>1027010</v>
      </c>
      <c r="MX27" s="345">
        <v>840465</v>
      </c>
      <c r="MY27" s="345">
        <v>0</v>
      </c>
      <c r="MZ27" s="349">
        <v>1867475</v>
      </c>
      <c r="NA27" s="354">
        <v>1867475</v>
      </c>
      <c r="NB27" s="348">
        <v>0</v>
      </c>
      <c r="NC27" s="345">
        <v>0</v>
      </c>
      <c r="ND27" s="349">
        <v>0</v>
      </c>
      <c r="NE27" s="404">
        <v>0</v>
      </c>
      <c r="NF27" s="345">
        <v>0</v>
      </c>
      <c r="NG27" s="345">
        <v>818498</v>
      </c>
      <c r="NH27" s="345">
        <v>589031</v>
      </c>
      <c r="NI27" s="345">
        <v>307680</v>
      </c>
      <c r="NJ27" s="345">
        <v>0</v>
      </c>
      <c r="NK27" s="349">
        <v>1715209</v>
      </c>
      <c r="NL27" s="347">
        <v>1715209</v>
      </c>
      <c r="NM27" s="348">
        <v>0</v>
      </c>
      <c r="NN27" s="345">
        <v>0</v>
      </c>
      <c r="NO27" s="349">
        <v>0</v>
      </c>
      <c r="NP27" s="404">
        <v>0</v>
      </c>
      <c r="NQ27" s="345">
        <v>0</v>
      </c>
      <c r="NR27" s="345">
        <v>0</v>
      </c>
      <c r="NS27" s="345">
        <v>0</v>
      </c>
      <c r="NT27" s="345">
        <v>0</v>
      </c>
      <c r="NU27" s="345">
        <v>0</v>
      </c>
      <c r="NV27" s="349">
        <v>0</v>
      </c>
      <c r="NW27" s="350">
        <v>0</v>
      </c>
      <c r="NX27" s="348">
        <v>0</v>
      </c>
      <c r="NY27" s="345">
        <v>0</v>
      </c>
      <c r="NZ27" s="349">
        <v>0</v>
      </c>
      <c r="OA27" s="404">
        <v>0</v>
      </c>
      <c r="OB27" s="345">
        <v>0</v>
      </c>
      <c r="OC27" s="345">
        <v>0</v>
      </c>
      <c r="OD27" s="345">
        <v>0</v>
      </c>
      <c r="OE27" s="345">
        <v>339843</v>
      </c>
      <c r="OF27" s="345">
        <v>0</v>
      </c>
      <c r="OG27" s="349">
        <v>339843</v>
      </c>
      <c r="OH27" s="350">
        <v>339843</v>
      </c>
      <c r="OI27" s="348">
        <v>92243</v>
      </c>
      <c r="OJ27" s="345">
        <v>31440</v>
      </c>
      <c r="OK27" s="346">
        <v>123683</v>
      </c>
      <c r="OL27" s="351">
        <v>0</v>
      </c>
      <c r="OM27" s="345">
        <v>2763033</v>
      </c>
      <c r="ON27" s="345">
        <v>3762000</v>
      </c>
      <c r="OO27" s="345">
        <v>5107697</v>
      </c>
      <c r="OP27" s="345">
        <v>4870195</v>
      </c>
      <c r="OQ27" s="345">
        <v>1300926</v>
      </c>
      <c r="OR27" s="349">
        <v>17803851</v>
      </c>
      <c r="OS27" s="354">
        <v>17927534</v>
      </c>
    </row>
    <row r="28" spans="2:409" s="70" customFormat="1" ht="21" customHeight="1" x14ac:dyDescent="0.2">
      <c r="B28" s="410" t="s">
        <v>23</v>
      </c>
      <c r="C28" s="326">
        <v>190364</v>
      </c>
      <c r="D28" s="327">
        <v>287690</v>
      </c>
      <c r="E28" s="328">
        <v>478054</v>
      </c>
      <c r="F28" s="329">
        <v>0</v>
      </c>
      <c r="G28" s="327">
        <v>2422347</v>
      </c>
      <c r="H28" s="327">
        <v>3024240</v>
      </c>
      <c r="I28" s="327">
        <v>1124603</v>
      </c>
      <c r="J28" s="327">
        <v>2513925</v>
      </c>
      <c r="K28" s="327">
        <v>1312670</v>
      </c>
      <c r="L28" s="367">
        <v>10397785</v>
      </c>
      <c r="M28" s="330">
        <v>10875839</v>
      </c>
      <c r="N28" s="326">
        <v>89852</v>
      </c>
      <c r="O28" s="327">
        <v>150258</v>
      </c>
      <c r="P28" s="328">
        <v>240110</v>
      </c>
      <c r="Q28" s="326">
        <v>0</v>
      </c>
      <c r="R28" s="327">
        <v>921614</v>
      </c>
      <c r="S28" s="327">
        <v>1148598</v>
      </c>
      <c r="T28" s="327">
        <v>195650</v>
      </c>
      <c r="U28" s="327">
        <v>568341</v>
      </c>
      <c r="V28" s="327">
        <v>548417</v>
      </c>
      <c r="W28" s="328">
        <v>3382620</v>
      </c>
      <c r="X28" s="330">
        <v>3622730</v>
      </c>
      <c r="Y28" s="326">
        <v>0</v>
      </c>
      <c r="Z28" s="327">
        <v>0</v>
      </c>
      <c r="AA28" s="328">
        <v>0</v>
      </c>
      <c r="AB28" s="326">
        <v>0</v>
      </c>
      <c r="AC28" s="327">
        <v>364532</v>
      </c>
      <c r="AD28" s="327">
        <v>372152</v>
      </c>
      <c r="AE28" s="327">
        <v>0</v>
      </c>
      <c r="AF28" s="327">
        <v>244506</v>
      </c>
      <c r="AG28" s="327">
        <v>405717</v>
      </c>
      <c r="AH28" s="328">
        <v>1386907</v>
      </c>
      <c r="AI28" s="330">
        <v>1386907</v>
      </c>
      <c r="AJ28" s="326">
        <v>0</v>
      </c>
      <c r="AK28" s="327">
        <v>0</v>
      </c>
      <c r="AL28" s="328">
        <v>0</v>
      </c>
      <c r="AM28" s="326">
        <v>0</v>
      </c>
      <c r="AN28" s="327">
        <v>0</v>
      </c>
      <c r="AO28" s="327">
        <v>0</v>
      </c>
      <c r="AP28" s="327">
        <v>0</v>
      </c>
      <c r="AQ28" s="327">
        <v>0</v>
      </c>
      <c r="AR28" s="327">
        <v>0</v>
      </c>
      <c r="AS28" s="328">
        <v>0</v>
      </c>
      <c r="AT28" s="330">
        <v>0</v>
      </c>
      <c r="AU28" s="326">
        <v>67852</v>
      </c>
      <c r="AV28" s="327">
        <v>119149</v>
      </c>
      <c r="AW28" s="328">
        <v>187001</v>
      </c>
      <c r="AX28" s="326">
        <v>0</v>
      </c>
      <c r="AY28" s="327">
        <v>304962</v>
      </c>
      <c r="AZ28" s="327">
        <v>556217</v>
      </c>
      <c r="BA28" s="327">
        <v>90546</v>
      </c>
      <c r="BB28" s="327">
        <v>107683</v>
      </c>
      <c r="BC28" s="327">
        <v>18300</v>
      </c>
      <c r="BD28" s="328">
        <v>1077708</v>
      </c>
      <c r="BE28" s="330">
        <v>1264709</v>
      </c>
      <c r="BF28" s="326">
        <v>0</v>
      </c>
      <c r="BG28" s="327">
        <v>31109</v>
      </c>
      <c r="BH28" s="331">
        <v>31109</v>
      </c>
      <c r="BI28" s="332">
        <v>0</v>
      </c>
      <c r="BJ28" s="327">
        <v>50416</v>
      </c>
      <c r="BK28" s="327">
        <v>47229</v>
      </c>
      <c r="BL28" s="327">
        <v>0</v>
      </c>
      <c r="BM28" s="327">
        <v>0</v>
      </c>
      <c r="BN28" s="327">
        <v>0</v>
      </c>
      <c r="BO28" s="328">
        <v>97645</v>
      </c>
      <c r="BP28" s="330">
        <v>128754</v>
      </c>
      <c r="BQ28" s="326">
        <v>22000</v>
      </c>
      <c r="BR28" s="327">
        <v>0</v>
      </c>
      <c r="BS28" s="328">
        <v>22000</v>
      </c>
      <c r="BT28" s="326">
        <v>0</v>
      </c>
      <c r="BU28" s="327">
        <v>201704</v>
      </c>
      <c r="BV28" s="327">
        <v>173000</v>
      </c>
      <c r="BW28" s="327">
        <v>105104</v>
      </c>
      <c r="BX28" s="327">
        <v>216152</v>
      </c>
      <c r="BY28" s="327">
        <v>124400</v>
      </c>
      <c r="BZ28" s="328">
        <v>820360</v>
      </c>
      <c r="CA28" s="330">
        <v>842360</v>
      </c>
      <c r="CB28" s="326">
        <v>0</v>
      </c>
      <c r="CC28" s="327">
        <v>0</v>
      </c>
      <c r="CD28" s="328">
        <v>0</v>
      </c>
      <c r="CE28" s="326">
        <v>0</v>
      </c>
      <c r="CF28" s="327">
        <v>644368</v>
      </c>
      <c r="CG28" s="327">
        <v>1347087</v>
      </c>
      <c r="CH28" s="327">
        <v>215462</v>
      </c>
      <c r="CI28" s="327">
        <v>391505</v>
      </c>
      <c r="CJ28" s="327">
        <v>191393</v>
      </c>
      <c r="CK28" s="328">
        <v>2789815</v>
      </c>
      <c r="CL28" s="330">
        <v>2789815</v>
      </c>
      <c r="CM28" s="326">
        <v>0</v>
      </c>
      <c r="CN28" s="327">
        <v>0</v>
      </c>
      <c r="CO28" s="328">
        <v>0</v>
      </c>
      <c r="CP28" s="332">
        <v>0</v>
      </c>
      <c r="CQ28" s="327">
        <v>531198</v>
      </c>
      <c r="CR28" s="327">
        <v>1166927</v>
      </c>
      <c r="CS28" s="327">
        <v>215462</v>
      </c>
      <c r="CT28" s="327">
        <v>391505</v>
      </c>
      <c r="CU28" s="327">
        <v>191393</v>
      </c>
      <c r="CV28" s="328">
        <v>2496485</v>
      </c>
      <c r="CW28" s="330">
        <v>2496485</v>
      </c>
      <c r="CX28" s="326">
        <v>0</v>
      </c>
      <c r="CY28" s="327">
        <v>0</v>
      </c>
      <c r="CZ28" s="328">
        <v>0</v>
      </c>
      <c r="DA28" s="326">
        <v>0</v>
      </c>
      <c r="DB28" s="327">
        <v>113170</v>
      </c>
      <c r="DC28" s="327">
        <v>180160</v>
      </c>
      <c r="DD28" s="327">
        <v>0</v>
      </c>
      <c r="DE28" s="327">
        <v>0</v>
      </c>
      <c r="DF28" s="327">
        <v>0</v>
      </c>
      <c r="DG28" s="328">
        <v>293330</v>
      </c>
      <c r="DH28" s="330">
        <v>293330</v>
      </c>
      <c r="DI28" s="326">
        <v>0</v>
      </c>
      <c r="DJ28" s="327">
        <v>0</v>
      </c>
      <c r="DK28" s="331">
        <v>0</v>
      </c>
      <c r="DL28" s="332">
        <v>0</v>
      </c>
      <c r="DM28" s="327">
        <v>93924</v>
      </c>
      <c r="DN28" s="327">
        <v>33707</v>
      </c>
      <c r="DO28" s="327">
        <v>98739</v>
      </c>
      <c r="DP28" s="327">
        <v>295717</v>
      </c>
      <c r="DQ28" s="327">
        <v>0</v>
      </c>
      <c r="DR28" s="328">
        <v>522087</v>
      </c>
      <c r="DS28" s="330">
        <v>522087</v>
      </c>
      <c r="DT28" s="326">
        <v>0</v>
      </c>
      <c r="DU28" s="327">
        <v>0</v>
      </c>
      <c r="DV28" s="328">
        <v>0</v>
      </c>
      <c r="DW28" s="326">
        <v>0</v>
      </c>
      <c r="DX28" s="327">
        <v>0</v>
      </c>
      <c r="DY28" s="327">
        <v>0</v>
      </c>
      <c r="DZ28" s="327">
        <v>98739</v>
      </c>
      <c r="EA28" s="327">
        <v>295717</v>
      </c>
      <c r="EB28" s="327">
        <v>0</v>
      </c>
      <c r="EC28" s="328">
        <v>394456</v>
      </c>
      <c r="ED28" s="330">
        <v>394456</v>
      </c>
      <c r="EE28" s="326">
        <v>0</v>
      </c>
      <c r="EF28" s="331">
        <v>0</v>
      </c>
      <c r="EG28" s="328">
        <v>0</v>
      </c>
      <c r="EH28" s="326">
        <v>0</v>
      </c>
      <c r="EI28" s="327">
        <v>93924</v>
      </c>
      <c r="EJ28" s="327">
        <v>33707</v>
      </c>
      <c r="EK28" s="327">
        <v>0</v>
      </c>
      <c r="EL28" s="327">
        <v>0</v>
      </c>
      <c r="EM28" s="327">
        <v>0</v>
      </c>
      <c r="EN28" s="331">
        <v>127631</v>
      </c>
      <c r="EO28" s="330">
        <v>127631</v>
      </c>
      <c r="EP28" s="326">
        <v>0</v>
      </c>
      <c r="EQ28" s="327">
        <v>0</v>
      </c>
      <c r="ER28" s="331">
        <v>0</v>
      </c>
      <c r="ES28" s="332">
        <v>0</v>
      </c>
      <c r="ET28" s="327">
        <v>0</v>
      </c>
      <c r="EU28" s="327">
        <v>0</v>
      </c>
      <c r="EV28" s="327">
        <v>0</v>
      </c>
      <c r="EW28" s="327">
        <v>0</v>
      </c>
      <c r="EX28" s="327">
        <v>0</v>
      </c>
      <c r="EY28" s="328">
        <v>0</v>
      </c>
      <c r="EZ28" s="330">
        <v>0</v>
      </c>
      <c r="FA28" s="326">
        <v>0</v>
      </c>
      <c r="FB28" s="327">
        <v>0</v>
      </c>
      <c r="FC28" s="331">
        <v>0</v>
      </c>
      <c r="FD28" s="332">
        <v>0</v>
      </c>
      <c r="FE28" s="327">
        <v>0</v>
      </c>
      <c r="FF28" s="327">
        <v>0</v>
      </c>
      <c r="FG28" s="327">
        <v>0</v>
      </c>
      <c r="FH28" s="327">
        <v>0</v>
      </c>
      <c r="FI28" s="327">
        <v>0</v>
      </c>
      <c r="FJ28" s="328">
        <v>0</v>
      </c>
      <c r="FK28" s="330">
        <v>0</v>
      </c>
      <c r="FL28" s="326">
        <v>14560</v>
      </c>
      <c r="FM28" s="327">
        <v>137432</v>
      </c>
      <c r="FN28" s="328">
        <v>151992</v>
      </c>
      <c r="FO28" s="326">
        <v>0</v>
      </c>
      <c r="FP28" s="327">
        <v>98400</v>
      </c>
      <c r="FQ28" s="327">
        <v>494848</v>
      </c>
      <c r="FR28" s="327">
        <v>68072</v>
      </c>
      <c r="FS28" s="327">
        <v>83792</v>
      </c>
      <c r="FT28" s="327">
        <v>83880</v>
      </c>
      <c r="FU28" s="328">
        <v>828992</v>
      </c>
      <c r="FV28" s="330">
        <v>980984</v>
      </c>
      <c r="FW28" s="333">
        <v>14560</v>
      </c>
      <c r="FX28" s="327">
        <v>137432</v>
      </c>
      <c r="FY28" s="331">
        <v>151992</v>
      </c>
      <c r="FZ28" s="332">
        <v>0</v>
      </c>
      <c r="GA28" s="327">
        <v>98400</v>
      </c>
      <c r="GB28" s="327">
        <v>408608</v>
      </c>
      <c r="GC28" s="327">
        <v>68072</v>
      </c>
      <c r="GD28" s="327">
        <v>83792</v>
      </c>
      <c r="GE28" s="327">
        <v>83880</v>
      </c>
      <c r="GF28" s="328">
        <v>742752</v>
      </c>
      <c r="GG28" s="334">
        <v>894744</v>
      </c>
      <c r="GH28" s="333">
        <v>0</v>
      </c>
      <c r="GI28" s="327">
        <v>0</v>
      </c>
      <c r="GJ28" s="331">
        <v>0</v>
      </c>
      <c r="GK28" s="332">
        <v>0</v>
      </c>
      <c r="GL28" s="327">
        <v>0</v>
      </c>
      <c r="GM28" s="327">
        <v>24640</v>
      </c>
      <c r="GN28" s="327">
        <v>0</v>
      </c>
      <c r="GO28" s="327">
        <v>0</v>
      </c>
      <c r="GP28" s="327">
        <v>0</v>
      </c>
      <c r="GQ28" s="328">
        <v>24640</v>
      </c>
      <c r="GR28" s="330">
        <v>24640</v>
      </c>
      <c r="GS28" s="326">
        <v>0</v>
      </c>
      <c r="GT28" s="327">
        <v>0</v>
      </c>
      <c r="GU28" s="328">
        <v>0</v>
      </c>
      <c r="GV28" s="326">
        <v>0</v>
      </c>
      <c r="GW28" s="327">
        <v>0</v>
      </c>
      <c r="GX28" s="327">
        <v>61600</v>
      </c>
      <c r="GY28" s="327">
        <v>0</v>
      </c>
      <c r="GZ28" s="327">
        <v>0</v>
      </c>
      <c r="HA28" s="327">
        <v>0</v>
      </c>
      <c r="HB28" s="331">
        <v>61600</v>
      </c>
      <c r="HC28" s="330">
        <v>61600</v>
      </c>
      <c r="HD28" s="326">
        <v>85952</v>
      </c>
      <c r="HE28" s="327">
        <v>0</v>
      </c>
      <c r="HF28" s="331">
        <v>85952</v>
      </c>
      <c r="HG28" s="332">
        <v>0</v>
      </c>
      <c r="HH28" s="327">
        <v>664041</v>
      </c>
      <c r="HI28" s="327">
        <v>0</v>
      </c>
      <c r="HJ28" s="327">
        <v>546680</v>
      </c>
      <c r="HK28" s="327">
        <v>1174570</v>
      </c>
      <c r="HL28" s="327">
        <v>488980</v>
      </c>
      <c r="HM28" s="328">
        <v>2874271</v>
      </c>
      <c r="HN28" s="329">
        <v>2960223</v>
      </c>
      <c r="HO28" s="333">
        <v>0</v>
      </c>
      <c r="HP28" s="327">
        <v>0</v>
      </c>
      <c r="HQ28" s="328">
        <v>0</v>
      </c>
      <c r="HR28" s="326">
        <v>0</v>
      </c>
      <c r="HS28" s="327">
        <v>0</v>
      </c>
      <c r="HT28" s="327">
        <v>0</v>
      </c>
      <c r="HU28" s="327">
        <v>0</v>
      </c>
      <c r="HV28" s="327">
        <v>0</v>
      </c>
      <c r="HW28" s="327">
        <v>0</v>
      </c>
      <c r="HX28" s="331">
        <v>0</v>
      </c>
      <c r="HY28" s="330">
        <v>0</v>
      </c>
      <c r="HZ28" s="358">
        <v>0</v>
      </c>
      <c r="IA28" s="356">
        <v>0</v>
      </c>
      <c r="IB28" s="358">
        <v>0</v>
      </c>
      <c r="IC28" s="355">
        <v>0</v>
      </c>
      <c r="ID28" s="356">
        <v>315589</v>
      </c>
      <c r="IE28" s="357">
        <v>913276</v>
      </c>
      <c r="IF28" s="358">
        <v>818189</v>
      </c>
      <c r="IG28" s="356">
        <v>610396</v>
      </c>
      <c r="IH28" s="358">
        <v>0</v>
      </c>
      <c r="II28" s="359">
        <v>2657450</v>
      </c>
      <c r="IJ28" s="358">
        <v>2657450</v>
      </c>
      <c r="IK28" s="342">
        <v>0</v>
      </c>
      <c r="IL28" s="343">
        <v>0</v>
      </c>
      <c r="IM28" s="344">
        <v>0</v>
      </c>
      <c r="IN28" s="404">
        <v>0</v>
      </c>
      <c r="IO28" s="345">
        <v>0</v>
      </c>
      <c r="IP28" s="345">
        <v>0</v>
      </c>
      <c r="IQ28" s="345">
        <v>0</v>
      </c>
      <c r="IR28" s="345">
        <v>0</v>
      </c>
      <c r="IS28" s="345">
        <v>0</v>
      </c>
      <c r="IT28" s="346">
        <v>0</v>
      </c>
      <c r="IU28" s="347">
        <v>0</v>
      </c>
      <c r="IV28" s="348">
        <v>0</v>
      </c>
      <c r="IW28" s="345">
        <v>0</v>
      </c>
      <c r="IX28" s="349">
        <v>0</v>
      </c>
      <c r="IY28" s="404">
        <v>0</v>
      </c>
      <c r="IZ28" s="345">
        <v>0</v>
      </c>
      <c r="JA28" s="345">
        <v>0</v>
      </c>
      <c r="JB28" s="345">
        <v>0</v>
      </c>
      <c r="JC28" s="345">
        <v>0</v>
      </c>
      <c r="JD28" s="345">
        <v>0</v>
      </c>
      <c r="JE28" s="349">
        <v>0</v>
      </c>
      <c r="JF28" s="350">
        <v>0</v>
      </c>
      <c r="JG28" s="348">
        <v>0</v>
      </c>
      <c r="JH28" s="345">
        <v>0</v>
      </c>
      <c r="JI28" s="346">
        <v>0</v>
      </c>
      <c r="JJ28" s="351">
        <v>0</v>
      </c>
      <c r="JK28" s="345">
        <v>68544</v>
      </c>
      <c r="JL28" s="345">
        <v>55493</v>
      </c>
      <c r="JM28" s="345">
        <v>33280</v>
      </c>
      <c r="JN28" s="345">
        <v>214717</v>
      </c>
      <c r="JO28" s="345">
        <v>0</v>
      </c>
      <c r="JP28" s="349">
        <v>372034</v>
      </c>
      <c r="JQ28" s="347">
        <v>372034</v>
      </c>
      <c r="JR28" s="348">
        <v>0</v>
      </c>
      <c r="JS28" s="345">
        <v>0</v>
      </c>
      <c r="JT28" s="346">
        <v>0</v>
      </c>
      <c r="JU28" s="351">
        <v>0</v>
      </c>
      <c r="JV28" s="345">
        <v>0</v>
      </c>
      <c r="JW28" s="345">
        <v>0</v>
      </c>
      <c r="JX28" s="345">
        <v>0</v>
      </c>
      <c r="JY28" s="345">
        <v>0</v>
      </c>
      <c r="JZ28" s="345">
        <v>0</v>
      </c>
      <c r="KA28" s="349">
        <v>0</v>
      </c>
      <c r="KB28" s="347">
        <v>0</v>
      </c>
      <c r="KC28" s="352">
        <v>0</v>
      </c>
      <c r="KD28" s="353">
        <v>0</v>
      </c>
      <c r="KE28" s="349">
        <v>0</v>
      </c>
      <c r="KF28" s="351">
        <v>0</v>
      </c>
      <c r="KG28" s="345">
        <v>0</v>
      </c>
      <c r="KH28" s="345">
        <v>0</v>
      </c>
      <c r="KI28" s="345">
        <v>0</v>
      </c>
      <c r="KJ28" s="345">
        <v>0</v>
      </c>
      <c r="KK28" s="345">
        <v>0</v>
      </c>
      <c r="KL28" s="349">
        <v>0</v>
      </c>
      <c r="KM28" s="354">
        <v>0</v>
      </c>
      <c r="KN28" s="342">
        <v>0</v>
      </c>
      <c r="KO28" s="343">
        <v>0</v>
      </c>
      <c r="KP28" s="344">
        <v>0</v>
      </c>
      <c r="KQ28" s="404">
        <v>0</v>
      </c>
      <c r="KR28" s="345">
        <v>247045</v>
      </c>
      <c r="KS28" s="345">
        <v>772118</v>
      </c>
      <c r="KT28" s="345">
        <v>784909</v>
      </c>
      <c r="KU28" s="345">
        <v>267578</v>
      </c>
      <c r="KV28" s="345">
        <v>0</v>
      </c>
      <c r="KW28" s="349">
        <v>2071650</v>
      </c>
      <c r="KX28" s="347">
        <v>2071650</v>
      </c>
      <c r="KY28" s="348">
        <v>0</v>
      </c>
      <c r="KZ28" s="345">
        <v>0</v>
      </c>
      <c r="LA28" s="349">
        <v>0</v>
      </c>
      <c r="LB28" s="404">
        <v>0</v>
      </c>
      <c r="LC28" s="345">
        <v>0</v>
      </c>
      <c r="LD28" s="345">
        <v>0</v>
      </c>
      <c r="LE28" s="345">
        <v>0</v>
      </c>
      <c r="LF28" s="345">
        <v>0</v>
      </c>
      <c r="LG28" s="345">
        <v>0</v>
      </c>
      <c r="LH28" s="349">
        <v>0</v>
      </c>
      <c r="LI28" s="350">
        <v>0</v>
      </c>
      <c r="LJ28" s="348">
        <v>0</v>
      </c>
      <c r="LK28" s="345">
        <v>0</v>
      </c>
      <c r="LL28" s="349">
        <v>0</v>
      </c>
      <c r="LM28" s="404">
        <v>0</v>
      </c>
      <c r="LN28" s="345">
        <v>0</v>
      </c>
      <c r="LO28" s="345">
        <v>0</v>
      </c>
      <c r="LP28" s="345">
        <v>0</v>
      </c>
      <c r="LQ28" s="345">
        <v>0</v>
      </c>
      <c r="LR28" s="345">
        <v>0</v>
      </c>
      <c r="LS28" s="349">
        <v>0</v>
      </c>
      <c r="LT28" s="347">
        <v>0</v>
      </c>
      <c r="LU28" s="348">
        <v>0</v>
      </c>
      <c r="LV28" s="345">
        <v>0</v>
      </c>
      <c r="LW28" s="349">
        <v>0</v>
      </c>
      <c r="LX28" s="404">
        <v>0</v>
      </c>
      <c r="LY28" s="345">
        <v>0</v>
      </c>
      <c r="LZ28" s="345">
        <v>85665</v>
      </c>
      <c r="MA28" s="345">
        <v>0</v>
      </c>
      <c r="MB28" s="345">
        <v>128101</v>
      </c>
      <c r="MC28" s="345">
        <v>0</v>
      </c>
      <c r="MD28" s="349">
        <v>213766</v>
      </c>
      <c r="ME28" s="350">
        <v>213766</v>
      </c>
      <c r="MF28" s="348">
        <v>0</v>
      </c>
      <c r="MG28" s="345">
        <v>0</v>
      </c>
      <c r="MH28" s="349">
        <v>0</v>
      </c>
      <c r="MI28" s="404">
        <v>0</v>
      </c>
      <c r="MJ28" s="345">
        <v>0</v>
      </c>
      <c r="MK28" s="345">
        <v>0</v>
      </c>
      <c r="ML28" s="345">
        <v>1768246</v>
      </c>
      <c r="MM28" s="345">
        <v>2141882</v>
      </c>
      <c r="MN28" s="345">
        <v>1258074</v>
      </c>
      <c r="MO28" s="349">
        <v>5168202</v>
      </c>
      <c r="MP28" s="354">
        <v>5168202</v>
      </c>
      <c r="MQ28" s="348">
        <v>0</v>
      </c>
      <c r="MR28" s="345">
        <v>0</v>
      </c>
      <c r="MS28" s="349">
        <v>0</v>
      </c>
      <c r="MT28" s="404">
        <v>0</v>
      </c>
      <c r="MU28" s="345">
        <v>0</v>
      </c>
      <c r="MV28" s="345">
        <v>0</v>
      </c>
      <c r="MW28" s="345">
        <v>1474130</v>
      </c>
      <c r="MX28" s="345">
        <v>1860043</v>
      </c>
      <c r="MY28" s="345">
        <v>850906</v>
      </c>
      <c r="MZ28" s="349">
        <v>4185079</v>
      </c>
      <c r="NA28" s="354">
        <v>4185079</v>
      </c>
      <c r="NB28" s="348">
        <v>0</v>
      </c>
      <c r="NC28" s="345">
        <v>0</v>
      </c>
      <c r="ND28" s="349">
        <v>0</v>
      </c>
      <c r="NE28" s="404">
        <v>0</v>
      </c>
      <c r="NF28" s="345">
        <v>0</v>
      </c>
      <c r="NG28" s="345">
        <v>0</v>
      </c>
      <c r="NH28" s="345">
        <v>294116</v>
      </c>
      <c r="NI28" s="345">
        <v>281839</v>
      </c>
      <c r="NJ28" s="345">
        <v>407168</v>
      </c>
      <c r="NK28" s="349">
        <v>983123</v>
      </c>
      <c r="NL28" s="347">
        <v>983123</v>
      </c>
      <c r="NM28" s="348">
        <v>0</v>
      </c>
      <c r="NN28" s="345">
        <v>0</v>
      </c>
      <c r="NO28" s="349">
        <v>0</v>
      </c>
      <c r="NP28" s="404">
        <v>0</v>
      </c>
      <c r="NQ28" s="345">
        <v>0</v>
      </c>
      <c r="NR28" s="345">
        <v>0</v>
      </c>
      <c r="NS28" s="345">
        <v>0</v>
      </c>
      <c r="NT28" s="345">
        <v>0</v>
      </c>
      <c r="NU28" s="345">
        <v>0</v>
      </c>
      <c r="NV28" s="349">
        <v>0</v>
      </c>
      <c r="NW28" s="350">
        <v>0</v>
      </c>
      <c r="NX28" s="348">
        <v>0</v>
      </c>
      <c r="NY28" s="345">
        <v>0</v>
      </c>
      <c r="NZ28" s="349">
        <v>0</v>
      </c>
      <c r="OA28" s="404">
        <v>0</v>
      </c>
      <c r="OB28" s="345">
        <v>0</v>
      </c>
      <c r="OC28" s="345">
        <v>0</v>
      </c>
      <c r="OD28" s="345">
        <v>0</v>
      </c>
      <c r="OE28" s="345">
        <v>0</v>
      </c>
      <c r="OF28" s="345">
        <v>0</v>
      </c>
      <c r="OG28" s="349">
        <v>0</v>
      </c>
      <c r="OH28" s="350">
        <v>0</v>
      </c>
      <c r="OI28" s="348">
        <v>190364</v>
      </c>
      <c r="OJ28" s="345">
        <v>287690</v>
      </c>
      <c r="OK28" s="346">
        <v>478054</v>
      </c>
      <c r="OL28" s="351">
        <v>0</v>
      </c>
      <c r="OM28" s="345">
        <v>2737936</v>
      </c>
      <c r="ON28" s="345">
        <v>3937516</v>
      </c>
      <c r="OO28" s="345">
        <v>3711038</v>
      </c>
      <c r="OP28" s="345">
        <v>5266203</v>
      </c>
      <c r="OQ28" s="345">
        <v>2570744</v>
      </c>
      <c r="OR28" s="349">
        <v>18223437</v>
      </c>
      <c r="OS28" s="354">
        <v>18701491</v>
      </c>
    </row>
    <row r="29" spans="2:409" s="70" customFormat="1" ht="21" customHeight="1" x14ac:dyDescent="0.2">
      <c r="B29" s="410" t="s">
        <v>24</v>
      </c>
      <c r="C29" s="326">
        <v>115480</v>
      </c>
      <c r="D29" s="327">
        <v>61026</v>
      </c>
      <c r="E29" s="328">
        <v>176506</v>
      </c>
      <c r="F29" s="329">
        <v>0</v>
      </c>
      <c r="G29" s="327">
        <v>2524125</v>
      </c>
      <c r="H29" s="327">
        <v>2075552</v>
      </c>
      <c r="I29" s="327">
        <v>2342613</v>
      </c>
      <c r="J29" s="327">
        <v>2298647</v>
      </c>
      <c r="K29" s="327">
        <v>1038222</v>
      </c>
      <c r="L29" s="367">
        <v>10279159</v>
      </c>
      <c r="M29" s="330">
        <v>10455665</v>
      </c>
      <c r="N29" s="326">
        <v>34711</v>
      </c>
      <c r="O29" s="327">
        <v>38786</v>
      </c>
      <c r="P29" s="328">
        <v>73497</v>
      </c>
      <c r="Q29" s="326">
        <v>0</v>
      </c>
      <c r="R29" s="327">
        <v>888810</v>
      </c>
      <c r="S29" s="327">
        <v>401159</v>
      </c>
      <c r="T29" s="327">
        <v>651447</v>
      </c>
      <c r="U29" s="327">
        <v>851762</v>
      </c>
      <c r="V29" s="327">
        <v>655688</v>
      </c>
      <c r="W29" s="328">
        <v>3448866</v>
      </c>
      <c r="X29" s="330">
        <v>3522363</v>
      </c>
      <c r="Y29" s="326">
        <v>0</v>
      </c>
      <c r="Z29" s="327">
        <v>0</v>
      </c>
      <c r="AA29" s="328">
        <v>0</v>
      </c>
      <c r="AB29" s="326">
        <v>0</v>
      </c>
      <c r="AC29" s="327">
        <v>291762</v>
      </c>
      <c r="AD29" s="327">
        <v>65783</v>
      </c>
      <c r="AE29" s="327">
        <v>200847</v>
      </c>
      <c r="AF29" s="327">
        <v>440954</v>
      </c>
      <c r="AG29" s="327">
        <v>518326</v>
      </c>
      <c r="AH29" s="328">
        <v>1517672</v>
      </c>
      <c r="AI29" s="330">
        <v>1517672</v>
      </c>
      <c r="AJ29" s="326">
        <v>0</v>
      </c>
      <c r="AK29" s="327">
        <v>0</v>
      </c>
      <c r="AL29" s="328">
        <v>0</v>
      </c>
      <c r="AM29" s="326">
        <v>0</v>
      </c>
      <c r="AN29" s="327">
        <v>0</v>
      </c>
      <c r="AO29" s="327">
        <v>0</v>
      </c>
      <c r="AP29" s="327">
        <v>0</v>
      </c>
      <c r="AQ29" s="327">
        <v>48973</v>
      </c>
      <c r="AR29" s="327">
        <v>48042</v>
      </c>
      <c r="AS29" s="328">
        <v>97015</v>
      </c>
      <c r="AT29" s="330">
        <v>97015</v>
      </c>
      <c r="AU29" s="326">
        <v>21639</v>
      </c>
      <c r="AV29" s="327">
        <v>38786</v>
      </c>
      <c r="AW29" s="328">
        <v>60425</v>
      </c>
      <c r="AX29" s="326">
        <v>0</v>
      </c>
      <c r="AY29" s="327">
        <v>353474</v>
      </c>
      <c r="AZ29" s="327">
        <v>178061</v>
      </c>
      <c r="BA29" s="327">
        <v>357480</v>
      </c>
      <c r="BB29" s="327">
        <v>263795</v>
      </c>
      <c r="BC29" s="327">
        <v>52112</v>
      </c>
      <c r="BD29" s="328">
        <v>1204922</v>
      </c>
      <c r="BE29" s="330">
        <v>1265347</v>
      </c>
      <c r="BF29" s="326">
        <v>0</v>
      </c>
      <c r="BG29" s="327">
        <v>0</v>
      </c>
      <c r="BH29" s="331">
        <v>0</v>
      </c>
      <c r="BI29" s="332">
        <v>0</v>
      </c>
      <c r="BJ29" s="327">
        <v>36550</v>
      </c>
      <c r="BK29" s="327">
        <v>52907</v>
      </c>
      <c r="BL29" s="327">
        <v>0</v>
      </c>
      <c r="BM29" s="327">
        <v>0</v>
      </c>
      <c r="BN29" s="327">
        <v>0</v>
      </c>
      <c r="BO29" s="328">
        <v>89457</v>
      </c>
      <c r="BP29" s="330">
        <v>89457</v>
      </c>
      <c r="BQ29" s="326">
        <v>13072</v>
      </c>
      <c r="BR29" s="327">
        <v>0</v>
      </c>
      <c r="BS29" s="328">
        <v>13072</v>
      </c>
      <c r="BT29" s="326">
        <v>0</v>
      </c>
      <c r="BU29" s="327">
        <v>207024</v>
      </c>
      <c r="BV29" s="327">
        <v>104408</v>
      </c>
      <c r="BW29" s="327">
        <v>93120</v>
      </c>
      <c r="BX29" s="327">
        <v>98040</v>
      </c>
      <c r="BY29" s="327">
        <v>37208</v>
      </c>
      <c r="BZ29" s="328">
        <v>539800</v>
      </c>
      <c r="CA29" s="330">
        <v>552872</v>
      </c>
      <c r="CB29" s="326">
        <v>20289</v>
      </c>
      <c r="CC29" s="327">
        <v>0</v>
      </c>
      <c r="CD29" s="328">
        <v>20289</v>
      </c>
      <c r="CE29" s="326">
        <v>0</v>
      </c>
      <c r="CF29" s="327">
        <v>493640</v>
      </c>
      <c r="CG29" s="327">
        <v>814083</v>
      </c>
      <c r="CH29" s="327">
        <v>827832</v>
      </c>
      <c r="CI29" s="327">
        <v>752902</v>
      </c>
      <c r="CJ29" s="327">
        <v>193054</v>
      </c>
      <c r="CK29" s="328">
        <v>3081511</v>
      </c>
      <c r="CL29" s="330">
        <v>3101800</v>
      </c>
      <c r="CM29" s="326">
        <v>0</v>
      </c>
      <c r="CN29" s="327">
        <v>0</v>
      </c>
      <c r="CO29" s="328">
        <v>0</v>
      </c>
      <c r="CP29" s="332">
        <v>0</v>
      </c>
      <c r="CQ29" s="327">
        <v>467570</v>
      </c>
      <c r="CR29" s="327">
        <v>355980</v>
      </c>
      <c r="CS29" s="327">
        <v>356960</v>
      </c>
      <c r="CT29" s="327">
        <v>350245</v>
      </c>
      <c r="CU29" s="327">
        <v>91776</v>
      </c>
      <c r="CV29" s="328">
        <v>1622531</v>
      </c>
      <c r="CW29" s="330">
        <v>1622531</v>
      </c>
      <c r="CX29" s="326">
        <v>20289</v>
      </c>
      <c r="CY29" s="327">
        <v>0</v>
      </c>
      <c r="CZ29" s="328">
        <v>20289</v>
      </c>
      <c r="DA29" s="326">
        <v>0</v>
      </c>
      <c r="DB29" s="327">
        <v>26070</v>
      </c>
      <c r="DC29" s="327">
        <v>458103</v>
      </c>
      <c r="DD29" s="327">
        <v>470872</v>
      </c>
      <c r="DE29" s="327">
        <v>402657</v>
      </c>
      <c r="DF29" s="327">
        <v>101278</v>
      </c>
      <c r="DG29" s="328">
        <v>1458980</v>
      </c>
      <c r="DH29" s="330">
        <v>1479269</v>
      </c>
      <c r="DI29" s="326">
        <v>0</v>
      </c>
      <c r="DJ29" s="327">
        <v>0</v>
      </c>
      <c r="DK29" s="331">
        <v>0</v>
      </c>
      <c r="DL29" s="332">
        <v>0</v>
      </c>
      <c r="DM29" s="327">
        <v>51610</v>
      </c>
      <c r="DN29" s="327">
        <v>149700</v>
      </c>
      <c r="DO29" s="327">
        <v>181112</v>
      </c>
      <c r="DP29" s="327">
        <v>443175</v>
      </c>
      <c r="DQ29" s="327">
        <v>0</v>
      </c>
      <c r="DR29" s="328">
        <v>825597</v>
      </c>
      <c r="DS29" s="330">
        <v>825597</v>
      </c>
      <c r="DT29" s="326">
        <v>0</v>
      </c>
      <c r="DU29" s="327">
        <v>0</v>
      </c>
      <c r="DV29" s="328">
        <v>0</v>
      </c>
      <c r="DW29" s="326">
        <v>0</v>
      </c>
      <c r="DX29" s="327">
        <v>51610</v>
      </c>
      <c r="DY29" s="327">
        <v>130866</v>
      </c>
      <c r="DZ29" s="327">
        <v>136287</v>
      </c>
      <c r="EA29" s="327">
        <v>443175</v>
      </c>
      <c r="EB29" s="327">
        <v>0</v>
      </c>
      <c r="EC29" s="328">
        <v>761938</v>
      </c>
      <c r="ED29" s="330">
        <v>761938</v>
      </c>
      <c r="EE29" s="326">
        <v>0</v>
      </c>
      <c r="EF29" s="331">
        <v>0</v>
      </c>
      <c r="EG29" s="328">
        <v>0</v>
      </c>
      <c r="EH29" s="326">
        <v>0</v>
      </c>
      <c r="EI29" s="327">
        <v>0</v>
      </c>
      <c r="EJ29" s="327">
        <v>18834</v>
      </c>
      <c r="EK29" s="327">
        <v>44825</v>
      </c>
      <c r="EL29" s="327">
        <v>0</v>
      </c>
      <c r="EM29" s="327">
        <v>0</v>
      </c>
      <c r="EN29" s="331">
        <v>63659</v>
      </c>
      <c r="EO29" s="330">
        <v>63659</v>
      </c>
      <c r="EP29" s="326">
        <v>0</v>
      </c>
      <c r="EQ29" s="327">
        <v>0</v>
      </c>
      <c r="ER29" s="331">
        <v>0</v>
      </c>
      <c r="ES29" s="332">
        <v>0</v>
      </c>
      <c r="ET29" s="327">
        <v>0</v>
      </c>
      <c r="EU29" s="327">
        <v>0</v>
      </c>
      <c r="EV29" s="327">
        <v>0</v>
      </c>
      <c r="EW29" s="327">
        <v>0</v>
      </c>
      <c r="EX29" s="327">
        <v>0</v>
      </c>
      <c r="EY29" s="328">
        <v>0</v>
      </c>
      <c r="EZ29" s="330">
        <v>0</v>
      </c>
      <c r="FA29" s="326">
        <v>0</v>
      </c>
      <c r="FB29" s="327">
        <v>0</v>
      </c>
      <c r="FC29" s="331">
        <v>0</v>
      </c>
      <c r="FD29" s="332">
        <v>0</v>
      </c>
      <c r="FE29" s="327">
        <v>0</v>
      </c>
      <c r="FF29" s="327">
        <v>0</v>
      </c>
      <c r="FG29" s="327">
        <v>0</v>
      </c>
      <c r="FH29" s="327">
        <v>0</v>
      </c>
      <c r="FI29" s="327">
        <v>0</v>
      </c>
      <c r="FJ29" s="328">
        <v>0</v>
      </c>
      <c r="FK29" s="330">
        <v>0</v>
      </c>
      <c r="FL29" s="326">
        <v>60480</v>
      </c>
      <c r="FM29" s="327">
        <v>22240</v>
      </c>
      <c r="FN29" s="328">
        <v>82720</v>
      </c>
      <c r="FO29" s="326">
        <v>0</v>
      </c>
      <c r="FP29" s="327">
        <v>57416</v>
      </c>
      <c r="FQ29" s="327">
        <v>161536</v>
      </c>
      <c r="FR29" s="327">
        <v>250544</v>
      </c>
      <c r="FS29" s="327">
        <v>250808</v>
      </c>
      <c r="FT29" s="327">
        <v>65472</v>
      </c>
      <c r="FU29" s="328">
        <v>785776</v>
      </c>
      <c r="FV29" s="330">
        <v>868496</v>
      </c>
      <c r="FW29" s="333">
        <v>35136</v>
      </c>
      <c r="FX29" s="327">
        <v>22240</v>
      </c>
      <c r="FY29" s="331">
        <v>57376</v>
      </c>
      <c r="FZ29" s="332">
        <v>0</v>
      </c>
      <c r="GA29" s="327">
        <v>57416</v>
      </c>
      <c r="GB29" s="327">
        <v>161536</v>
      </c>
      <c r="GC29" s="327">
        <v>250544</v>
      </c>
      <c r="GD29" s="327">
        <v>195896</v>
      </c>
      <c r="GE29" s="327">
        <v>65472</v>
      </c>
      <c r="GF29" s="328">
        <v>730864</v>
      </c>
      <c r="GG29" s="334">
        <v>788240</v>
      </c>
      <c r="GH29" s="333">
        <v>25344</v>
      </c>
      <c r="GI29" s="327">
        <v>0</v>
      </c>
      <c r="GJ29" s="331">
        <v>25344</v>
      </c>
      <c r="GK29" s="332">
        <v>0</v>
      </c>
      <c r="GL29" s="327">
        <v>0</v>
      </c>
      <c r="GM29" s="327">
        <v>0</v>
      </c>
      <c r="GN29" s="327">
        <v>0</v>
      </c>
      <c r="GO29" s="327">
        <v>54912</v>
      </c>
      <c r="GP29" s="327">
        <v>0</v>
      </c>
      <c r="GQ29" s="328">
        <v>54912</v>
      </c>
      <c r="GR29" s="330">
        <v>80256</v>
      </c>
      <c r="GS29" s="326">
        <v>0</v>
      </c>
      <c r="GT29" s="327">
        <v>0</v>
      </c>
      <c r="GU29" s="328">
        <v>0</v>
      </c>
      <c r="GV29" s="326">
        <v>0</v>
      </c>
      <c r="GW29" s="327">
        <v>0</v>
      </c>
      <c r="GX29" s="327">
        <v>0</v>
      </c>
      <c r="GY29" s="327">
        <v>0</v>
      </c>
      <c r="GZ29" s="327">
        <v>0</v>
      </c>
      <c r="HA29" s="327">
        <v>0</v>
      </c>
      <c r="HB29" s="331">
        <v>0</v>
      </c>
      <c r="HC29" s="330">
        <v>0</v>
      </c>
      <c r="HD29" s="326">
        <v>0</v>
      </c>
      <c r="HE29" s="327">
        <v>0</v>
      </c>
      <c r="HF29" s="331">
        <v>0</v>
      </c>
      <c r="HG29" s="332">
        <v>0</v>
      </c>
      <c r="HH29" s="327">
        <v>1032649</v>
      </c>
      <c r="HI29" s="327">
        <v>549074</v>
      </c>
      <c r="HJ29" s="327">
        <v>431678</v>
      </c>
      <c r="HK29" s="327">
        <v>0</v>
      </c>
      <c r="HL29" s="327">
        <v>124008</v>
      </c>
      <c r="HM29" s="328">
        <v>2137409</v>
      </c>
      <c r="HN29" s="329">
        <v>2137409</v>
      </c>
      <c r="HO29" s="333">
        <v>0</v>
      </c>
      <c r="HP29" s="327">
        <v>0</v>
      </c>
      <c r="HQ29" s="328">
        <v>0</v>
      </c>
      <c r="HR29" s="326">
        <v>0</v>
      </c>
      <c r="HS29" s="327">
        <v>0</v>
      </c>
      <c r="HT29" s="327">
        <v>0</v>
      </c>
      <c r="HU29" s="327">
        <v>0</v>
      </c>
      <c r="HV29" s="327">
        <v>0</v>
      </c>
      <c r="HW29" s="327">
        <v>0</v>
      </c>
      <c r="HX29" s="331">
        <v>0</v>
      </c>
      <c r="HY29" s="330">
        <v>0</v>
      </c>
      <c r="HZ29" s="335">
        <v>45060</v>
      </c>
      <c r="IA29" s="336">
        <v>0</v>
      </c>
      <c r="IB29" s="337">
        <v>45060</v>
      </c>
      <c r="IC29" s="338">
        <v>0</v>
      </c>
      <c r="ID29" s="336">
        <v>207700</v>
      </c>
      <c r="IE29" s="339">
        <v>242620</v>
      </c>
      <c r="IF29" s="337">
        <v>605844</v>
      </c>
      <c r="IG29" s="336">
        <v>202768</v>
      </c>
      <c r="IH29" s="337">
        <v>68453</v>
      </c>
      <c r="II29" s="340">
        <v>1327385</v>
      </c>
      <c r="IJ29" s="341">
        <v>1372445</v>
      </c>
      <c r="IK29" s="342">
        <v>0</v>
      </c>
      <c r="IL29" s="343">
        <v>0</v>
      </c>
      <c r="IM29" s="344">
        <v>0</v>
      </c>
      <c r="IN29" s="404">
        <v>0</v>
      </c>
      <c r="IO29" s="345">
        <v>0</v>
      </c>
      <c r="IP29" s="345">
        <v>0</v>
      </c>
      <c r="IQ29" s="345">
        <v>0</v>
      </c>
      <c r="IR29" s="345">
        <v>202768</v>
      </c>
      <c r="IS29" s="345">
        <v>0</v>
      </c>
      <c r="IT29" s="346">
        <v>202768</v>
      </c>
      <c r="IU29" s="347">
        <v>202768</v>
      </c>
      <c r="IV29" s="348">
        <v>0</v>
      </c>
      <c r="IW29" s="345">
        <v>0</v>
      </c>
      <c r="IX29" s="349">
        <v>0</v>
      </c>
      <c r="IY29" s="404">
        <v>0</v>
      </c>
      <c r="IZ29" s="345">
        <v>0</v>
      </c>
      <c r="JA29" s="345">
        <v>0</v>
      </c>
      <c r="JB29" s="345">
        <v>0</v>
      </c>
      <c r="JC29" s="345">
        <v>0</v>
      </c>
      <c r="JD29" s="345">
        <v>0</v>
      </c>
      <c r="JE29" s="349">
        <v>0</v>
      </c>
      <c r="JF29" s="350">
        <v>0</v>
      </c>
      <c r="JG29" s="348">
        <v>0</v>
      </c>
      <c r="JH29" s="345">
        <v>0</v>
      </c>
      <c r="JI29" s="346">
        <v>0</v>
      </c>
      <c r="JJ29" s="351">
        <v>0</v>
      </c>
      <c r="JK29" s="345">
        <v>207700</v>
      </c>
      <c r="JL29" s="345">
        <v>68233</v>
      </c>
      <c r="JM29" s="345">
        <v>29301</v>
      </c>
      <c r="JN29" s="345">
        <v>0</v>
      </c>
      <c r="JO29" s="345">
        <v>31115</v>
      </c>
      <c r="JP29" s="349">
        <v>336349</v>
      </c>
      <c r="JQ29" s="347">
        <v>336349</v>
      </c>
      <c r="JR29" s="348">
        <v>0</v>
      </c>
      <c r="JS29" s="345">
        <v>0</v>
      </c>
      <c r="JT29" s="346">
        <v>0</v>
      </c>
      <c r="JU29" s="351">
        <v>0</v>
      </c>
      <c r="JV29" s="345">
        <v>0</v>
      </c>
      <c r="JW29" s="345">
        <v>0</v>
      </c>
      <c r="JX29" s="345">
        <v>73520</v>
      </c>
      <c r="JY29" s="345">
        <v>0</v>
      </c>
      <c r="JZ29" s="345">
        <v>37338</v>
      </c>
      <c r="KA29" s="349">
        <v>110858</v>
      </c>
      <c r="KB29" s="347">
        <v>110858</v>
      </c>
      <c r="KC29" s="352">
        <v>45060</v>
      </c>
      <c r="KD29" s="353">
        <v>0</v>
      </c>
      <c r="KE29" s="349">
        <v>45060</v>
      </c>
      <c r="KF29" s="351">
        <v>0</v>
      </c>
      <c r="KG29" s="345">
        <v>0</v>
      </c>
      <c r="KH29" s="345">
        <v>174387</v>
      </c>
      <c r="KI29" s="345">
        <v>0</v>
      </c>
      <c r="KJ29" s="345">
        <v>0</v>
      </c>
      <c r="KK29" s="345">
        <v>0</v>
      </c>
      <c r="KL29" s="349">
        <v>174387</v>
      </c>
      <c r="KM29" s="354">
        <v>219447</v>
      </c>
      <c r="KN29" s="342">
        <v>0</v>
      </c>
      <c r="KO29" s="343">
        <v>0</v>
      </c>
      <c r="KP29" s="344">
        <v>0</v>
      </c>
      <c r="KQ29" s="404">
        <v>0</v>
      </c>
      <c r="KR29" s="345">
        <v>0</v>
      </c>
      <c r="KS29" s="345">
        <v>0</v>
      </c>
      <c r="KT29" s="345">
        <v>503023</v>
      </c>
      <c r="KU29" s="345">
        <v>0</v>
      </c>
      <c r="KV29" s="345">
        <v>0</v>
      </c>
      <c r="KW29" s="349">
        <v>503023</v>
      </c>
      <c r="KX29" s="347">
        <v>503023</v>
      </c>
      <c r="KY29" s="348">
        <v>0</v>
      </c>
      <c r="KZ29" s="345">
        <v>0</v>
      </c>
      <c r="LA29" s="349">
        <v>0</v>
      </c>
      <c r="LB29" s="404">
        <v>0</v>
      </c>
      <c r="LC29" s="345">
        <v>0</v>
      </c>
      <c r="LD29" s="345">
        <v>0</v>
      </c>
      <c r="LE29" s="345">
        <v>0</v>
      </c>
      <c r="LF29" s="345">
        <v>0</v>
      </c>
      <c r="LG29" s="345">
        <v>0</v>
      </c>
      <c r="LH29" s="349">
        <v>0</v>
      </c>
      <c r="LI29" s="350">
        <v>0</v>
      </c>
      <c r="LJ29" s="348">
        <v>0</v>
      </c>
      <c r="LK29" s="345">
        <v>0</v>
      </c>
      <c r="LL29" s="349">
        <v>0</v>
      </c>
      <c r="LM29" s="404">
        <v>0</v>
      </c>
      <c r="LN29" s="345">
        <v>0</v>
      </c>
      <c r="LO29" s="345">
        <v>0</v>
      </c>
      <c r="LP29" s="345">
        <v>0</v>
      </c>
      <c r="LQ29" s="345">
        <v>0</v>
      </c>
      <c r="LR29" s="345">
        <v>0</v>
      </c>
      <c r="LS29" s="349">
        <v>0</v>
      </c>
      <c r="LT29" s="347">
        <v>0</v>
      </c>
      <c r="LU29" s="348">
        <v>0</v>
      </c>
      <c r="LV29" s="345">
        <v>0</v>
      </c>
      <c r="LW29" s="349">
        <v>0</v>
      </c>
      <c r="LX29" s="404">
        <v>0</v>
      </c>
      <c r="LY29" s="345">
        <v>0</v>
      </c>
      <c r="LZ29" s="345">
        <v>0</v>
      </c>
      <c r="MA29" s="345">
        <v>0</v>
      </c>
      <c r="MB29" s="345">
        <v>0</v>
      </c>
      <c r="MC29" s="345">
        <v>0</v>
      </c>
      <c r="MD29" s="349">
        <v>0</v>
      </c>
      <c r="ME29" s="350">
        <v>0</v>
      </c>
      <c r="MF29" s="348">
        <v>0</v>
      </c>
      <c r="MG29" s="345">
        <v>0</v>
      </c>
      <c r="MH29" s="349">
        <v>0</v>
      </c>
      <c r="MI29" s="404">
        <v>0</v>
      </c>
      <c r="MJ29" s="345">
        <v>523820</v>
      </c>
      <c r="MK29" s="345">
        <v>261884</v>
      </c>
      <c r="ML29" s="345">
        <v>2255110</v>
      </c>
      <c r="MM29" s="345">
        <v>1901885</v>
      </c>
      <c r="MN29" s="345">
        <v>918854</v>
      </c>
      <c r="MO29" s="349">
        <v>5861553</v>
      </c>
      <c r="MP29" s="354">
        <v>5861553</v>
      </c>
      <c r="MQ29" s="348">
        <v>0</v>
      </c>
      <c r="MR29" s="345">
        <v>0</v>
      </c>
      <c r="MS29" s="349">
        <v>0</v>
      </c>
      <c r="MT29" s="404">
        <v>0</v>
      </c>
      <c r="MU29" s="345">
        <v>0</v>
      </c>
      <c r="MV29" s="345">
        <v>0</v>
      </c>
      <c r="MW29" s="345">
        <v>731755</v>
      </c>
      <c r="MX29" s="345">
        <v>912232</v>
      </c>
      <c r="MY29" s="345">
        <v>601757</v>
      </c>
      <c r="MZ29" s="349">
        <v>2245744</v>
      </c>
      <c r="NA29" s="354">
        <v>2245744</v>
      </c>
      <c r="NB29" s="348">
        <v>0</v>
      </c>
      <c r="NC29" s="345">
        <v>0</v>
      </c>
      <c r="ND29" s="349">
        <v>0</v>
      </c>
      <c r="NE29" s="404">
        <v>0</v>
      </c>
      <c r="NF29" s="345">
        <v>523820</v>
      </c>
      <c r="NG29" s="345">
        <v>261884</v>
      </c>
      <c r="NH29" s="345">
        <v>1523355</v>
      </c>
      <c r="NI29" s="345">
        <v>989653</v>
      </c>
      <c r="NJ29" s="345">
        <v>317097</v>
      </c>
      <c r="NK29" s="349">
        <v>3615809</v>
      </c>
      <c r="NL29" s="347">
        <v>3615809</v>
      </c>
      <c r="NM29" s="348">
        <v>0</v>
      </c>
      <c r="NN29" s="345">
        <v>0</v>
      </c>
      <c r="NO29" s="349">
        <v>0</v>
      </c>
      <c r="NP29" s="404">
        <v>0</v>
      </c>
      <c r="NQ29" s="345">
        <v>0</v>
      </c>
      <c r="NR29" s="345">
        <v>0</v>
      </c>
      <c r="NS29" s="345">
        <v>0</v>
      </c>
      <c r="NT29" s="345">
        <v>0</v>
      </c>
      <c r="NU29" s="345">
        <v>0</v>
      </c>
      <c r="NV29" s="349">
        <v>0</v>
      </c>
      <c r="NW29" s="350">
        <v>0</v>
      </c>
      <c r="NX29" s="348">
        <v>0</v>
      </c>
      <c r="NY29" s="345">
        <v>0</v>
      </c>
      <c r="NZ29" s="349">
        <v>0</v>
      </c>
      <c r="OA29" s="404">
        <v>0</v>
      </c>
      <c r="OB29" s="345">
        <v>0</v>
      </c>
      <c r="OC29" s="345">
        <v>0</v>
      </c>
      <c r="OD29" s="345">
        <v>0</v>
      </c>
      <c r="OE29" s="345">
        <v>0</v>
      </c>
      <c r="OF29" s="345">
        <v>0</v>
      </c>
      <c r="OG29" s="349">
        <v>0</v>
      </c>
      <c r="OH29" s="350">
        <v>0</v>
      </c>
      <c r="OI29" s="348">
        <v>160540</v>
      </c>
      <c r="OJ29" s="345">
        <v>61026</v>
      </c>
      <c r="OK29" s="346">
        <v>221566</v>
      </c>
      <c r="OL29" s="351">
        <v>0</v>
      </c>
      <c r="OM29" s="345">
        <v>3255645</v>
      </c>
      <c r="ON29" s="345">
        <v>2580056</v>
      </c>
      <c r="OO29" s="345">
        <v>5203567</v>
      </c>
      <c r="OP29" s="345">
        <v>4403300</v>
      </c>
      <c r="OQ29" s="345">
        <v>2025529</v>
      </c>
      <c r="OR29" s="349">
        <v>17468097</v>
      </c>
      <c r="OS29" s="354">
        <v>17689663</v>
      </c>
    </row>
    <row r="30" spans="2:409" s="70" customFormat="1" ht="21" customHeight="1" x14ac:dyDescent="0.2">
      <c r="B30" s="410" t="s">
        <v>25</v>
      </c>
      <c r="C30" s="326">
        <v>46264</v>
      </c>
      <c r="D30" s="327">
        <v>273173</v>
      </c>
      <c r="E30" s="328">
        <v>319437</v>
      </c>
      <c r="F30" s="329">
        <v>0</v>
      </c>
      <c r="G30" s="327">
        <v>959102</v>
      </c>
      <c r="H30" s="327">
        <v>1528464</v>
      </c>
      <c r="I30" s="327">
        <v>1439115</v>
      </c>
      <c r="J30" s="327">
        <v>1185263</v>
      </c>
      <c r="K30" s="327">
        <v>0</v>
      </c>
      <c r="L30" s="367">
        <v>5111944</v>
      </c>
      <c r="M30" s="330">
        <v>5431381</v>
      </c>
      <c r="N30" s="326">
        <v>7720</v>
      </c>
      <c r="O30" s="327">
        <v>51120</v>
      </c>
      <c r="P30" s="328">
        <v>58840</v>
      </c>
      <c r="Q30" s="326">
        <v>0</v>
      </c>
      <c r="R30" s="327">
        <v>270538</v>
      </c>
      <c r="S30" s="327">
        <v>632812</v>
      </c>
      <c r="T30" s="327">
        <v>404601</v>
      </c>
      <c r="U30" s="327">
        <v>368964</v>
      </c>
      <c r="V30" s="327">
        <v>0</v>
      </c>
      <c r="W30" s="328">
        <v>1676915</v>
      </c>
      <c r="X30" s="330">
        <v>1735755</v>
      </c>
      <c r="Y30" s="326">
        <v>0</v>
      </c>
      <c r="Z30" s="327">
        <v>0</v>
      </c>
      <c r="AA30" s="328">
        <v>0</v>
      </c>
      <c r="AB30" s="326">
        <v>0</v>
      </c>
      <c r="AC30" s="327">
        <v>76412</v>
      </c>
      <c r="AD30" s="327">
        <v>303122</v>
      </c>
      <c r="AE30" s="327">
        <v>99817</v>
      </c>
      <c r="AF30" s="327">
        <v>283804</v>
      </c>
      <c r="AG30" s="327">
        <v>0</v>
      </c>
      <c r="AH30" s="328">
        <v>763155</v>
      </c>
      <c r="AI30" s="330">
        <v>763155</v>
      </c>
      <c r="AJ30" s="326">
        <v>0</v>
      </c>
      <c r="AK30" s="327">
        <v>0</v>
      </c>
      <c r="AL30" s="328">
        <v>0</v>
      </c>
      <c r="AM30" s="326">
        <v>0</v>
      </c>
      <c r="AN30" s="327">
        <v>0</v>
      </c>
      <c r="AO30" s="327">
        <v>37004</v>
      </c>
      <c r="AP30" s="327">
        <v>108616</v>
      </c>
      <c r="AQ30" s="327">
        <v>0</v>
      </c>
      <c r="AR30" s="327">
        <v>0</v>
      </c>
      <c r="AS30" s="328">
        <v>145620</v>
      </c>
      <c r="AT30" s="330">
        <v>145620</v>
      </c>
      <c r="AU30" s="326">
        <v>7720</v>
      </c>
      <c r="AV30" s="327">
        <v>0</v>
      </c>
      <c r="AW30" s="328">
        <v>7720</v>
      </c>
      <c r="AX30" s="326">
        <v>0</v>
      </c>
      <c r="AY30" s="327">
        <v>137454</v>
      </c>
      <c r="AZ30" s="327">
        <v>245891</v>
      </c>
      <c r="BA30" s="327">
        <v>115033</v>
      </c>
      <c r="BB30" s="327">
        <v>0</v>
      </c>
      <c r="BC30" s="327">
        <v>0</v>
      </c>
      <c r="BD30" s="328">
        <v>498378</v>
      </c>
      <c r="BE30" s="330">
        <v>506098</v>
      </c>
      <c r="BF30" s="326">
        <v>0</v>
      </c>
      <c r="BG30" s="327">
        <v>20120</v>
      </c>
      <c r="BH30" s="331">
        <v>20120</v>
      </c>
      <c r="BI30" s="332">
        <v>0</v>
      </c>
      <c r="BJ30" s="327">
        <v>0</v>
      </c>
      <c r="BK30" s="327">
        <v>16331</v>
      </c>
      <c r="BL30" s="327">
        <v>28527</v>
      </c>
      <c r="BM30" s="327">
        <v>0</v>
      </c>
      <c r="BN30" s="327">
        <v>0</v>
      </c>
      <c r="BO30" s="328">
        <v>44858</v>
      </c>
      <c r="BP30" s="330">
        <v>64978</v>
      </c>
      <c r="BQ30" s="326">
        <v>0</v>
      </c>
      <c r="BR30" s="327">
        <v>31000</v>
      </c>
      <c r="BS30" s="328">
        <v>31000</v>
      </c>
      <c r="BT30" s="326">
        <v>0</v>
      </c>
      <c r="BU30" s="327">
        <v>56672</v>
      </c>
      <c r="BV30" s="327">
        <v>30464</v>
      </c>
      <c r="BW30" s="327">
        <v>52608</v>
      </c>
      <c r="BX30" s="327">
        <v>85160</v>
      </c>
      <c r="BY30" s="327">
        <v>0</v>
      </c>
      <c r="BZ30" s="328">
        <v>224904</v>
      </c>
      <c r="CA30" s="330">
        <v>255904</v>
      </c>
      <c r="CB30" s="326">
        <v>0</v>
      </c>
      <c r="CC30" s="327">
        <v>37819</v>
      </c>
      <c r="CD30" s="328">
        <v>37819</v>
      </c>
      <c r="CE30" s="326">
        <v>0</v>
      </c>
      <c r="CF30" s="327">
        <v>92317</v>
      </c>
      <c r="CG30" s="327">
        <v>399434</v>
      </c>
      <c r="CH30" s="327">
        <v>426515</v>
      </c>
      <c r="CI30" s="327">
        <v>62573</v>
      </c>
      <c r="CJ30" s="327">
        <v>0</v>
      </c>
      <c r="CK30" s="328">
        <v>980839</v>
      </c>
      <c r="CL30" s="330">
        <v>1018658</v>
      </c>
      <c r="CM30" s="326">
        <v>0</v>
      </c>
      <c r="CN30" s="327">
        <v>0</v>
      </c>
      <c r="CO30" s="328">
        <v>0</v>
      </c>
      <c r="CP30" s="332">
        <v>0</v>
      </c>
      <c r="CQ30" s="327">
        <v>92317</v>
      </c>
      <c r="CR30" s="327">
        <v>289243</v>
      </c>
      <c r="CS30" s="327">
        <v>252754</v>
      </c>
      <c r="CT30" s="327">
        <v>0</v>
      </c>
      <c r="CU30" s="327">
        <v>0</v>
      </c>
      <c r="CV30" s="328">
        <v>634314</v>
      </c>
      <c r="CW30" s="330">
        <v>634314</v>
      </c>
      <c r="CX30" s="326">
        <v>0</v>
      </c>
      <c r="CY30" s="327">
        <v>37819</v>
      </c>
      <c r="CZ30" s="328">
        <v>37819</v>
      </c>
      <c r="DA30" s="326">
        <v>0</v>
      </c>
      <c r="DB30" s="327">
        <v>0</v>
      </c>
      <c r="DC30" s="327">
        <v>110191</v>
      </c>
      <c r="DD30" s="327">
        <v>173761</v>
      </c>
      <c r="DE30" s="327">
        <v>62573</v>
      </c>
      <c r="DF30" s="327">
        <v>0</v>
      </c>
      <c r="DG30" s="328">
        <v>346525</v>
      </c>
      <c r="DH30" s="330">
        <v>384344</v>
      </c>
      <c r="DI30" s="326">
        <v>0</v>
      </c>
      <c r="DJ30" s="327">
        <v>0</v>
      </c>
      <c r="DK30" s="331">
        <v>0</v>
      </c>
      <c r="DL30" s="332">
        <v>0</v>
      </c>
      <c r="DM30" s="327">
        <v>-54897</v>
      </c>
      <c r="DN30" s="327">
        <v>156538</v>
      </c>
      <c r="DO30" s="327">
        <v>0</v>
      </c>
      <c r="DP30" s="327">
        <v>50783</v>
      </c>
      <c r="DQ30" s="327">
        <v>0</v>
      </c>
      <c r="DR30" s="328">
        <v>152424</v>
      </c>
      <c r="DS30" s="330">
        <v>152424</v>
      </c>
      <c r="DT30" s="326">
        <v>0</v>
      </c>
      <c r="DU30" s="327">
        <v>0</v>
      </c>
      <c r="DV30" s="328">
        <v>0</v>
      </c>
      <c r="DW30" s="326">
        <v>0</v>
      </c>
      <c r="DX30" s="327">
        <v>-54897</v>
      </c>
      <c r="DY30" s="327">
        <v>105744</v>
      </c>
      <c r="DZ30" s="327">
        <v>0</v>
      </c>
      <c r="EA30" s="327">
        <v>50783</v>
      </c>
      <c r="EB30" s="327">
        <v>0</v>
      </c>
      <c r="EC30" s="328">
        <v>101630</v>
      </c>
      <c r="ED30" s="330">
        <v>101630</v>
      </c>
      <c r="EE30" s="326">
        <v>0</v>
      </c>
      <c r="EF30" s="331">
        <v>0</v>
      </c>
      <c r="EG30" s="328">
        <v>0</v>
      </c>
      <c r="EH30" s="326">
        <v>0</v>
      </c>
      <c r="EI30" s="327">
        <v>0</v>
      </c>
      <c r="EJ30" s="327">
        <v>50794</v>
      </c>
      <c r="EK30" s="327">
        <v>0</v>
      </c>
      <c r="EL30" s="327">
        <v>0</v>
      </c>
      <c r="EM30" s="327">
        <v>0</v>
      </c>
      <c r="EN30" s="331">
        <v>50794</v>
      </c>
      <c r="EO30" s="330">
        <v>50794</v>
      </c>
      <c r="EP30" s="326">
        <v>0</v>
      </c>
      <c r="EQ30" s="327">
        <v>0</v>
      </c>
      <c r="ER30" s="331">
        <v>0</v>
      </c>
      <c r="ES30" s="332">
        <v>0</v>
      </c>
      <c r="ET30" s="327">
        <v>0</v>
      </c>
      <c r="EU30" s="327">
        <v>0</v>
      </c>
      <c r="EV30" s="327">
        <v>0</v>
      </c>
      <c r="EW30" s="327">
        <v>0</v>
      </c>
      <c r="EX30" s="327">
        <v>0</v>
      </c>
      <c r="EY30" s="328">
        <v>0</v>
      </c>
      <c r="EZ30" s="330">
        <v>0</v>
      </c>
      <c r="FA30" s="326">
        <v>0</v>
      </c>
      <c r="FB30" s="327">
        <v>0</v>
      </c>
      <c r="FC30" s="331">
        <v>0</v>
      </c>
      <c r="FD30" s="332">
        <v>0</v>
      </c>
      <c r="FE30" s="327">
        <v>0</v>
      </c>
      <c r="FF30" s="327">
        <v>0</v>
      </c>
      <c r="FG30" s="327">
        <v>0</v>
      </c>
      <c r="FH30" s="327">
        <v>0</v>
      </c>
      <c r="FI30" s="327">
        <v>0</v>
      </c>
      <c r="FJ30" s="328">
        <v>0</v>
      </c>
      <c r="FK30" s="330">
        <v>0</v>
      </c>
      <c r="FL30" s="326">
        <v>38544</v>
      </c>
      <c r="FM30" s="327">
        <v>90536</v>
      </c>
      <c r="FN30" s="328">
        <v>129080</v>
      </c>
      <c r="FO30" s="326">
        <v>0</v>
      </c>
      <c r="FP30" s="327">
        <v>1400</v>
      </c>
      <c r="FQ30" s="327">
        <v>339680</v>
      </c>
      <c r="FR30" s="327">
        <v>225784</v>
      </c>
      <c r="FS30" s="327">
        <v>36080</v>
      </c>
      <c r="FT30" s="327">
        <v>0</v>
      </c>
      <c r="FU30" s="328">
        <v>602944</v>
      </c>
      <c r="FV30" s="330">
        <v>732024</v>
      </c>
      <c r="FW30" s="333">
        <v>38544</v>
      </c>
      <c r="FX30" s="327">
        <v>90536</v>
      </c>
      <c r="FY30" s="331">
        <v>129080</v>
      </c>
      <c r="FZ30" s="332">
        <v>0</v>
      </c>
      <c r="GA30" s="327">
        <v>1400</v>
      </c>
      <c r="GB30" s="327">
        <v>179680</v>
      </c>
      <c r="GC30" s="327">
        <v>113784</v>
      </c>
      <c r="GD30" s="327">
        <v>36080</v>
      </c>
      <c r="GE30" s="327">
        <v>0</v>
      </c>
      <c r="GF30" s="328">
        <v>330944</v>
      </c>
      <c r="GG30" s="334">
        <v>460024</v>
      </c>
      <c r="GH30" s="333">
        <v>0</v>
      </c>
      <c r="GI30" s="327">
        <v>0</v>
      </c>
      <c r="GJ30" s="331">
        <v>0</v>
      </c>
      <c r="GK30" s="332">
        <v>0</v>
      </c>
      <c r="GL30" s="327">
        <v>0</v>
      </c>
      <c r="GM30" s="327">
        <v>0</v>
      </c>
      <c r="GN30" s="327">
        <v>0</v>
      </c>
      <c r="GO30" s="327">
        <v>0</v>
      </c>
      <c r="GP30" s="327">
        <v>0</v>
      </c>
      <c r="GQ30" s="328">
        <v>0</v>
      </c>
      <c r="GR30" s="330">
        <v>0</v>
      </c>
      <c r="GS30" s="326">
        <v>0</v>
      </c>
      <c r="GT30" s="327">
        <v>0</v>
      </c>
      <c r="GU30" s="328">
        <v>0</v>
      </c>
      <c r="GV30" s="326">
        <v>0</v>
      </c>
      <c r="GW30" s="327">
        <v>0</v>
      </c>
      <c r="GX30" s="327">
        <v>160000</v>
      </c>
      <c r="GY30" s="327">
        <v>112000</v>
      </c>
      <c r="GZ30" s="327">
        <v>0</v>
      </c>
      <c r="HA30" s="327">
        <v>0</v>
      </c>
      <c r="HB30" s="331">
        <v>272000</v>
      </c>
      <c r="HC30" s="330">
        <v>272000</v>
      </c>
      <c r="HD30" s="326">
        <v>0</v>
      </c>
      <c r="HE30" s="327">
        <v>93698</v>
      </c>
      <c r="HF30" s="331">
        <v>93698</v>
      </c>
      <c r="HG30" s="332">
        <v>0</v>
      </c>
      <c r="HH30" s="327">
        <v>649744</v>
      </c>
      <c r="HI30" s="327">
        <v>0</v>
      </c>
      <c r="HJ30" s="327">
        <v>382215</v>
      </c>
      <c r="HK30" s="327">
        <v>666863</v>
      </c>
      <c r="HL30" s="327">
        <v>0</v>
      </c>
      <c r="HM30" s="328">
        <v>1698822</v>
      </c>
      <c r="HN30" s="329">
        <v>1792520</v>
      </c>
      <c r="HO30" s="333">
        <v>0</v>
      </c>
      <c r="HP30" s="327">
        <v>0</v>
      </c>
      <c r="HQ30" s="328">
        <v>0</v>
      </c>
      <c r="HR30" s="326">
        <v>0</v>
      </c>
      <c r="HS30" s="327">
        <v>0</v>
      </c>
      <c r="HT30" s="327">
        <v>0</v>
      </c>
      <c r="HU30" s="327">
        <v>0</v>
      </c>
      <c r="HV30" s="327">
        <v>0</v>
      </c>
      <c r="HW30" s="327">
        <v>0</v>
      </c>
      <c r="HX30" s="331">
        <v>0</v>
      </c>
      <c r="HY30" s="330">
        <v>0</v>
      </c>
      <c r="HZ30" s="358">
        <v>0</v>
      </c>
      <c r="IA30" s="356">
        <v>76567</v>
      </c>
      <c r="IB30" s="358">
        <v>76567</v>
      </c>
      <c r="IC30" s="355">
        <v>0</v>
      </c>
      <c r="ID30" s="356">
        <v>78934</v>
      </c>
      <c r="IE30" s="357">
        <v>52382</v>
      </c>
      <c r="IF30" s="358">
        <v>91147</v>
      </c>
      <c r="IG30" s="356">
        <v>0</v>
      </c>
      <c r="IH30" s="358">
        <v>0</v>
      </c>
      <c r="II30" s="359">
        <v>222463</v>
      </c>
      <c r="IJ30" s="358">
        <v>299030</v>
      </c>
      <c r="IK30" s="342">
        <v>0</v>
      </c>
      <c r="IL30" s="343">
        <v>0</v>
      </c>
      <c r="IM30" s="344">
        <v>0</v>
      </c>
      <c r="IN30" s="404">
        <v>0</v>
      </c>
      <c r="IO30" s="345">
        <v>0</v>
      </c>
      <c r="IP30" s="345">
        <v>0</v>
      </c>
      <c r="IQ30" s="345">
        <v>0</v>
      </c>
      <c r="IR30" s="345">
        <v>0</v>
      </c>
      <c r="IS30" s="345">
        <v>0</v>
      </c>
      <c r="IT30" s="346">
        <v>0</v>
      </c>
      <c r="IU30" s="347">
        <v>0</v>
      </c>
      <c r="IV30" s="348">
        <v>0</v>
      </c>
      <c r="IW30" s="345">
        <v>0</v>
      </c>
      <c r="IX30" s="349">
        <v>0</v>
      </c>
      <c r="IY30" s="404">
        <v>0</v>
      </c>
      <c r="IZ30" s="345">
        <v>0</v>
      </c>
      <c r="JA30" s="345">
        <v>0</v>
      </c>
      <c r="JB30" s="345">
        <v>0</v>
      </c>
      <c r="JC30" s="345">
        <v>0</v>
      </c>
      <c r="JD30" s="345">
        <v>0</v>
      </c>
      <c r="JE30" s="349">
        <v>0</v>
      </c>
      <c r="JF30" s="350">
        <v>0</v>
      </c>
      <c r="JG30" s="348">
        <v>0</v>
      </c>
      <c r="JH30" s="345">
        <v>0</v>
      </c>
      <c r="JI30" s="346">
        <v>0</v>
      </c>
      <c r="JJ30" s="351">
        <v>0</v>
      </c>
      <c r="JK30" s="345">
        <v>78934</v>
      </c>
      <c r="JL30" s="345">
        <v>52382</v>
      </c>
      <c r="JM30" s="345">
        <v>91147</v>
      </c>
      <c r="JN30" s="345">
        <v>0</v>
      </c>
      <c r="JO30" s="345">
        <v>0</v>
      </c>
      <c r="JP30" s="349">
        <v>222463</v>
      </c>
      <c r="JQ30" s="347">
        <v>222463</v>
      </c>
      <c r="JR30" s="348">
        <v>0</v>
      </c>
      <c r="JS30" s="345">
        <v>0</v>
      </c>
      <c r="JT30" s="346">
        <v>0</v>
      </c>
      <c r="JU30" s="351">
        <v>0</v>
      </c>
      <c r="JV30" s="345">
        <v>0</v>
      </c>
      <c r="JW30" s="345">
        <v>0</v>
      </c>
      <c r="JX30" s="345">
        <v>0</v>
      </c>
      <c r="JY30" s="345">
        <v>0</v>
      </c>
      <c r="JZ30" s="345">
        <v>0</v>
      </c>
      <c r="KA30" s="349">
        <v>0</v>
      </c>
      <c r="KB30" s="347">
        <v>0</v>
      </c>
      <c r="KC30" s="352">
        <v>0</v>
      </c>
      <c r="KD30" s="353">
        <v>76567</v>
      </c>
      <c r="KE30" s="349">
        <v>76567</v>
      </c>
      <c r="KF30" s="351">
        <v>0</v>
      </c>
      <c r="KG30" s="345">
        <v>0</v>
      </c>
      <c r="KH30" s="345">
        <v>0</v>
      </c>
      <c r="KI30" s="345">
        <v>0</v>
      </c>
      <c r="KJ30" s="345">
        <v>0</v>
      </c>
      <c r="KK30" s="345">
        <v>0</v>
      </c>
      <c r="KL30" s="349">
        <v>0</v>
      </c>
      <c r="KM30" s="354">
        <v>76567</v>
      </c>
      <c r="KN30" s="342">
        <v>0</v>
      </c>
      <c r="KO30" s="343">
        <v>0</v>
      </c>
      <c r="KP30" s="344">
        <v>0</v>
      </c>
      <c r="KQ30" s="404">
        <v>0</v>
      </c>
      <c r="KR30" s="345">
        <v>0</v>
      </c>
      <c r="KS30" s="345">
        <v>0</v>
      </c>
      <c r="KT30" s="345">
        <v>0</v>
      </c>
      <c r="KU30" s="345">
        <v>0</v>
      </c>
      <c r="KV30" s="345">
        <v>0</v>
      </c>
      <c r="KW30" s="349">
        <v>0</v>
      </c>
      <c r="KX30" s="347">
        <v>0</v>
      </c>
      <c r="KY30" s="348">
        <v>0</v>
      </c>
      <c r="KZ30" s="345">
        <v>0</v>
      </c>
      <c r="LA30" s="349">
        <v>0</v>
      </c>
      <c r="LB30" s="404">
        <v>0</v>
      </c>
      <c r="LC30" s="345">
        <v>0</v>
      </c>
      <c r="LD30" s="345">
        <v>0</v>
      </c>
      <c r="LE30" s="345">
        <v>0</v>
      </c>
      <c r="LF30" s="345">
        <v>0</v>
      </c>
      <c r="LG30" s="345">
        <v>0</v>
      </c>
      <c r="LH30" s="349">
        <v>0</v>
      </c>
      <c r="LI30" s="350">
        <v>0</v>
      </c>
      <c r="LJ30" s="348">
        <v>0</v>
      </c>
      <c r="LK30" s="345">
        <v>0</v>
      </c>
      <c r="LL30" s="349">
        <v>0</v>
      </c>
      <c r="LM30" s="404">
        <v>0</v>
      </c>
      <c r="LN30" s="345">
        <v>0</v>
      </c>
      <c r="LO30" s="345">
        <v>0</v>
      </c>
      <c r="LP30" s="345">
        <v>0</v>
      </c>
      <c r="LQ30" s="345">
        <v>0</v>
      </c>
      <c r="LR30" s="345">
        <v>0</v>
      </c>
      <c r="LS30" s="349">
        <v>0</v>
      </c>
      <c r="LT30" s="347">
        <v>0</v>
      </c>
      <c r="LU30" s="348">
        <v>0</v>
      </c>
      <c r="LV30" s="345">
        <v>0</v>
      </c>
      <c r="LW30" s="349">
        <v>0</v>
      </c>
      <c r="LX30" s="404">
        <v>0</v>
      </c>
      <c r="LY30" s="345">
        <v>0</v>
      </c>
      <c r="LZ30" s="345">
        <v>0</v>
      </c>
      <c r="MA30" s="345">
        <v>0</v>
      </c>
      <c r="MB30" s="345">
        <v>0</v>
      </c>
      <c r="MC30" s="345">
        <v>0</v>
      </c>
      <c r="MD30" s="349">
        <v>0</v>
      </c>
      <c r="ME30" s="350">
        <v>0</v>
      </c>
      <c r="MF30" s="348">
        <v>0</v>
      </c>
      <c r="MG30" s="345">
        <v>0</v>
      </c>
      <c r="MH30" s="349">
        <v>0</v>
      </c>
      <c r="MI30" s="404">
        <v>0</v>
      </c>
      <c r="MJ30" s="345">
        <v>933935</v>
      </c>
      <c r="MK30" s="345">
        <v>247212</v>
      </c>
      <c r="ML30" s="345">
        <v>1056591</v>
      </c>
      <c r="MM30" s="345">
        <v>604878</v>
      </c>
      <c r="MN30" s="345">
        <v>597454</v>
      </c>
      <c r="MO30" s="349">
        <v>3440070</v>
      </c>
      <c r="MP30" s="354">
        <v>3440070</v>
      </c>
      <c r="MQ30" s="348">
        <v>0</v>
      </c>
      <c r="MR30" s="345">
        <v>0</v>
      </c>
      <c r="MS30" s="349">
        <v>0</v>
      </c>
      <c r="MT30" s="404">
        <v>0</v>
      </c>
      <c r="MU30" s="345">
        <v>400912</v>
      </c>
      <c r="MV30" s="345">
        <v>0</v>
      </c>
      <c r="MW30" s="345">
        <v>866719</v>
      </c>
      <c r="MX30" s="345">
        <v>263381</v>
      </c>
      <c r="MY30" s="345">
        <v>275896</v>
      </c>
      <c r="MZ30" s="349">
        <v>1806908</v>
      </c>
      <c r="NA30" s="354">
        <v>1806908</v>
      </c>
      <c r="NB30" s="348">
        <v>0</v>
      </c>
      <c r="NC30" s="345">
        <v>0</v>
      </c>
      <c r="ND30" s="349">
        <v>0</v>
      </c>
      <c r="NE30" s="404">
        <v>0</v>
      </c>
      <c r="NF30" s="345">
        <v>533023</v>
      </c>
      <c r="NG30" s="345">
        <v>247212</v>
      </c>
      <c r="NH30" s="345">
        <v>189872</v>
      </c>
      <c r="NI30" s="345">
        <v>341497</v>
      </c>
      <c r="NJ30" s="345">
        <v>321558</v>
      </c>
      <c r="NK30" s="349">
        <v>1633162</v>
      </c>
      <c r="NL30" s="347">
        <v>1633162</v>
      </c>
      <c r="NM30" s="348">
        <v>0</v>
      </c>
      <c r="NN30" s="345">
        <v>0</v>
      </c>
      <c r="NO30" s="349">
        <v>0</v>
      </c>
      <c r="NP30" s="404">
        <v>0</v>
      </c>
      <c r="NQ30" s="345">
        <v>0</v>
      </c>
      <c r="NR30" s="345">
        <v>0</v>
      </c>
      <c r="NS30" s="345">
        <v>0</v>
      </c>
      <c r="NT30" s="345">
        <v>0</v>
      </c>
      <c r="NU30" s="345">
        <v>0</v>
      </c>
      <c r="NV30" s="349">
        <v>0</v>
      </c>
      <c r="NW30" s="350">
        <v>0</v>
      </c>
      <c r="NX30" s="348">
        <v>0</v>
      </c>
      <c r="NY30" s="345">
        <v>0</v>
      </c>
      <c r="NZ30" s="349">
        <v>0</v>
      </c>
      <c r="OA30" s="404">
        <v>0</v>
      </c>
      <c r="OB30" s="345">
        <v>0</v>
      </c>
      <c r="OC30" s="345">
        <v>0</v>
      </c>
      <c r="OD30" s="345">
        <v>0</v>
      </c>
      <c r="OE30" s="345">
        <v>0</v>
      </c>
      <c r="OF30" s="345">
        <v>0</v>
      </c>
      <c r="OG30" s="349">
        <v>0</v>
      </c>
      <c r="OH30" s="350">
        <v>0</v>
      </c>
      <c r="OI30" s="348">
        <v>46264</v>
      </c>
      <c r="OJ30" s="345">
        <v>349740</v>
      </c>
      <c r="OK30" s="346">
        <v>396004</v>
      </c>
      <c r="OL30" s="351">
        <v>0</v>
      </c>
      <c r="OM30" s="345">
        <v>1971971</v>
      </c>
      <c r="ON30" s="345">
        <v>1828058</v>
      </c>
      <c r="OO30" s="345">
        <v>2586853</v>
      </c>
      <c r="OP30" s="345">
        <v>1790141</v>
      </c>
      <c r="OQ30" s="345">
        <v>597454</v>
      </c>
      <c r="OR30" s="349">
        <v>8774477</v>
      </c>
      <c r="OS30" s="354">
        <v>9170481</v>
      </c>
    </row>
    <row r="31" spans="2:409" s="70" customFormat="1" ht="21" customHeight="1" x14ac:dyDescent="0.2">
      <c r="B31" s="410" t="s">
        <v>26</v>
      </c>
      <c r="C31" s="326">
        <v>74584</v>
      </c>
      <c r="D31" s="327">
        <v>219761</v>
      </c>
      <c r="E31" s="328">
        <v>294345</v>
      </c>
      <c r="F31" s="329">
        <v>0</v>
      </c>
      <c r="G31" s="327">
        <v>1832503</v>
      </c>
      <c r="H31" s="327">
        <v>1725159</v>
      </c>
      <c r="I31" s="327">
        <v>1392318</v>
      </c>
      <c r="J31" s="327">
        <v>1407778</v>
      </c>
      <c r="K31" s="327">
        <v>998622</v>
      </c>
      <c r="L31" s="367">
        <v>7356380</v>
      </c>
      <c r="M31" s="330">
        <v>7650725</v>
      </c>
      <c r="N31" s="326">
        <v>31504</v>
      </c>
      <c r="O31" s="327">
        <v>72487</v>
      </c>
      <c r="P31" s="328">
        <v>103991</v>
      </c>
      <c r="Q31" s="326">
        <v>0</v>
      </c>
      <c r="R31" s="327">
        <v>688951</v>
      </c>
      <c r="S31" s="327">
        <v>597266</v>
      </c>
      <c r="T31" s="327">
        <v>464325</v>
      </c>
      <c r="U31" s="327">
        <v>762566</v>
      </c>
      <c r="V31" s="327">
        <v>677142</v>
      </c>
      <c r="W31" s="328">
        <v>3190250</v>
      </c>
      <c r="X31" s="330">
        <v>3294241</v>
      </c>
      <c r="Y31" s="326">
        <v>0</v>
      </c>
      <c r="Z31" s="327">
        <v>0</v>
      </c>
      <c r="AA31" s="328">
        <v>0</v>
      </c>
      <c r="AB31" s="326">
        <v>0</v>
      </c>
      <c r="AC31" s="327">
        <v>370448</v>
      </c>
      <c r="AD31" s="327">
        <v>216449</v>
      </c>
      <c r="AE31" s="327">
        <v>273473</v>
      </c>
      <c r="AF31" s="327">
        <v>331467</v>
      </c>
      <c r="AG31" s="327">
        <v>366456</v>
      </c>
      <c r="AH31" s="328">
        <v>1558293</v>
      </c>
      <c r="AI31" s="330">
        <v>1558293</v>
      </c>
      <c r="AJ31" s="326">
        <v>0</v>
      </c>
      <c r="AK31" s="327">
        <v>0</v>
      </c>
      <c r="AL31" s="328">
        <v>0</v>
      </c>
      <c r="AM31" s="326">
        <v>0</v>
      </c>
      <c r="AN31" s="327">
        <v>0</v>
      </c>
      <c r="AO31" s="327">
        <v>0</v>
      </c>
      <c r="AP31" s="327">
        <v>0</v>
      </c>
      <c r="AQ31" s="327">
        <v>106700</v>
      </c>
      <c r="AR31" s="327">
        <v>59277</v>
      </c>
      <c r="AS31" s="328">
        <v>165977</v>
      </c>
      <c r="AT31" s="330">
        <v>165977</v>
      </c>
      <c r="AU31" s="326">
        <v>20872</v>
      </c>
      <c r="AV31" s="327">
        <v>67015</v>
      </c>
      <c r="AW31" s="328">
        <v>87887</v>
      </c>
      <c r="AX31" s="326">
        <v>0</v>
      </c>
      <c r="AY31" s="327">
        <v>247999</v>
      </c>
      <c r="AZ31" s="327">
        <v>344369</v>
      </c>
      <c r="BA31" s="327">
        <v>102156</v>
      </c>
      <c r="BB31" s="327">
        <v>257239</v>
      </c>
      <c r="BC31" s="327">
        <v>199249</v>
      </c>
      <c r="BD31" s="328">
        <v>1151012</v>
      </c>
      <c r="BE31" s="330">
        <v>1238899</v>
      </c>
      <c r="BF31" s="326">
        <v>0</v>
      </c>
      <c r="BG31" s="327">
        <v>0</v>
      </c>
      <c r="BH31" s="331">
        <v>0</v>
      </c>
      <c r="BI31" s="332">
        <v>0</v>
      </c>
      <c r="BJ31" s="327">
        <v>0</v>
      </c>
      <c r="BK31" s="327">
        <v>0</v>
      </c>
      <c r="BL31" s="327">
        <v>0</v>
      </c>
      <c r="BM31" s="327">
        <v>0</v>
      </c>
      <c r="BN31" s="327">
        <v>0</v>
      </c>
      <c r="BO31" s="328">
        <v>0</v>
      </c>
      <c r="BP31" s="330">
        <v>0</v>
      </c>
      <c r="BQ31" s="326">
        <v>10632</v>
      </c>
      <c r="BR31" s="327">
        <v>5472</v>
      </c>
      <c r="BS31" s="328">
        <v>16104</v>
      </c>
      <c r="BT31" s="326">
        <v>0</v>
      </c>
      <c r="BU31" s="327">
        <v>70504</v>
      </c>
      <c r="BV31" s="327">
        <v>36448</v>
      </c>
      <c r="BW31" s="327">
        <v>88696</v>
      </c>
      <c r="BX31" s="327">
        <v>67160</v>
      </c>
      <c r="BY31" s="327">
        <v>52160</v>
      </c>
      <c r="BZ31" s="328">
        <v>314968</v>
      </c>
      <c r="CA31" s="330">
        <v>331072</v>
      </c>
      <c r="CB31" s="326">
        <v>0</v>
      </c>
      <c r="CC31" s="327">
        <v>0</v>
      </c>
      <c r="CD31" s="328">
        <v>0</v>
      </c>
      <c r="CE31" s="326">
        <v>0</v>
      </c>
      <c r="CF31" s="327">
        <v>409800</v>
      </c>
      <c r="CG31" s="327">
        <v>486886</v>
      </c>
      <c r="CH31" s="327">
        <v>404548</v>
      </c>
      <c r="CI31" s="327">
        <v>171079</v>
      </c>
      <c r="CJ31" s="327">
        <v>0</v>
      </c>
      <c r="CK31" s="328">
        <v>1472313</v>
      </c>
      <c r="CL31" s="330">
        <v>1472313</v>
      </c>
      <c r="CM31" s="326">
        <v>0</v>
      </c>
      <c r="CN31" s="327">
        <v>0</v>
      </c>
      <c r="CO31" s="328">
        <v>0</v>
      </c>
      <c r="CP31" s="332">
        <v>0</v>
      </c>
      <c r="CQ31" s="327">
        <v>339532</v>
      </c>
      <c r="CR31" s="327">
        <v>368738</v>
      </c>
      <c r="CS31" s="327">
        <v>313918</v>
      </c>
      <c r="CT31" s="327">
        <v>102116</v>
      </c>
      <c r="CU31" s="327">
        <v>0</v>
      </c>
      <c r="CV31" s="328">
        <v>1124304</v>
      </c>
      <c r="CW31" s="330">
        <v>1124304</v>
      </c>
      <c r="CX31" s="326">
        <v>0</v>
      </c>
      <c r="CY31" s="327">
        <v>0</v>
      </c>
      <c r="CZ31" s="328">
        <v>0</v>
      </c>
      <c r="DA31" s="326">
        <v>0</v>
      </c>
      <c r="DB31" s="327">
        <v>70268</v>
      </c>
      <c r="DC31" s="327">
        <v>118148</v>
      </c>
      <c r="DD31" s="327">
        <v>90630</v>
      </c>
      <c r="DE31" s="327">
        <v>68963</v>
      </c>
      <c r="DF31" s="327">
        <v>0</v>
      </c>
      <c r="DG31" s="328">
        <v>348009</v>
      </c>
      <c r="DH31" s="330">
        <v>348009</v>
      </c>
      <c r="DI31" s="326">
        <v>0</v>
      </c>
      <c r="DJ31" s="327">
        <v>0</v>
      </c>
      <c r="DK31" s="331">
        <v>0</v>
      </c>
      <c r="DL31" s="332">
        <v>0</v>
      </c>
      <c r="DM31" s="327">
        <v>149959</v>
      </c>
      <c r="DN31" s="327">
        <v>101234</v>
      </c>
      <c r="DO31" s="327">
        <v>0</v>
      </c>
      <c r="DP31" s="327">
        <v>99221</v>
      </c>
      <c r="DQ31" s="327">
        <v>0</v>
      </c>
      <c r="DR31" s="328">
        <v>350414</v>
      </c>
      <c r="DS31" s="330">
        <v>350414</v>
      </c>
      <c r="DT31" s="326">
        <v>0</v>
      </c>
      <c r="DU31" s="327">
        <v>0</v>
      </c>
      <c r="DV31" s="328">
        <v>0</v>
      </c>
      <c r="DW31" s="326">
        <v>0</v>
      </c>
      <c r="DX31" s="327">
        <v>149959</v>
      </c>
      <c r="DY31" s="327">
        <v>101234</v>
      </c>
      <c r="DZ31" s="327">
        <v>0</v>
      </c>
      <c r="EA31" s="327">
        <v>43600</v>
      </c>
      <c r="EB31" s="327">
        <v>0</v>
      </c>
      <c r="EC31" s="328">
        <v>294793</v>
      </c>
      <c r="ED31" s="330">
        <v>294793</v>
      </c>
      <c r="EE31" s="326">
        <v>0</v>
      </c>
      <c r="EF31" s="331">
        <v>0</v>
      </c>
      <c r="EG31" s="328">
        <v>0</v>
      </c>
      <c r="EH31" s="326">
        <v>0</v>
      </c>
      <c r="EI31" s="327">
        <v>0</v>
      </c>
      <c r="EJ31" s="327">
        <v>0</v>
      </c>
      <c r="EK31" s="327">
        <v>0</v>
      </c>
      <c r="EL31" s="327">
        <v>55621</v>
      </c>
      <c r="EM31" s="327">
        <v>0</v>
      </c>
      <c r="EN31" s="331">
        <v>55621</v>
      </c>
      <c r="EO31" s="330">
        <v>55621</v>
      </c>
      <c r="EP31" s="326">
        <v>0</v>
      </c>
      <c r="EQ31" s="327">
        <v>0</v>
      </c>
      <c r="ER31" s="331">
        <v>0</v>
      </c>
      <c r="ES31" s="332">
        <v>0</v>
      </c>
      <c r="ET31" s="327">
        <v>0</v>
      </c>
      <c r="EU31" s="327">
        <v>0</v>
      </c>
      <c r="EV31" s="327">
        <v>0</v>
      </c>
      <c r="EW31" s="327">
        <v>0</v>
      </c>
      <c r="EX31" s="327">
        <v>0</v>
      </c>
      <c r="EY31" s="328">
        <v>0</v>
      </c>
      <c r="EZ31" s="330">
        <v>0</v>
      </c>
      <c r="FA31" s="326">
        <v>0</v>
      </c>
      <c r="FB31" s="327">
        <v>0</v>
      </c>
      <c r="FC31" s="331">
        <v>0</v>
      </c>
      <c r="FD31" s="332">
        <v>0</v>
      </c>
      <c r="FE31" s="327">
        <v>0</v>
      </c>
      <c r="FF31" s="327">
        <v>0</v>
      </c>
      <c r="FG31" s="327">
        <v>0</v>
      </c>
      <c r="FH31" s="327">
        <v>0</v>
      </c>
      <c r="FI31" s="327">
        <v>0</v>
      </c>
      <c r="FJ31" s="328">
        <v>0</v>
      </c>
      <c r="FK31" s="330">
        <v>0</v>
      </c>
      <c r="FL31" s="326">
        <v>43080</v>
      </c>
      <c r="FM31" s="327">
        <v>45968</v>
      </c>
      <c r="FN31" s="328">
        <v>89048</v>
      </c>
      <c r="FO31" s="326">
        <v>0</v>
      </c>
      <c r="FP31" s="327">
        <v>89760</v>
      </c>
      <c r="FQ31" s="327">
        <v>180464</v>
      </c>
      <c r="FR31" s="327">
        <v>121000</v>
      </c>
      <c r="FS31" s="327">
        <v>157544</v>
      </c>
      <c r="FT31" s="327">
        <v>77368</v>
      </c>
      <c r="FU31" s="328">
        <v>626136</v>
      </c>
      <c r="FV31" s="330">
        <v>715184</v>
      </c>
      <c r="FW31" s="333">
        <v>43080</v>
      </c>
      <c r="FX31" s="327">
        <v>45968</v>
      </c>
      <c r="FY31" s="331">
        <v>89048</v>
      </c>
      <c r="FZ31" s="332">
        <v>0</v>
      </c>
      <c r="GA31" s="327">
        <v>89760</v>
      </c>
      <c r="GB31" s="327">
        <v>180464</v>
      </c>
      <c r="GC31" s="327">
        <v>121000</v>
      </c>
      <c r="GD31" s="327">
        <v>157544</v>
      </c>
      <c r="GE31" s="327">
        <v>77368</v>
      </c>
      <c r="GF31" s="328">
        <v>626136</v>
      </c>
      <c r="GG31" s="334">
        <v>715184</v>
      </c>
      <c r="GH31" s="333">
        <v>0</v>
      </c>
      <c r="GI31" s="327">
        <v>0</v>
      </c>
      <c r="GJ31" s="331">
        <v>0</v>
      </c>
      <c r="GK31" s="332">
        <v>0</v>
      </c>
      <c r="GL31" s="327">
        <v>0</v>
      </c>
      <c r="GM31" s="327">
        <v>0</v>
      </c>
      <c r="GN31" s="327">
        <v>0</v>
      </c>
      <c r="GO31" s="327">
        <v>0</v>
      </c>
      <c r="GP31" s="327">
        <v>0</v>
      </c>
      <c r="GQ31" s="328">
        <v>0</v>
      </c>
      <c r="GR31" s="330">
        <v>0</v>
      </c>
      <c r="GS31" s="326">
        <v>0</v>
      </c>
      <c r="GT31" s="327">
        <v>0</v>
      </c>
      <c r="GU31" s="328">
        <v>0</v>
      </c>
      <c r="GV31" s="326">
        <v>0</v>
      </c>
      <c r="GW31" s="327">
        <v>0</v>
      </c>
      <c r="GX31" s="327">
        <v>0</v>
      </c>
      <c r="GY31" s="327">
        <v>0</v>
      </c>
      <c r="GZ31" s="327">
        <v>0</v>
      </c>
      <c r="HA31" s="327">
        <v>0</v>
      </c>
      <c r="HB31" s="331">
        <v>0</v>
      </c>
      <c r="HC31" s="330">
        <v>0</v>
      </c>
      <c r="HD31" s="326">
        <v>0</v>
      </c>
      <c r="HE31" s="327">
        <v>101306</v>
      </c>
      <c r="HF31" s="331">
        <v>101306</v>
      </c>
      <c r="HG31" s="332">
        <v>0</v>
      </c>
      <c r="HH31" s="327">
        <v>494033</v>
      </c>
      <c r="HI31" s="327">
        <v>359309</v>
      </c>
      <c r="HJ31" s="327">
        <v>402445</v>
      </c>
      <c r="HK31" s="327">
        <v>217368</v>
      </c>
      <c r="HL31" s="327">
        <v>244112</v>
      </c>
      <c r="HM31" s="328">
        <v>1717267</v>
      </c>
      <c r="HN31" s="329">
        <v>1818573</v>
      </c>
      <c r="HO31" s="333">
        <v>0</v>
      </c>
      <c r="HP31" s="327">
        <v>0</v>
      </c>
      <c r="HQ31" s="328">
        <v>0</v>
      </c>
      <c r="HR31" s="326">
        <v>0</v>
      </c>
      <c r="HS31" s="327">
        <v>0</v>
      </c>
      <c r="HT31" s="327">
        <v>0</v>
      </c>
      <c r="HU31" s="327">
        <v>0</v>
      </c>
      <c r="HV31" s="327">
        <v>0</v>
      </c>
      <c r="HW31" s="327">
        <v>0</v>
      </c>
      <c r="HX31" s="331">
        <v>0</v>
      </c>
      <c r="HY31" s="330">
        <v>0</v>
      </c>
      <c r="HZ31" s="335">
        <v>0</v>
      </c>
      <c r="IA31" s="336">
        <v>0</v>
      </c>
      <c r="IB31" s="337">
        <v>0</v>
      </c>
      <c r="IC31" s="338">
        <v>0</v>
      </c>
      <c r="ID31" s="336">
        <v>147482</v>
      </c>
      <c r="IE31" s="339">
        <v>126262</v>
      </c>
      <c r="IF31" s="337">
        <v>619484</v>
      </c>
      <c r="IG31" s="336">
        <v>314342</v>
      </c>
      <c r="IH31" s="337">
        <v>302131</v>
      </c>
      <c r="II31" s="340">
        <v>1509701</v>
      </c>
      <c r="IJ31" s="341">
        <v>1509701</v>
      </c>
      <c r="IK31" s="342">
        <v>0</v>
      </c>
      <c r="IL31" s="343">
        <v>0</v>
      </c>
      <c r="IM31" s="344">
        <v>0</v>
      </c>
      <c r="IN31" s="404">
        <v>0</v>
      </c>
      <c r="IO31" s="345">
        <v>0</v>
      </c>
      <c r="IP31" s="345">
        <v>0</v>
      </c>
      <c r="IQ31" s="345">
        <v>0</v>
      </c>
      <c r="IR31" s="345">
        <v>0</v>
      </c>
      <c r="IS31" s="345">
        <v>0</v>
      </c>
      <c r="IT31" s="346">
        <v>0</v>
      </c>
      <c r="IU31" s="347">
        <v>0</v>
      </c>
      <c r="IV31" s="348">
        <v>0</v>
      </c>
      <c r="IW31" s="345">
        <v>0</v>
      </c>
      <c r="IX31" s="349">
        <v>0</v>
      </c>
      <c r="IY31" s="404">
        <v>0</v>
      </c>
      <c r="IZ31" s="345">
        <v>0</v>
      </c>
      <c r="JA31" s="345">
        <v>0</v>
      </c>
      <c r="JB31" s="345">
        <v>0</v>
      </c>
      <c r="JC31" s="345">
        <v>0</v>
      </c>
      <c r="JD31" s="345">
        <v>0</v>
      </c>
      <c r="JE31" s="349">
        <v>0</v>
      </c>
      <c r="JF31" s="350">
        <v>0</v>
      </c>
      <c r="JG31" s="348">
        <v>0</v>
      </c>
      <c r="JH31" s="345">
        <v>0</v>
      </c>
      <c r="JI31" s="346">
        <v>0</v>
      </c>
      <c r="JJ31" s="351">
        <v>0</v>
      </c>
      <c r="JK31" s="345">
        <v>147482</v>
      </c>
      <c r="JL31" s="345">
        <v>126262</v>
      </c>
      <c r="JM31" s="345">
        <v>111736</v>
      </c>
      <c r="JN31" s="345">
        <v>46641</v>
      </c>
      <c r="JO31" s="345">
        <v>0</v>
      </c>
      <c r="JP31" s="349">
        <v>432121</v>
      </c>
      <c r="JQ31" s="347">
        <v>432121</v>
      </c>
      <c r="JR31" s="348">
        <v>0</v>
      </c>
      <c r="JS31" s="345">
        <v>0</v>
      </c>
      <c r="JT31" s="346">
        <v>0</v>
      </c>
      <c r="JU31" s="351">
        <v>0</v>
      </c>
      <c r="JV31" s="345">
        <v>0</v>
      </c>
      <c r="JW31" s="345">
        <v>0</v>
      </c>
      <c r="JX31" s="345">
        <v>0</v>
      </c>
      <c r="JY31" s="345">
        <v>0</v>
      </c>
      <c r="JZ31" s="345">
        <v>0</v>
      </c>
      <c r="KA31" s="349">
        <v>0</v>
      </c>
      <c r="KB31" s="347">
        <v>0</v>
      </c>
      <c r="KC31" s="352">
        <v>0</v>
      </c>
      <c r="KD31" s="353">
        <v>0</v>
      </c>
      <c r="KE31" s="349">
        <v>0</v>
      </c>
      <c r="KF31" s="351">
        <v>0</v>
      </c>
      <c r="KG31" s="345">
        <v>0</v>
      </c>
      <c r="KH31" s="345">
        <v>0</v>
      </c>
      <c r="KI31" s="345">
        <v>0</v>
      </c>
      <c r="KJ31" s="345">
        <v>0</v>
      </c>
      <c r="KK31" s="345">
        <v>302131</v>
      </c>
      <c r="KL31" s="349">
        <v>302131</v>
      </c>
      <c r="KM31" s="354">
        <v>302131</v>
      </c>
      <c r="KN31" s="342">
        <v>0</v>
      </c>
      <c r="KO31" s="343">
        <v>0</v>
      </c>
      <c r="KP31" s="344">
        <v>0</v>
      </c>
      <c r="KQ31" s="404">
        <v>0</v>
      </c>
      <c r="KR31" s="345">
        <v>0</v>
      </c>
      <c r="KS31" s="345">
        <v>0</v>
      </c>
      <c r="KT31" s="345">
        <v>507748</v>
      </c>
      <c r="KU31" s="345">
        <v>267701</v>
      </c>
      <c r="KV31" s="345">
        <v>0</v>
      </c>
      <c r="KW31" s="349">
        <v>775449</v>
      </c>
      <c r="KX31" s="347">
        <v>775449</v>
      </c>
      <c r="KY31" s="348">
        <v>0</v>
      </c>
      <c r="KZ31" s="345">
        <v>0</v>
      </c>
      <c r="LA31" s="349">
        <v>0</v>
      </c>
      <c r="LB31" s="404">
        <v>0</v>
      </c>
      <c r="LC31" s="345">
        <v>0</v>
      </c>
      <c r="LD31" s="345">
        <v>0</v>
      </c>
      <c r="LE31" s="345">
        <v>0</v>
      </c>
      <c r="LF31" s="345">
        <v>0</v>
      </c>
      <c r="LG31" s="345">
        <v>0</v>
      </c>
      <c r="LH31" s="349">
        <v>0</v>
      </c>
      <c r="LI31" s="350">
        <v>0</v>
      </c>
      <c r="LJ31" s="348">
        <v>0</v>
      </c>
      <c r="LK31" s="345">
        <v>0</v>
      </c>
      <c r="LL31" s="349">
        <v>0</v>
      </c>
      <c r="LM31" s="404">
        <v>0</v>
      </c>
      <c r="LN31" s="345">
        <v>0</v>
      </c>
      <c r="LO31" s="345">
        <v>0</v>
      </c>
      <c r="LP31" s="345">
        <v>0</v>
      </c>
      <c r="LQ31" s="345">
        <v>0</v>
      </c>
      <c r="LR31" s="345">
        <v>0</v>
      </c>
      <c r="LS31" s="349">
        <v>0</v>
      </c>
      <c r="LT31" s="347">
        <v>0</v>
      </c>
      <c r="LU31" s="348">
        <v>0</v>
      </c>
      <c r="LV31" s="345">
        <v>0</v>
      </c>
      <c r="LW31" s="349">
        <v>0</v>
      </c>
      <c r="LX31" s="404">
        <v>0</v>
      </c>
      <c r="LY31" s="345">
        <v>0</v>
      </c>
      <c r="LZ31" s="345">
        <v>0</v>
      </c>
      <c r="MA31" s="345">
        <v>0</v>
      </c>
      <c r="MB31" s="345">
        <v>0</v>
      </c>
      <c r="MC31" s="345">
        <v>0</v>
      </c>
      <c r="MD31" s="349">
        <v>0</v>
      </c>
      <c r="ME31" s="350">
        <v>0</v>
      </c>
      <c r="MF31" s="348">
        <v>0</v>
      </c>
      <c r="MG31" s="345">
        <v>0</v>
      </c>
      <c r="MH31" s="349">
        <v>0</v>
      </c>
      <c r="MI31" s="404">
        <v>0</v>
      </c>
      <c r="MJ31" s="345">
        <v>0</v>
      </c>
      <c r="MK31" s="345">
        <v>0</v>
      </c>
      <c r="ML31" s="345">
        <v>1058238</v>
      </c>
      <c r="MM31" s="345">
        <v>1007459</v>
      </c>
      <c r="MN31" s="345">
        <v>1132992</v>
      </c>
      <c r="MO31" s="349">
        <v>3198689</v>
      </c>
      <c r="MP31" s="354">
        <v>3198689</v>
      </c>
      <c r="MQ31" s="348">
        <v>0</v>
      </c>
      <c r="MR31" s="345">
        <v>0</v>
      </c>
      <c r="MS31" s="349">
        <v>0</v>
      </c>
      <c r="MT31" s="404">
        <v>0</v>
      </c>
      <c r="MU31" s="345">
        <v>0</v>
      </c>
      <c r="MV31" s="345">
        <v>0</v>
      </c>
      <c r="MW31" s="345">
        <v>508228</v>
      </c>
      <c r="MX31" s="345">
        <v>544476</v>
      </c>
      <c r="MY31" s="345">
        <v>793048</v>
      </c>
      <c r="MZ31" s="349">
        <v>1845752</v>
      </c>
      <c r="NA31" s="354">
        <v>1845752</v>
      </c>
      <c r="NB31" s="348">
        <v>0</v>
      </c>
      <c r="NC31" s="345">
        <v>0</v>
      </c>
      <c r="ND31" s="349">
        <v>0</v>
      </c>
      <c r="NE31" s="404">
        <v>0</v>
      </c>
      <c r="NF31" s="345">
        <v>0</v>
      </c>
      <c r="NG31" s="345">
        <v>0</v>
      </c>
      <c r="NH31" s="345">
        <v>550010</v>
      </c>
      <c r="NI31" s="345">
        <v>462983</v>
      </c>
      <c r="NJ31" s="345">
        <v>339944</v>
      </c>
      <c r="NK31" s="349">
        <v>1352937</v>
      </c>
      <c r="NL31" s="347">
        <v>1352937</v>
      </c>
      <c r="NM31" s="348">
        <v>0</v>
      </c>
      <c r="NN31" s="345">
        <v>0</v>
      </c>
      <c r="NO31" s="349">
        <v>0</v>
      </c>
      <c r="NP31" s="404">
        <v>0</v>
      </c>
      <c r="NQ31" s="345">
        <v>0</v>
      </c>
      <c r="NR31" s="345">
        <v>0</v>
      </c>
      <c r="NS31" s="345">
        <v>0</v>
      </c>
      <c r="NT31" s="345">
        <v>0</v>
      </c>
      <c r="NU31" s="345">
        <v>0</v>
      </c>
      <c r="NV31" s="349">
        <v>0</v>
      </c>
      <c r="NW31" s="350">
        <v>0</v>
      </c>
      <c r="NX31" s="348">
        <v>0</v>
      </c>
      <c r="NY31" s="345">
        <v>0</v>
      </c>
      <c r="NZ31" s="349">
        <v>0</v>
      </c>
      <c r="OA31" s="404">
        <v>0</v>
      </c>
      <c r="OB31" s="345">
        <v>0</v>
      </c>
      <c r="OC31" s="345">
        <v>0</v>
      </c>
      <c r="OD31" s="345">
        <v>0</v>
      </c>
      <c r="OE31" s="345">
        <v>0</v>
      </c>
      <c r="OF31" s="345">
        <v>0</v>
      </c>
      <c r="OG31" s="349">
        <v>0</v>
      </c>
      <c r="OH31" s="350">
        <v>0</v>
      </c>
      <c r="OI31" s="348">
        <v>74584</v>
      </c>
      <c r="OJ31" s="345">
        <v>219761</v>
      </c>
      <c r="OK31" s="346">
        <v>294345</v>
      </c>
      <c r="OL31" s="351">
        <v>0</v>
      </c>
      <c r="OM31" s="345">
        <v>1979985</v>
      </c>
      <c r="ON31" s="345">
        <v>1851421</v>
      </c>
      <c r="OO31" s="345">
        <v>3070040</v>
      </c>
      <c r="OP31" s="345">
        <v>2729579</v>
      </c>
      <c r="OQ31" s="345">
        <v>2433745</v>
      </c>
      <c r="OR31" s="349">
        <v>12064770</v>
      </c>
      <c r="OS31" s="354">
        <v>12359115</v>
      </c>
    </row>
    <row r="32" spans="2:409" s="70" customFormat="1" ht="21" customHeight="1" x14ac:dyDescent="0.2">
      <c r="B32" s="410" t="s">
        <v>27</v>
      </c>
      <c r="C32" s="326">
        <v>322406</v>
      </c>
      <c r="D32" s="327">
        <v>281832</v>
      </c>
      <c r="E32" s="328">
        <v>604238</v>
      </c>
      <c r="F32" s="329">
        <v>0</v>
      </c>
      <c r="G32" s="327">
        <v>1558878</v>
      </c>
      <c r="H32" s="327">
        <v>1335672</v>
      </c>
      <c r="I32" s="327">
        <v>1317627</v>
      </c>
      <c r="J32" s="327">
        <v>1688905</v>
      </c>
      <c r="K32" s="327">
        <v>1184947</v>
      </c>
      <c r="L32" s="367">
        <v>7086029</v>
      </c>
      <c r="M32" s="330">
        <v>7690267</v>
      </c>
      <c r="N32" s="326">
        <v>77199</v>
      </c>
      <c r="O32" s="327">
        <v>125414</v>
      </c>
      <c r="P32" s="328">
        <v>202613</v>
      </c>
      <c r="Q32" s="326">
        <v>0</v>
      </c>
      <c r="R32" s="327">
        <v>279991</v>
      </c>
      <c r="S32" s="327">
        <v>434723</v>
      </c>
      <c r="T32" s="327">
        <v>667965</v>
      </c>
      <c r="U32" s="327">
        <v>458538</v>
      </c>
      <c r="V32" s="327">
        <v>1065460</v>
      </c>
      <c r="W32" s="328">
        <v>2906677</v>
      </c>
      <c r="X32" s="330">
        <v>3109290</v>
      </c>
      <c r="Y32" s="326">
        <v>0</v>
      </c>
      <c r="Z32" s="327">
        <v>0</v>
      </c>
      <c r="AA32" s="328">
        <v>0</v>
      </c>
      <c r="AB32" s="326">
        <v>0</v>
      </c>
      <c r="AC32" s="327">
        <v>65368</v>
      </c>
      <c r="AD32" s="327">
        <v>250728</v>
      </c>
      <c r="AE32" s="327">
        <v>384242</v>
      </c>
      <c r="AF32" s="327">
        <v>240775</v>
      </c>
      <c r="AG32" s="327">
        <v>806789</v>
      </c>
      <c r="AH32" s="328">
        <v>1747902</v>
      </c>
      <c r="AI32" s="330">
        <v>1747902</v>
      </c>
      <c r="AJ32" s="326">
        <v>0</v>
      </c>
      <c r="AK32" s="327">
        <v>0</v>
      </c>
      <c r="AL32" s="328">
        <v>0</v>
      </c>
      <c r="AM32" s="326">
        <v>0</v>
      </c>
      <c r="AN32" s="327">
        <v>0</v>
      </c>
      <c r="AO32" s="327">
        <v>0</v>
      </c>
      <c r="AP32" s="327">
        <v>11544</v>
      </c>
      <c r="AQ32" s="327">
        <v>46180</v>
      </c>
      <c r="AR32" s="327">
        <v>0</v>
      </c>
      <c r="AS32" s="328">
        <v>57724</v>
      </c>
      <c r="AT32" s="330">
        <v>57724</v>
      </c>
      <c r="AU32" s="326">
        <v>56207</v>
      </c>
      <c r="AV32" s="327">
        <v>112342</v>
      </c>
      <c r="AW32" s="328">
        <v>168549</v>
      </c>
      <c r="AX32" s="326">
        <v>0</v>
      </c>
      <c r="AY32" s="327">
        <v>89623</v>
      </c>
      <c r="AZ32" s="327">
        <v>105867</v>
      </c>
      <c r="BA32" s="327">
        <v>247771</v>
      </c>
      <c r="BB32" s="327">
        <v>69271</v>
      </c>
      <c r="BC32" s="327">
        <v>225415</v>
      </c>
      <c r="BD32" s="328">
        <v>737947</v>
      </c>
      <c r="BE32" s="330">
        <v>906496</v>
      </c>
      <c r="BF32" s="326">
        <v>0</v>
      </c>
      <c r="BG32" s="327">
        <v>0</v>
      </c>
      <c r="BH32" s="331">
        <v>0</v>
      </c>
      <c r="BI32" s="332">
        <v>0</v>
      </c>
      <c r="BJ32" s="327">
        <v>0</v>
      </c>
      <c r="BK32" s="327">
        <v>0</v>
      </c>
      <c r="BL32" s="327">
        <v>0</v>
      </c>
      <c r="BM32" s="327">
        <v>0</v>
      </c>
      <c r="BN32" s="327">
        <v>0</v>
      </c>
      <c r="BO32" s="328">
        <v>0</v>
      </c>
      <c r="BP32" s="330">
        <v>0</v>
      </c>
      <c r="BQ32" s="326">
        <v>20992</v>
      </c>
      <c r="BR32" s="327">
        <v>13072</v>
      </c>
      <c r="BS32" s="328">
        <v>34064</v>
      </c>
      <c r="BT32" s="326">
        <v>0</v>
      </c>
      <c r="BU32" s="327">
        <v>125000</v>
      </c>
      <c r="BV32" s="327">
        <v>78128</v>
      </c>
      <c r="BW32" s="327">
        <v>24408</v>
      </c>
      <c r="BX32" s="327">
        <v>102312</v>
      </c>
      <c r="BY32" s="327">
        <v>33256</v>
      </c>
      <c r="BZ32" s="328">
        <v>363104</v>
      </c>
      <c r="CA32" s="330">
        <v>397168</v>
      </c>
      <c r="CB32" s="326">
        <v>84852</v>
      </c>
      <c r="CC32" s="327">
        <v>74738</v>
      </c>
      <c r="CD32" s="328">
        <v>159590</v>
      </c>
      <c r="CE32" s="326">
        <v>0</v>
      </c>
      <c r="CF32" s="327">
        <v>325263</v>
      </c>
      <c r="CG32" s="327">
        <v>338027</v>
      </c>
      <c r="CH32" s="327">
        <v>233650</v>
      </c>
      <c r="CI32" s="327">
        <v>107101</v>
      </c>
      <c r="CJ32" s="327">
        <v>96927</v>
      </c>
      <c r="CK32" s="328">
        <v>1100968</v>
      </c>
      <c r="CL32" s="330">
        <v>1260558</v>
      </c>
      <c r="CM32" s="326">
        <v>0</v>
      </c>
      <c r="CN32" s="327">
        <v>0</v>
      </c>
      <c r="CO32" s="328">
        <v>0</v>
      </c>
      <c r="CP32" s="332">
        <v>0</v>
      </c>
      <c r="CQ32" s="327">
        <v>273498</v>
      </c>
      <c r="CR32" s="327">
        <v>221184</v>
      </c>
      <c r="CS32" s="327">
        <v>233650</v>
      </c>
      <c r="CT32" s="327">
        <v>107101</v>
      </c>
      <c r="CU32" s="327">
        <v>43856</v>
      </c>
      <c r="CV32" s="328">
        <v>879289</v>
      </c>
      <c r="CW32" s="330">
        <v>879289</v>
      </c>
      <c r="CX32" s="326">
        <v>84852</v>
      </c>
      <c r="CY32" s="327">
        <v>74738</v>
      </c>
      <c r="CZ32" s="328">
        <v>159590</v>
      </c>
      <c r="DA32" s="326">
        <v>0</v>
      </c>
      <c r="DB32" s="327">
        <v>51765</v>
      </c>
      <c r="DC32" s="327">
        <v>116843</v>
      </c>
      <c r="DD32" s="327">
        <v>0</v>
      </c>
      <c r="DE32" s="327">
        <v>0</v>
      </c>
      <c r="DF32" s="327">
        <v>53071</v>
      </c>
      <c r="DG32" s="328">
        <v>221679</v>
      </c>
      <c r="DH32" s="330">
        <v>381269</v>
      </c>
      <c r="DI32" s="326">
        <v>0</v>
      </c>
      <c r="DJ32" s="327">
        <v>0</v>
      </c>
      <c r="DK32" s="331">
        <v>0</v>
      </c>
      <c r="DL32" s="332">
        <v>0</v>
      </c>
      <c r="DM32" s="327">
        <v>0</v>
      </c>
      <c r="DN32" s="327">
        <v>62977</v>
      </c>
      <c r="DO32" s="327">
        <v>63324</v>
      </c>
      <c r="DP32" s="327">
        <v>0</v>
      </c>
      <c r="DQ32" s="327">
        <v>0</v>
      </c>
      <c r="DR32" s="328">
        <v>126301</v>
      </c>
      <c r="DS32" s="330">
        <v>126301</v>
      </c>
      <c r="DT32" s="326">
        <v>0</v>
      </c>
      <c r="DU32" s="327">
        <v>0</v>
      </c>
      <c r="DV32" s="328">
        <v>0</v>
      </c>
      <c r="DW32" s="326">
        <v>0</v>
      </c>
      <c r="DX32" s="327">
        <v>0</v>
      </c>
      <c r="DY32" s="327">
        <v>62977</v>
      </c>
      <c r="DZ32" s="327">
        <v>63324</v>
      </c>
      <c r="EA32" s="327">
        <v>0</v>
      </c>
      <c r="EB32" s="327">
        <v>0</v>
      </c>
      <c r="EC32" s="328">
        <v>126301</v>
      </c>
      <c r="ED32" s="330">
        <v>126301</v>
      </c>
      <c r="EE32" s="326">
        <v>0</v>
      </c>
      <c r="EF32" s="331">
        <v>0</v>
      </c>
      <c r="EG32" s="328">
        <v>0</v>
      </c>
      <c r="EH32" s="326">
        <v>0</v>
      </c>
      <c r="EI32" s="327">
        <v>0</v>
      </c>
      <c r="EJ32" s="327">
        <v>0</v>
      </c>
      <c r="EK32" s="327">
        <v>0</v>
      </c>
      <c r="EL32" s="327">
        <v>0</v>
      </c>
      <c r="EM32" s="327">
        <v>0</v>
      </c>
      <c r="EN32" s="331">
        <v>0</v>
      </c>
      <c r="EO32" s="330">
        <v>0</v>
      </c>
      <c r="EP32" s="326">
        <v>0</v>
      </c>
      <c r="EQ32" s="327">
        <v>0</v>
      </c>
      <c r="ER32" s="331">
        <v>0</v>
      </c>
      <c r="ES32" s="332">
        <v>0</v>
      </c>
      <c r="ET32" s="327">
        <v>0</v>
      </c>
      <c r="EU32" s="327">
        <v>0</v>
      </c>
      <c r="EV32" s="327">
        <v>0</v>
      </c>
      <c r="EW32" s="327">
        <v>0</v>
      </c>
      <c r="EX32" s="327">
        <v>0</v>
      </c>
      <c r="EY32" s="328">
        <v>0</v>
      </c>
      <c r="EZ32" s="330">
        <v>0</v>
      </c>
      <c r="FA32" s="326">
        <v>0</v>
      </c>
      <c r="FB32" s="327">
        <v>0</v>
      </c>
      <c r="FC32" s="331">
        <v>0</v>
      </c>
      <c r="FD32" s="332">
        <v>0</v>
      </c>
      <c r="FE32" s="327">
        <v>0</v>
      </c>
      <c r="FF32" s="327">
        <v>0</v>
      </c>
      <c r="FG32" s="327">
        <v>0</v>
      </c>
      <c r="FH32" s="327">
        <v>0</v>
      </c>
      <c r="FI32" s="327">
        <v>0</v>
      </c>
      <c r="FJ32" s="328">
        <v>0</v>
      </c>
      <c r="FK32" s="330">
        <v>0</v>
      </c>
      <c r="FL32" s="326">
        <v>51840</v>
      </c>
      <c r="FM32" s="327">
        <v>81680</v>
      </c>
      <c r="FN32" s="328">
        <v>133520</v>
      </c>
      <c r="FO32" s="326">
        <v>0</v>
      </c>
      <c r="FP32" s="327">
        <v>5600</v>
      </c>
      <c r="FQ32" s="327">
        <v>166040</v>
      </c>
      <c r="FR32" s="327">
        <v>144832</v>
      </c>
      <c r="FS32" s="327">
        <v>40880</v>
      </c>
      <c r="FT32" s="327">
        <v>22560</v>
      </c>
      <c r="FU32" s="328">
        <v>379912</v>
      </c>
      <c r="FV32" s="330">
        <v>513432</v>
      </c>
      <c r="FW32" s="333">
        <v>51840</v>
      </c>
      <c r="FX32" s="327">
        <v>81680</v>
      </c>
      <c r="FY32" s="331">
        <v>133520</v>
      </c>
      <c r="FZ32" s="332">
        <v>0</v>
      </c>
      <c r="GA32" s="327">
        <v>5600</v>
      </c>
      <c r="GB32" s="327">
        <v>166040</v>
      </c>
      <c r="GC32" s="327">
        <v>144832</v>
      </c>
      <c r="GD32" s="327">
        <v>40880</v>
      </c>
      <c r="GE32" s="327">
        <v>22560</v>
      </c>
      <c r="GF32" s="328">
        <v>379912</v>
      </c>
      <c r="GG32" s="334">
        <v>513432</v>
      </c>
      <c r="GH32" s="333">
        <v>0</v>
      </c>
      <c r="GI32" s="327">
        <v>0</v>
      </c>
      <c r="GJ32" s="331">
        <v>0</v>
      </c>
      <c r="GK32" s="332">
        <v>0</v>
      </c>
      <c r="GL32" s="327">
        <v>0</v>
      </c>
      <c r="GM32" s="327">
        <v>0</v>
      </c>
      <c r="GN32" s="327">
        <v>0</v>
      </c>
      <c r="GO32" s="327">
        <v>0</v>
      </c>
      <c r="GP32" s="327">
        <v>0</v>
      </c>
      <c r="GQ32" s="328">
        <v>0</v>
      </c>
      <c r="GR32" s="330">
        <v>0</v>
      </c>
      <c r="GS32" s="326">
        <v>0</v>
      </c>
      <c r="GT32" s="327">
        <v>0</v>
      </c>
      <c r="GU32" s="328">
        <v>0</v>
      </c>
      <c r="GV32" s="326">
        <v>0</v>
      </c>
      <c r="GW32" s="327">
        <v>0</v>
      </c>
      <c r="GX32" s="327">
        <v>0</v>
      </c>
      <c r="GY32" s="327">
        <v>0</v>
      </c>
      <c r="GZ32" s="327">
        <v>0</v>
      </c>
      <c r="HA32" s="327">
        <v>0</v>
      </c>
      <c r="HB32" s="331">
        <v>0</v>
      </c>
      <c r="HC32" s="330">
        <v>0</v>
      </c>
      <c r="HD32" s="326">
        <v>108515</v>
      </c>
      <c r="HE32" s="327">
        <v>0</v>
      </c>
      <c r="HF32" s="331">
        <v>108515</v>
      </c>
      <c r="HG32" s="332">
        <v>0</v>
      </c>
      <c r="HH32" s="327">
        <v>948024</v>
      </c>
      <c r="HI32" s="327">
        <v>333905</v>
      </c>
      <c r="HJ32" s="327">
        <v>207856</v>
      </c>
      <c r="HK32" s="327">
        <v>1082386</v>
      </c>
      <c r="HL32" s="327">
        <v>0</v>
      </c>
      <c r="HM32" s="328">
        <v>2572171</v>
      </c>
      <c r="HN32" s="329">
        <v>2680686</v>
      </c>
      <c r="HO32" s="333">
        <v>0</v>
      </c>
      <c r="HP32" s="327">
        <v>0</v>
      </c>
      <c r="HQ32" s="328">
        <v>0</v>
      </c>
      <c r="HR32" s="326">
        <v>0</v>
      </c>
      <c r="HS32" s="327">
        <v>0</v>
      </c>
      <c r="HT32" s="327">
        <v>0</v>
      </c>
      <c r="HU32" s="327">
        <v>0</v>
      </c>
      <c r="HV32" s="327">
        <v>0</v>
      </c>
      <c r="HW32" s="327">
        <v>0</v>
      </c>
      <c r="HX32" s="331">
        <v>0</v>
      </c>
      <c r="HY32" s="330">
        <v>0</v>
      </c>
      <c r="HZ32" s="358">
        <v>0</v>
      </c>
      <c r="IA32" s="356">
        <v>0</v>
      </c>
      <c r="IB32" s="358">
        <v>0</v>
      </c>
      <c r="IC32" s="355">
        <v>0</v>
      </c>
      <c r="ID32" s="356">
        <v>226186</v>
      </c>
      <c r="IE32" s="357">
        <v>268259</v>
      </c>
      <c r="IF32" s="358">
        <v>201312</v>
      </c>
      <c r="IG32" s="356">
        <v>947508</v>
      </c>
      <c r="IH32" s="358">
        <v>40068</v>
      </c>
      <c r="II32" s="359">
        <v>1683333</v>
      </c>
      <c r="IJ32" s="358">
        <v>1683333</v>
      </c>
      <c r="IK32" s="342">
        <v>0</v>
      </c>
      <c r="IL32" s="343">
        <v>0</v>
      </c>
      <c r="IM32" s="344">
        <v>0</v>
      </c>
      <c r="IN32" s="404">
        <v>0</v>
      </c>
      <c r="IO32" s="345">
        <v>0</v>
      </c>
      <c r="IP32" s="345">
        <v>0</v>
      </c>
      <c r="IQ32" s="345">
        <v>89584</v>
      </c>
      <c r="IR32" s="345">
        <v>0</v>
      </c>
      <c r="IS32" s="345">
        <v>0</v>
      </c>
      <c r="IT32" s="346">
        <v>89584</v>
      </c>
      <c r="IU32" s="347">
        <v>89584</v>
      </c>
      <c r="IV32" s="348">
        <v>0</v>
      </c>
      <c r="IW32" s="345">
        <v>0</v>
      </c>
      <c r="IX32" s="349">
        <v>0</v>
      </c>
      <c r="IY32" s="404">
        <v>0</v>
      </c>
      <c r="IZ32" s="345">
        <v>0</v>
      </c>
      <c r="JA32" s="345">
        <v>0</v>
      </c>
      <c r="JB32" s="345">
        <v>0</v>
      </c>
      <c r="JC32" s="345">
        <v>0</v>
      </c>
      <c r="JD32" s="345">
        <v>0</v>
      </c>
      <c r="JE32" s="349">
        <v>0</v>
      </c>
      <c r="JF32" s="350">
        <v>0</v>
      </c>
      <c r="JG32" s="348">
        <v>0</v>
      </c>
      <c r="JH32" s="345">
        <v>0</v>
      </c>
      <c r="JI32" s="346">
        <v>0</v>
      </c>
      <c r="JJ32" s="351">
        <v>0</v>
      </c>
      <c r="JK32" s="345">
        <v>0</v>
      </c>
      <c r="JL32" s="345">
        <v>60033</v>
      </c>
      <c r="JM32" s="345">
        <v>0</v>
      </c>
      <c r="JN32" s="345">
        <v>0</v>
      </c>
      <c r="JO32" s="345">
        <v>0</v>
      </c>
      <c r="JP32" s="349">
        <v>60033</v>
      </c>
      <c r="JQ32" s="347">
        <v>60033</v>
      </c>
      <c r="JR32" s="348">
        <v>0</v>
      </c>
      <c r="JS32" s="345">
        <v>0</v>
      </c>
      <c r="JT32" s="346">
        <v>0</v>
      </c>
      <c r="JU32" s="351">
        <v>0</v>
      </c>
      <c r="JV32" s="345">
        <v>0</v>
      </c>
      <c r="JW32" s="345">
        <v>65012</v>
      </c>
      <c r="JX32" s="345">
        <v>111728</v>
      </c>
      <c r="JY32" s="345">
        <v>242044</v>
      </c>
      <c r="JZ32" s="345">
        <v>0</v>
      </c>
      <c r="KA32" s="349">
        <v>418784</v>
      </c>
      <c r="KB32" s="347">
        <v>418784</v>
      </c>
      <c r="KC32" s="352">
        <v>0</v>
      </c>
      <c r="KD32" s="353">
        <v>0</v>
      </c>
      <c r="KE32" s="349">
        <v>0</v>
      </c>
      <c r="KF32" s="351">
        <v>0</v>
      </c>
      <c r="KG32" s="345">
        <v>96341</v>
      </c>
      <c r="KH32" s="345">
        <v>143214</v>
      </c>
      <c r="KI32" s="345">
        <v>0</v>
      </c>
      <c r="KJ32" s="345">
        <v>0</v>
      </c>
      <c r="KK32" s="345">
        <v>0</v>
      </c>
      <c r="KL32" s="349">
        <v>239555</v>
      </c>
      <c r="KM32" s="354">
        <v>239555</v>
      </c>
      <c r="KN32" s="342">
        <v>0</v>
      </c>
      <c r="KO32" s="343">
        <v>0</v>
      </c>
      <c r="KP32" s="344">
        <v>0</v>
      </c>
      <c r="KQ32" s="404">
        <v>0</v>
      </c>
      <c r="KR32" s="345">
        <v>129845</v>
      </c>
      <c r="KS32" s="345">
        <v>0</v>
      </c>
      <c r="KT32" s="345">
        <v>0</v>
      </c>
      <c r="KU32" s="345">
        <v>0</v>
      </c>
      <c r="KV32" s="345">
        <v>40068</v>
      </c>
      <c r="KW32" s="349">
        <v>169913</v>
      </c>
      <c r="KX32" s="347">
        <v>169913</v>
      </c>
      <c r="KY32" s="348">
        <v>0</v>
      </c>
      <c r="KZ32" s="345">
        <v>0</v>
      </c>
      <c r="LA32" s="349">
        <v>0</v>
      </c>
      <c r="LB32" s="404">
        <v>0</v>
      </c>
      <c r="LC32" s="345">
        <v>0</v>
      </c>
      <c r="LD32" s="345">
        <v>0</v>
      </c>
      <c r="LE32" s="345">
        <v>0</v>
      </c>
      <c r="LF32" s="345">
        <v>0</v>
      </c>
      <c r="LG32" s="345">
        <v>0</v>
      </c>
      <c r="LH32" s="349">
        <v>0</v>
      </c>
      <c r="LI32" s="350">
        <v>0</v>
      </c>
      <c r="LJ32" s="348">
        <v>0</v>
      </c>
      <c r="LK32" s="345">
        <v>0</v>
      </c>
      <c r="LL32" s="349">
        <v>0</v>
      </c>
      <c r="LM32" s="404">
        <v>0</v>
      </c>
      <c r="LN32" s="345">
        <v>0</v>
      </c>
      <c r="LO32" s="345">
        <v>0</v>
      </c>
      <c r="LP32" s="345">
        <v>0</v>
      </c>
      <c r="LQ32" s="345">
        <v>455099</v>
      </c>
      <c r="LR32" s="345">
        <v>0</v>
      </c>
      <c r="LS32" s="349">
        <v>455099</v>
      </c>
      <c r="LT32" s="347">
        <v>455099</v>
      </c>
      <c r="LU32" s="348">
        <v>0</v>
      </c>
      <c r="LV32" s="345">
        <v>0</v>
      </c>
      <c r="LW32" s="349">
        <v>0</v>
      </c>
      <c r="LX32" s="404">
        <v>0</v>
      </c>
      <c r="LY32" s="345">
        <v>0</v>
      </c>
      <c r="LZ32" s="345">
        <v>0</v>
      </c>
      <c r="MA32" s="345">
        <v>0</v>
      </c>
      <c r="MB32" s="345">
        <v>250365</v>
      </c>
      <c r="MC32" s="345">
        <v>0</v>
      </c>
      <c r="MD32" s="349">
        <v>250365</v>
      </c>
      <c r="ME32" s="350">
        <v>250365</v>
      </c>
      <c r="MF32" s="348">
        <v>0</v>
      </c>
      <c r="MG32" s="345">
        <v>0</v>
      </c>
      <c r="MH32" s="349">
        <v>0</v>
      </c>
      <c r="MI32" s="404">
        <v>0</v>
      </c>
      <c r="MJ32" s="345">
        <v>0</v>
      </c>
      <c r="MK32" s="345">
        <v>762316</v>
      </c>
      <c r="ML32" s="345">
        <v>213169</v>
      </c>
      <c r="MM32" s="345">
        <v>1689367</v>
      </c>
      <c r="MN32" s="345">
        <v>596521</v>
      </c>
      <c r="MO32" s="349">
        <v>3261373</v>
      </c>
      <c r="MP32" s="354">
        <v>3261373</v>
      </c>
      <c r="MQ32" s="348">
        <v>0</v>
      </c>
      <c r="MR32" s="345">
        <v>0</v>
      </c>
      <c r="MS32" s="349">
        <v>0</v>
      </c>
      <c r="MT32" s="404">
        <v>0</v>
      </c>
      <c r="MU32" s="345">
        <v>0</v>
      </c>
      <c r="MV32" s="345">
        <v>247898</v>
      </c>
      <c r="MW32" s="345">
        <v>137262</v>
      </c>
      <c r="MX32" s="345">
        <v>502398</v>
      </c>
      <c r="MY32" s="345">
        <v>596521</v>
      </c>
      <c r="MZ32" s="349">
        <v>1484079</v>
      </c>
      <c r="NA32" s="354">
        <v>1484079</v>
      </c>
      <c r="NB32" s="348">
        <v>0</v>
      </c>
      <c r="NC32" s="345">
        <v>0</v>
      </c>
      <c r="ND32" s="349">
        <v>0</v>
      </c>
      <c r="NE32" s="404">
        <v>0</v>
      </c>
      <c r="NF32" s="345">
        <v>0</v>
      </c>
      <c r="NG32" s="345">
        <v>514418</v>
      </c>
      <c r="NH32" s="345">
        <v>75907</v>
      </c>
      <c r="NI32" s="345">
        <v>1186969</v>
      </c>
      <c r="NJ32" s="345">
        <v>0</v>
      </c>
      <c r="NK32" s="349">
        <v>1777294</v>
      </c>
      <c r="NL32" s="347">
        <v>1777294</v>
      </c>
      <c r="NM32" s="348">
        <v>0</v>
      </c>
      <c r="NN32" s="345">
        <v>0</v>
      </c>
      <c r="NO32" s="349">
        <v>0</v>
      </c>
      <c r="NP32" s="404">
        <v>0</v>
      </c>
      <c r="NQ32" s="345">
        <v>0</v>
      </c>
      <c r="NR32" s="345">
        <v>0</v>
      </c>
      <c r="NS32" s="345">
        <v>0</v>
      </c>
      <c r="NT32" s="345">
        <v>0</v>
      </c>
      <c r="NU32" s="345">
        <v>0</v>
      </c>
      <c r="NV32" s="349">
        <v>0</v>
      </c>
      <c r="NW32" s="350">
        <v>0</v>
      </c>
      <c r="NX32" s="348">
        <v>0</v>
      </c>
      <c r="NY32" s="345">
        <v>0</v>
      </c>
      <c r="NZ32" s="349">
        <v>0</v>
      </c>
      <c r="OA32" s="404">
        <v>0</v>
      </c>
      <c r="OB32" s="345">
        <v>0</v>
      </c>
      <c r="OC32" s="345">
        <v>0</v>
      </c>
      <c r="OD32" s="345">
        <v>0</v>
      </c>
      <c r="OE32" s="345">
        <v>0</v>
      </c>
      <c r="OF32" s="345">
        <v>0</v>
      </c>
      <c r="OG32" s="349">
        <v>0</v>
      </c>
      <c r="OH32" s="350">
        <v>0</v>
      </c>
      <c r="OI32" s="348">
        <v>322406</v>
      </c>
      <c r="OJ32" s="345">
        <v>281832</v>
      </c>
      <c r="OK32" s="346">
        <v>604238</v>
      </c>
      <c r="OL32" s="351">
        <v>0</v>
      </c>
      <c r="OM32" s="345">
        <v>1785064</v>
      </c>
      <c r="ON32" s="345">
        <v>2366247</v>
      </c>
      <c r="OO32" s="345">
        <v>1732108</v>
      </c>
      <c r="OP32" s="345">
        <v>4325780</v>
      </c>
      <c r="OQ32" s="345">
        <v>1821536</v>
      </c>
      <c r="OR32" s="349">
        <v>12030735</v>
      </c>
      <c r="OS32" s="354">
        <v>12634973</v>
      </c>
    </row>
    <row r="33" spans="2:409" s="70" customFormat="1" ht="21" customHeight="1" x14ac:dyDescent="0.2">
      <c r="B33" s="410" t="s">
        <v>28</v>
      </c>
      <c r="C33" s="326">
        <v>0</v>
      </c>
      <c r="D33" s="327">
        <v>800</v>
      </c>
      <c r="E33" s="328">
        <v>800</v>
      </c>
      <c r="F33" s="329">
        <v>0</v>
      </c>
      <c r="G33" s="327">
        <v>818770</v>
      </c>
      <c r="H33" s="327">
        <v>171751</v>
      </c>
      <c r="I33" s="327">
        <v>491985</v>
      </c>
      <c r="J33" s="327">
        <v>23744</v>
      </c>
      <c r="K33" s="327">
        <v>175478</v>
      </c>
      <c r="L33" s="367">
        <v>1681728</v>
      </c>
      <c r="M33" s="330">
        <v>1682528</v>
      </c>
      <c r="N33" s="326">
        <v>0</v>
      </c>
      <c r="O33" s="327">
        <v>0</v>
      </c>
      <c r="P33" s="328">
        <v>0</v>
      </c>
      <c r="Q33" s="326">
        <v>0</v>
      </c>
      <c r="R33" s="327">
        <v>162298</v>
      </c>
      <c r="S33" s="327">
        <v>28176</v>
      </c>
      <c r="T33" s="327">
        <v>324885</v>
      </c>
      <c r="U33" s="327">
        <v>14704</v>
      </c>
      <c r="V33" s="327">
        <v>19158</v>
      </c>
      <c r="W33" s="328">
        <v>549221</v>
      </c>
      <c r="X33" s="330">
        <v>549221</v>
      </c>
      <c r="Y33" s="326">
        <v>0</v>
      </c>
      <c r="Z33" s="327">
        <v>0</v>
      </c>
      <c r="AA33" s="328">
        <v>0</v>
      </c>
      <c r="AB33" s="326">
        <v>0</v>
      </c>
      <c r="AC33" s="327">
        <v>19268</v>
      </c>
      <c r="AD33" s="327">
        <v>0</v>
      </c>
      <c r="AE33" s="327">
        <v>261300</v>
      </c>
      <c r="AF33" s="327">
        <v>0</v>
      </c>
      <c r="AG33" s="327">
        <v>9526</v>
      </c>
      <c r="AH33" s="328">
        <v>290094</v>
      </c>
      <c r="AI33" s="330">
        <v>290094</v>
      </c>
      <c r="AJ33" s="326">
        <v>0</v>
      </c>
      <c r="AK33" s="327">
        <v>0</v>
      </c>
      <c r="AL33" s="328">
        <v>0</v>
      </c>
      <c r="AM33" s="326">
        <v>0</v>
      </c>
      <c r="AN33" s="327">
        <v>60647</v>
      </c>
      <c r="AO33" s="327">
        <v>0</v>
      </c>
      <c r="AP33" s="327">
        <v>0</v>
      </c>
      <c r="AQ33" s="327">
        <v>0</v>
      </c>
      <c r="AR33" s="327">
        <v>0</v>
      </c>
      <c r="AS33" s="328">
        <v>60647</v>
      </c>
      <c r="AT33" s="330">
        <v>60647</v>
      </c>
      <c r="AU33" s="326">
        <v>0</v>
      </c>
      <c r="AV33" s="327">
        <v>0</v>
      </c>
      <c r="AW33" s="328">
        <v>0</v>
      </c>
      <c r="AX33" s="326">
        <v>0</v>
      </c>
      <c r="AY33" s="327">
        <v>48015</v>
      </c>
      <c r="AZ33" s="327">
        <v>0</v>
      </c>
      <c r="BA33" s="327">
        <v>58801</v>
      </c>
      <c r="BB33" s="327">
        <v>14704</v>
      </c>
      <c r="BC33" s="327">
        <v>0</v>
      </c>
      <c r="BD33" s="328">
        <v>121520</v>
      </c>
      <c r="BE33" s="330">
        <v>121520</v>
      </c>
      <c r="BF33" s="326">
        <v>0</v>
      </c>
      <c r="BG33" s="327">
        <v>0</v>
      </c>
      <c r="BH33" s="331">
        <v>0</v>
      </c>
      <c r="BI33" s="332">
        <v>0</v>
      </c>
      <c r="BJ33" s="327">
        <v>0</v>
      </c>
      <c r="BK33" s="327">
        <v>0</v>
      </c>
      <c r="BL33" s="327">
        <v>0</v>
      </c>
      <c r="BM33" s="327">
        <v>0</v>
      </c>
      <c r="BN33" s="327">
        <v>0</v>
      </c>
      <c r="BO33" s="328">
        <v>0</v>
      </c>
      <c r="BP33" s="330">
        <v>0</v>
      </c>
      <c r="BQ33" s="326">
        <v>0</v>
      </c>
      <c r="BR33" s="327">
        <v>0</v>
      </c>
      <c r="BS33" s="328">
        <v>0</v>
      </c>
      <c r="BT33" s="326">
        <v>0</v>
      </c>
      <c r="BU33" s="327">
        <v>34368</v>
      </c>
      <c r="BV33" s="327">
        <v>28176</v>
      </c>
      <c r="BW33" s="327">
        <v>4784</v>
      </c>
      <c r="BX33" s="327">
        <v>0</v>
      </c>
      <c r="BY33" s="327">
        <v>9632</v>
      </c>
      <c r="BZ33" s="328">
        <v>76960</v>
      </c>
      <c r="CA33" s="330">
        <v>76960</v>
      </c>
      <c r="CB33" s="326">
        <v>0</v>
      </c>
      <c r="CC33" s="327">
        <v>0</v>
      </c>
      <c r="CD33" s="328">
        <v>0</v>
      </c>
      <c r="CE33" s="326">
        <v>0</v>
      </c>
      <c r="CF33" s="327">
        <v>70534</v>
      </c>
      <c r="CG33" s="327">
        <v>53188</v>
      </c>
      <c r="CH33" s="327">
        <v>69228</v>
      </c>
      <c r="CI33" s="327">
        <v>0</v>
      </c>
      <c r="CJ33" s="327">
        <v>0</v>
      </c>
      <c r="CK33" s="328">
        <v>192950</v>
      </c>
      <c r="CL33" s="330">
        <v>192950</v>
      </c>
      <c r="CM33" s="326">
        <v>0</v>
      </c>
      <c r="CN33" s="327">
        <v>0</v>
      </c>
      <c r="CO33" s="328">
        <v>0</v>
      </c>
      <c r="CP33" s="332">
        <v>0</v>
      </c>
      <c r="CQ33" s="327">
        <v>30496</v>
      </c>
      <c r="CR33" s="327">
        <v>53188</v>
      </c>
      <c r="CS33" s="327">
        <v>69228</v>
      </c>
      <c r="CT33" s="327">
        <v>0</v>
      </c>
      <c r="CU33" s="327">
        <v>0</v>
      </c>
      <c r="CV33" s="328">
        <v>152912</v>
      </c>
      <c r="CW33" s="330">
        <v>152912</v>
      </c>
      <c r="CX33" s="326">
        <v>0</v>
      </c>
      <c r="CY33" s="327">
        <v>0</v>
      </c>
      <c r="CZ33" s="328">
        <v>0</v>
      </c>
      <c r="DA33" s="326">
        <v>0</v>
      </c>
      <c r="DB33" s="327">
        <v>40038</v>
      </c>
      <c r="DC33" s="327">
        <v>0</v>
      </c>
      <c r="DD33" s="327">
        <v>0</v>
      </c>
      <c r="DE33" s="327">
        <v>0</v>
      </c>
      <c r="DF33" s="327">
        <v>0</v>
      </c>
      <c r="DG33" s="328">
        <v>40038</v>
      </c>
      <c r="DH33" s="330">
        <v>40038</v>
      </c>
      <c r="DI33" s="326">
        <v>0</v>
      </c>
      <c r="DJ33" s="327">
        <v>0</v>
      </c>
      <c r="DK33" s="331">
        <v>0</v>
      </c>
      <c r="DL33" s="332">
        <v>0</v>
      </c>
      <c r="DM33" s="327">
        <v>45212</v>
      </c>
      <c r="DN33" s="327">
        <v>0</v>
      </c>
      <c r="DO33" s="327">
        <v>57872</v>
      </c>
      <c r="DP33" s="327">
        <v>0</v>
      </c>
      <c r="DQ33" s="327">
        <v>156320</v>
      </c>
      <c r="DR33" s="328">
        <v>259404</v>
      </c>
      <c r="DS33" s="330">
        <v>259404</v>
      </c>
      <c r="DT33" s="326">
        <v>0</v>
      </c>
      <c r="DU33" s="327">
        <v>0</v>
      </c>
      <c r="DV33" s="328">
        <v>0</v>
      </c>
      <c r="DW33" s="326">
        <v>0</v>
      </c>
      <c r="DX33" s="327">
        <v>45212</v>
      </c>
      <c r="DY33" s="327">
        <v>0</v>
      </c>
      <c r="DZ33" s="327">
        <v>0</v>
      </c>
      <c r="EA33" s="327">
        <v>0</v>
      </c>
      <c r="EB33" s="327">
        <v>156320</v>
      </c>
      <c r="EC33" s="328">
        <v>201532</v>
      </c>
      <c r="ED33" s="330">
        <v>201532</v>
      </c>
      <c r="EE33" s="326">
        <v>0</v>
      </c>
      <c r="EF33" s="331">
        <v>0</v>
      </c>
      <c r="EG33" s="328">
        <v>0</v>
      </c>
      <c r="EH33" s="326">
        <v>0</v>
      </c>
      <c r="EI33" s="327">
        <v>0</v>
      </c>
      <c r="EJ33" s="327">
        <v>0</v>
      </c>
      <c r="EK33" s="327">
        <v>57872</v>
      </c>
      <c r="EL33" s="327">
        <v>0</v>
      </c>
      <c r="EM33" s="327">
        <v>0</v>
      </c>
      <c r="EN33" s="331">
        <v>57872</v>
      </c>
      <c r="EO33" s="330">
        <v>57872</v>
      </c>
      <c r="EP33" s="326">
        <v>0</v>
      </c>
      <c r="EQ33" s="327">
        <v>0</v>
      </c>
      <c r="ER33" s="331">
        <v>0</v>
      </c>
      <c r="ES33" s="332">
        <v>0</v>
      </c>
      <c r="ET33" s="327">
        <v>0</v>
      </c>
      <c r="EU33" s="327">
        <v>0</v>
      </c>
      <c r="EV33" s="327">
        <v>0</v>
      </c>
      <c r="EW33" s="327">
        <v>0</v>
      </c>
      <c r="EX33" s="327">
        <v>0</v>
      </c>
      <c r="EY33" s="328">
        <v>0</v>
      </c>
      <c r="EZ33" s="330">
        <v>0</v>
      </c>
      <c r="FA33" s="326">
        <v>0</v>
      </c>
      <c r="FB33" s="327">
        <v>0</v>
      </c>
      <c r="FC33" s="331">
        <v>0</v>
      </c>
      <c r="FD33" s="332">
        <v>0</v>
      </c>
      <c r="FE33" s="327">
        <v>0</v>
      </c>
      <c r="FF33" s="327">
        <v>0</v>
      </c>
      <c r="FG33" s="327">
        <v>0</v>
      </c>
      <c r="FH33" s="327">
        <v>0</v>
      </c>
      <c r="FI33" s="327">
        <v>0</v>
      </c>
      <c r="FJ33" s="328">
        <v>0</v>
      </c>
      <c r="FK33" s="330">
        <v>0</v>
      </c>
      <c r="FL33" s="326">
        <v>0</v>
      </c>
      <c r="FM33" s="327">
        <v>800</v>
      </c>
      <c r="FN33" s="328">
        <v>800</v>
      </c>
      <c r="FO33" s="326">
        <v>0</v>
      </c>
      <c r="FP33" s="327">
        <v>44992</v>
      </c>
      <c r="FQ33" s="327">
        <v>90387</v>
      </c>
      <c r="FR33" s="327">
        <v>40000</v>
      </c>
      <c r="FS33" s="327">
        <v>9040</v>
      </c>
      <c r="FT33" s="327">
        <v>0</v>
      </c>
      <c r="FU33" s="328">
        <v>184419</v>
      </c>
      <c r="FV33" s="330">
        <v>185219</v>
      </c>
      <c r="FW33" s="333">
        <v>0</v>
      </c>
      <c r="FX33" s="327">
        <v>800</v>
      </c>
      <c r="FY33" s="331">
        <v>800</v>
      </c>
      <c r="FZ33" s="332">
        <v>0</v>
      </c>
      <c r="GA33" s="327">
        <v>22112</v>
      </c>
      <c r="GB33" s="327">
        <v>69760</v>
      </c>
      <c r="GC33" s="327">
        <v>40000</v>
      </c>
      <c r="GD33" s="327">
        <v>9040</v>
      </c>
      <c r="GE33" s="327">
        <v>0</v>
      </c>
      <c r="GF33" s="328">
        <v>140912</v>
      </c>
      <c r="GG33" s="334">
        <v>141712</v>
      </c>
      <c r="GH33" s="333">
        <v>0</v>
      </c>
      <c r="GI33" s="327">
        <v>0</v>
      </c>
      <c r="GJ33" s="331">
        <v>0</v>
      </c>
      <c r="GK33" s="332">
        <v>0</v>
      </c>
      <c r="GL33" s="327">
        <v>0</v>
      </c>
      <c r="GM33" s="327">
        <v>20627</v>
      </c>
      <c r="GN33" s="327">
        <v>0</v>
      </c>
      <c r="GO33" s="327">
        <v>0</v>
      </c>
      <c r="GP33" s="327">
        <v>0</v>
      </c>
      <c r="GQ33" s="328">
        <v>20627</v>
      </c>
      <c r="GR33" s="330">
        <v>20627</v>
      </c>
      <c r="GS33" s="326">
        <v>0</v>
      </c>
      <c r="GT33" s="327">
        <v>0</v>
      </c>
      <c r="GU33" s="328">
        <v>0</v>
      </c>
      <c r="GV33" s="326">
        <v>0</v>
      </c>
      <c r="GW33" s="327">
        <v>22880</v>
      </c>
      <c r="GX33" s="327">
        <v>0</v>
      </c>
      <c r="GY33" s="327">
        <v>0</v>
      </c>
      <c r="GZ33" s="327">
        <v>0</v>
      </c>
      <c r="HA33" s="327">
        <v>0</v>
      </c>
      <c r="HB33" s="331">
        <v>22880</v>
      </c>
      <c r="HC33" s="330">
        <v>22880</v>
      </c>
      <c r="HD33" s="326">
        <v>0</v>
      </c>
      <c r="HE33" s="327">
        <v>0</v>
      </c>
      <c r="HF33" s="331">
        <v>0</v>
      </c>
      <c r="HG33" s="332">
        <v>0</v>
      </c>
      <c r="HH33" s="327">
        <v>495734</v>
      </c>
      <c r="HI33" s="327">
        <v>0</v>
      </c>
      <c r="HJ33" s="327">
        <v>0</v>
      </c>
      <c r="HK33" s="327">
        <v>0</v>
      </c>
      <c r="HL33" s="327">
        <v>0</v>
      </c>
      <c r="HM33" s="328">
        <v>495734</v>
      </c>
      <c r="HN33" s="329">
        <v>495734</v>
      </c>
      <c r="HO33" s="333">
        <v>0</v>
      </c>
      <c r="HP33" s="327">
        <v>0</v>
      </c>
      <c r="HQ33" s="328">
        <v>0</v>
      </c>
      <c r="HR33" s="326">
        <v>0</v>
      </c>
      <c r="HS33" s="327">
        <v>0</v>
      </c>
      <c r="HT33" s="327">
        <v>0</v>
      </c>
      <c r="HU33" s="327">
        <v>0</v>
      </c>
      <c r="HV33" s="327">
        <v>0</v>
      </c>
      <c r="HW33" s="327">
        <v>0</v>
      </c>
      <c r="HX33" s="331">
        <v>0</v>
      </c>
      <c r="HY33" s="330">
        <v>0</v>
      </c>
      <c r="HZ33" s="335">
        <v>0</v>
      </c>
      <c r="IA33" s="336">
        <v>0</v>
      </c>
      <c r="IB33" s="337">
        <v>0</v>
      </c>
      <c r="IC33" s="338">
        <v>0</v>
      </c>
      <c r="ID33" s="336">
        <v>104881</v>
      </c>
      <c r="IE33" s="339">
        <v>329706</v>
      </c>
      <c r="IF33" s="337">
        <v>0</v>
      </c>
      <c r="IG33" s="336">
        <v>0</v>
      </c>
      <c r="IH33" s="337">
        <v>273066</v>
      </c>
      <c r="II33" s="340">
        <v>707653</v>
      </c>
      <c r="IJ33" s="341">
        <v>707653</v>
      </c>
      <c r="IK33" s="342">
        <v>0</v>
      </c>
      <c r="IL33" s="343">
        <v>0</v>
      </c>
      <c r="IM33" s="344">
        <v>0</v>
      </c>
      <c r="IN33" s="404">
        <v>0</v>
      </c>
      <c r="IO33" s="345">
        <v>0</v>
      </c>
      <c r="IP33" s="345">
        <v>0</v>
      </c>
      <c r="IQ33" s="345">
        <v>0</v>
      </c>
      <c r="IR33" s="345">
        <v>0</v>
      </c>
      <c r="IS33" s="345">
        <v>0</v>
      </c>
      <c r="IT33" s="346">
        <v>0</v>
      </c>
      <c r="IU33" s="347">
        <v>0</v>
      </c>
      <c r="IV33" s="348">
        <v>0</v>
      </c>
      <c r="IW33" s="345">
        <v>0</v>
      </c>
      <c r="IX33" s="349">
        <v>0</v>
      </c>
      <c r="IY33" s="404">
        <v>0</v>
      </c>
      <c r="IZ33" s="345">
        <v>0</v>
      </c>
      <c r="JA33" s="345">
        <v>0</v>
      </c>
      <c r="JB33" s="345">
        <v>0</v>
      </c>
      <c r="JC33" s="345">
        <v>0</v>
      </c>
      <c r="JD33" s="345">
        <v>0</v>
      </c>
      <c r="JE33" s="349">
        <v>0</v>
      </c>
      <c r="JF33" s="350">
        <v>0</v>
      </c>
      <c r="JG33" s="348">
        <v>0</v>
      </c>
      <c r="JH33" s="345">
        <v>0</v>
      </c>
      <c r="JI33" s="346">
        <v>0</v>
      </c>
      <c r="JJ33" s="351">
        <v>0</v>
      </c>
      <c r="JK33" s="345">
        <v>104881</v>
      </c>
      <c r="JL33" s="345">
        <v>73852</v>
      </c>
      <c r="JM33" s="345">
        <v>0</v>
      </c>
      <c r="JN33" s="345">
        <v>0</v>
      </c>
      <c r="JO33" s="345">
        <v>0</v>
      </c>
      <c r="JP33" s="349">
        <v>178733</v>
      </c>
      <c r="JQ33" s="347">
        <v>178733</v>
      </c>
      <c r="JR33" s="348">
        <v>0</v>
      </c>
      <c r="JS33" s="345">
        <v>0</v>
      </c>
      <c r="JT33" s="346">
        <v>0</v>
      </c>
      <c r="JU33" s="351">
        <v>0</v>
      </c>
      <c r="JV33" s="345">
        <v>0</v>
      </c>
      <c r="JW33" s="345">
        <v>0</v>
      </c>
      <c r="JX33" s="345">
        <v>0</v>
      </c>
      <c r="JY33" s="345">
        <v>0</v>
      </c>
      <c r="JZ33" s="345">
        <v>0</v>
      </c>
      <c r="KA33" s="349">
        <v>0</v>
      </c>
      <c r="KB33" s="347">
        <v>0</v>
      </c>
      <c r="KC33" s="352">
        <v>0</v>
      </c>
      <c r="KD33" s="353">
        <v>0</v>
      </c>
      <c r="KE33" s="349">
        <v>0</v>
      </c>
      <c r="KF33" s="351">
        <v>0</v>
      </c>
      <c r="KG33" s="345">
        <v>0</v>
      </c>
      <c r="KH33" s="345">
        <v>0</v>
      </c>
      <c r="KI33" s="345">
        <v>0</v>
      </c>
      <c r="KJ33" s="345">
        <v>0</v>
      </c>
      <c r="KK33" s="345">
        <v>0</v>
      </c>
      <c r="KL33" s="349">
        <v>0</v>
      </c>
      <c r="KM33" s="354">
        <v>0</v>
      </c>
      <c r="KN33" s="342">
        <v>0</v>
      </c>
      <c r="KO33" s="343">
        <v>0</v>
      </c>
      <c r="KP33" s="344">
        <v>0</v>
      </c>
      <c r="KQ33" s="404">
        <v>0</v>
      </c>
      <c r="KR33" s="345">
        <v>0</v>
      </c>
      <c r="KS33" s="345">
        <v>255854</v>
      </c>
      <c r="KT33" s="345">
        <v>0</v>
      </c>
      <c r="KU33" s="345">
        <v>0</v>
      </c>
      <c r="KV33" s="345">
        <v>273066</v>
      </c>
      <c r="KW33" s="349">
        <v>528920</v>
      </c>
      <c r="KX33" s="347">
        <v>528920</v>
      </c>
      <c r="KY33" s="348">
        <v>0</v>
      </c>
      <c r="KZ33" s="345">
        <v>0</v>
      </c>
      <c r="LA33" s="349">
        <v>0</v>
      </c>
      <c r="LB33" s="404">
        <v>0</v>
      </c>
      <c r="LC33" s="345">
        <v>0</v>
      </c>
      <c r="LD33" s="345">
        <v>0</v>
      </c>
      <c r="LE33" s="345">
        <v>0</v>
      </c>
      <c r="LF33" s="345">
        <v>0</v>
      </c>
      <c r="LG33" s="345">
        <v>0</v>
      </c>
      <c r="LH33" s="349">
        <v>0</v>
      </c>
      <c r="LI33" s="350">
        <v>0</v>
      </c>
      <c r="LJ33" s="348">
        <v>0</v>
      </c>
      <c r="LK33" s="345">
        <v>0</v>
      </c>
      <c r="LL33" s="349">
        <v>0</v>
      </c>
      <c r="LM33" s="404">
        <v>0</v>
      </c>
      <c r="LN33" s="345">
        <v>0</v>
      </c>
      <c r="LO33" s="345">
        <v>0</v>
      </c>
      <c r="LP33" s="345">
        <v>0</v>
      </c>
      <c r="LQ33" s="345">
        <v>0</v>
      </c>
      <c r="LR33" s="345">
        <v>0</v>
      </c>
      <c r="LS33" s="349">
        <v>0</v>
      </c>
      <c r="LT33" s="347">
        <v>0</v>
      </c>
      <c r="LU33" s="348">
        <v>0</v>
      </c>
      <c r="LV33" s="345">
        <v>0</v>
      </c>
      <c r="LW33" s="349">
        <v>0</v>
      </c>
      <c r="LX33" s="404">
        <v>0</v>
      </c>
      <c r="LY33" s="345">
        <v>0</v>
      </c>
      <c r="LZ33" s="345">
        <v>0</v>
      </c>
      <c r="MA33" s="345">
        <v>0</v>
      </c>
      <c r="MB33" s="345">
        <v>0</v>
      </c>
      <c r="MC33" s="345">
        <v>0</v>
      </c>
      <c r="MD33" s="349">
        <v>0</v>
      </c>
      <c r="ME33" s="350">
        <v>0</v>
      </c>
      <c r="MF33" s="348">
        <v>0</v>
      </c>
      <c r="MG33" s="345">
        <v>0</v>
      </c>
      <c r="MH33" s="349">
        <v>0</v>
      </c>
      <c r="MI33" s="404">
        <v>0</v>
      </c>
      <c r="MJ33" s="345">
        <v>0</v>
      </c>
      <c r="MK33" s="345">
        <v>0</v>
      </c>
      <c r="ML33" s="345">
        <v>0</v>
      </c>
      <c r="MM33" s="345">
        <v>532518</v>
      </c>
      <c r="MN33" s="345">
        <v>294715</v>
      </c>
      <c r="MO33" s="349">
        <v>827233</v>
      </c>
      <c r="MP33" s="354">
        <v>827233</v>
      </c>
      <c r="MQ33" s="348">
        <v>0</v>
      </c>
      <c r="MR33" s="345">
        <v>0</v>
      </c>
      <c r="MS33" s="349">
        <v>0</v>
      </c>
      <c r="MT33" s="404">
        <v>0</v>
      </c>
      <c r="MU33" s="345">
        <v>0</v>
      </c>
      <c r="MV33" s="345">
        <v>0</v>
      </c>
      <c r="MW33" s="345">
        <v>0</v>
      </c>
      <c r="MX33" s="345">
        <v>246586</v>
      </c>
      <c r="MY33" s="345">
        <v>294715</v>
      </c>
      <c r="MZ33" s="349">
        <v>541301</v>
      </c>
      <c r="NA33" s="354">
        <v>541301</v>
      </c>
      <c r="NB33" s="348">
        <v>0</v>
      </c>
      <c r="NC33" s="345">
        <v>0</v>
      </c>
      <c r="ND33" s="349">
        <v>0</v>
      </c>
      <c r="NE33" s="404">
        <v>0</v>
      </c>
      <c r="NF33" s="345">
        <v>0</v>
      </c>
      <c r="NG33" s="345">
        <v>0</v>
      </c>
      <c r="NH33" s="345">
        <v>0</v>
      </c>
      <c r="NI33" s="345">
        <v>285932</v>
      </c>
      <c r="NJ33" s="345">
        <v>0</v>
      </c>
      <c r="NK33" s="349">
        <v>285932</v>
      </c>
      <c r="NL33" s="347">
        <v>285932</v>
      </c>
      <c r="NM33" s="348">
        <v>0</v>
      </c>
      <c r="NN33" s="345">
        <v>0</v>
      </c>
      <c r="NO33" s="349">
        <v>0</v>
      </c>
      <c r="NP33" s="404">
        <v>0</v>
      </c>
      <c r="NQ33" s="345">
        <v>0</v>
      </c>
      <c r="NR33" s="345">
        <v>0</v>
      </c>
      <c r="NS33" s="345">
        <v>0</v>
      </c>
      <c r="NT33" s="345">
        <v>0</v>
      </c>
      <c r="NU33" s="345">
        <v>0</v>
      </c>
      <c r="NV33" s="349">
        <v>0</v>
      </c>
      <c r="NW33" s="350">
        <v>0</v>
      </c>
      <c r="NX33" s="348">
        <v>0</v>
      </c>
      <c r="NY33" s="345">
        <v>0</v>
      </c>
      <c r="NZ33" s="349">
        <v>0</v>
      </c>
      <c r="OA33" s="404">
        <v>0</v>
      </c>
      <c r="OB33" s="345">
        <v>0</v>
      </c>
      <c r="OC33" s="345">
        <v>0</v>
      </c>
      <c r="OD33" s="345">
        <v>0</v>
      </c>
      <c r="OE33" s="345">
        <v>0</v>
      </c>
      <c r="OF33" s="345">
        <v>0</v>
      </c>
      <c r="OG33" s="349">
        <v>0</v>
      </c>
      <c r="OH33" s="350">
        <v>0</v>
      </c>
      <c r="OI33" s="348">
        <v>0</v>
      </c>
      <c r="OJ33" s="345">
        <v>800</v>
      </c>
      <c r="OK33" s="346">
        <v>800</v>
      </c>
      <c r="OL33" s="351">
        <v>0</v>
      </c>
      <c r="OM33" s="345">
        <v>923651</v>
      </c>
      <c r="ON33" s="345">
        <v>501457</v>
      </c>
      <c r="OO33" s="345">
        <v>491985</v>
      </c>
      <c r="OP33" s="345">
        <v>556262</v>
      </c>
      <c r="OQ33" s="345">
        <v>743259</v>
      </c>
      <c r="OR33" s="349">
        <v>3216614</v>
      </c>
      <c r="OS33" s="354">
        <v>3217414</v>
      </c>
    </row>
    <row r="34" spans="2:409" s="70" customFormat="1" ht="21" customHeight="1" x14ac:dyDescent="0.2">
      <c r="B34" s="410" t="s">
        <v>29</v>
      </c>
      <c r="C34" s="326">
        <v>93354</v>
      </c>
      <c r="D34" s="327">
        <v>31976</v>
      </c>
      <c r="E34" s="328">
        <v>125330</v>
      </c>
      <c r="F34" s="329">
        <v>0</v>
      </c>
      <c r="G34" s="327">
        <v>389251</v>
      </c>
      <c r="H34" s="327">
        <v>207245</v>
      </c>
      <c r="I34" s="327">
        <v>491482</v>
      </c>
      <c r="J34" s="327">
        <v>312224</v>
      </c>
      <c r="K34" s="327">
        <v>0</v>
      </c>
      <c r="L34" s="367">
        <v>1400202</v>
      </c>
      <c r="M34" s="330">
        <v>1525532</v>
      </c>
      <c r="N34" s="326">
        <v>32330</v>
      </c>
      <c r="O34" s="327">
        <v>17736</v>
      </c>
      <c r="P34" s="328">
        <v>50066</v>
      </c>
      <c r="Q34" s="326">
        <v>0</v>
      </c>
      <c r="R34" s="327">
        <v>43672</v>
      </c>
      <c r="S34" s="327">
        <v>55205</v>
      </c>
      <c r="T34" s="327">
        <v>217514</v>
      </c>
      <c r="U34" s="327">
        <v>206684</v>
      </c>
      <c r="V34" s="327">
        <v>0</v>
      </c>
      <c r="W34" s="328">
        <v>523075</v>
      </c>
      <c r="X34" s="330">
        <v>573141</v>
      </c>
      <c r="Y34" s="326">
        <v>0</v>
      </c>
      <c r="Z34" s="327">
        <v>0</v>
      </c>
      <c r="AA34" s="328">
        <v>0</v>
      </c>
      <c r="AB34" s="326">
        <v>0</v>
      </c>
      <c r="AC34" s="327">
        <v>0</v>
      </c>
      <c r="AD34" s="327">
        <v>42773</v>
      </c>
      <c r="AE34" s="327">
        <v>70001</v>
      </c>
      <c r="AF34" s="327">
        <v>193660</v>
      </c>
      <c r="AG34" s="327">
        <v>0</v>
      </c>
      <c r="AH34" s="328">
        <v>306434</v>
      </c>
      <c r="AI34" s="330">
        <v>306434</v>
      </c>
      <c r="AJ34" s="326">
        <v>0</v>
      </c>
      <c r="AK34" s="327">
        <v>0</v>
      </c>
      <c r="AL34" s="328">
        <v>0</v>
      </c>
      <c r="AM34" s="326">
        <v>0</v>
      </c>
      <c r="AN34" s="327">
        <v>0</v>
      </c>
      <c r="AO34" s="327">
        <v>0</v>
      </c>
      <c r="AP34" s="327">
        <v>0</v>
      </c>
      <c r="AQ34" s="327">
        <v>0</v>
      </c>
      <c r="AR34" s="327">
        <v>0</v>
      </c>
      <c r="AS34" s="328">
        <v>0</v>
      </c>
      <c r="AT34" s="330">
        <v>0</v>
      </c>
      <c r="AU34" s="326">
        <v>22698</v>
      </c>
      <c r="AV34" s="327">
        <v>17736</v>
      </c>
      <c r="AW34" s="328">
        <v>40434</v>
      </c>
      <c r="AX34" s="326">
        <v>0</v>
      </c>
      <c r="AY34" s="327">
        <v>19968</v>
      </c>
      <c r="AZ34" s="327">
        <v>12432</v>
      </c>
      <c r="BA34" s="327">
        <v>111488</v>
      </c>
      <c r="BB34" s="327">
        <v>0</v>
      </c>
      <c r="BC34" s="327">
        <v>0</v>
      </c>
      <c r="BD34" s="328">
        <v>143888</v>
      </c>
      <c r="BE34" s="330">
        <v>184322</v>
      </c>
      <c r="BF34" s="326">
        <v>0</v>
      </c>
      <c r="BG34" s="327">
        <v>0</v>
      </c>
      <c r="BH34" s="331">
        <v>0</v>
      </c>
      <c r="BI34" s="332">
        <v>0</v>
      </c>
      <c r="BJ34" s="327">
        <v>0</v>
      </c>
      <c r="BK34" s="327">
        <v>0</v>
      </c>
      <c r="BL34" s="327">
        <v>31209</v>
      </c>
      <c r="BM34" s="327">
        <v>0</v>
      </c>
      <c r="BN34" s="327">
        <v>0</v>
      </c>
      <c r="BO34" s="328">
        <v>31209</v>
      </c>
      <c r="BP34" s="330">
        <v>31209</v>
      </c>
      <c r="BQ34" s="326">
        <v>9632</v>
      </c>
      <c r="BR34" s="327">
        <v>0</v>
      </c>
      <c r="BS34" s="328">
        <v>9632</v>
      </c>
      <c r="BT34" s="326">
        <v>0</v>
      </c>
      <c r="BU34" s="327">
        <v>23704</v>
      </c>
      <c r="BV34" s="327">
        <v>0</v>
      </c>
      <c r="BW34" s="327">
        <v>4816</v>
      </c>
      <c r="BX34" s="327">
        <v>13024</v>
      </c>
      <c r="BY34" s="327">
        <v>0</v>
      </c>
      <c r="BZ34" s="328">
        <v>41544</v>
      </c>
      <c r="CA34" s="330">
        <v>51176</v>
      </c>
      <c r="CB34" s="326">
        <v>0</v>
      </c>
      <c r="CC34" s="327">
        <v>0</v>
      </c>
      <c r="CD34" s="328">
        <v>0</v>
      </c>
      <c r="CE34" s="326">
        <v>0</v>
      </c>
      <c r="CF34" s="327">
        <v>20792</v>
      </c>
      <c r="CG34" s="327">
        <v>111448</v>
      </c>
      <c r="CH34" s="327">
        <v>161848</v>
      </c>
      <c r="CI34" s="327">
        <v>64836</v>
      </c>
      <c r="CJ34" s="327">
        <v>0</v>
      </c>
      <c r="CK34" s="328">
        <v>358924</v>
      </c>
      <c r="CL34" s="330">
        <v>358924</v>
      </c>
      <c r="CM34" s="326">
        <v>0</v>
      </c>
      <c r="CN34" s="327">
        <v>0</v>
      </c>
      <c r="CO34" s="328">
        <v>0</v>
      </c>
      <c r="CP34" s="332">
        <v>0</v>
      </c>
      <c r="CQ34" s="327">
        <v>0</v>
      </c>
      <c r="CR34" s="327">
        <v>111448</v>
      </c>
      <c r="CS34" s="327">
        <v>78176</v>
      </c>
      <c r="CT34" s="327">
        <v>0</v>
      </c>
      <c r="CU34" s="327">
        <v>0</v>
      </c>
      <c r="CV34" s="328">
        <v>189624</v>
      </c>
      <c r="CW34" s="330">
        <v>189624</v>
      </c>
      <c r="CX34" s="326">
        <v>0</v>
      </c>
      <c r="CY34" s="327">
        <v>0</v>
      </c>
      <c r="CZ34" s="328">
        <v>0</v>
      </c>
      <c r="DA34" s="326">
        <v>0</v>
      </c>
      <c r="DB34" s="327">
        <v>20792</v>
      </c>
      <c r="DC34" s="327">
        <v>0</v>
      </c>
      <c r="DD34" s="327">
        <v>83672</v>
      </c>
      <c r="DE34" s="327">
        <v>64836</v>
      </c>
      <c r="DF34" s="327">
        <v>0</v>
      </c>
      <c r="DG34" s="328">
        <v>169300</v>
      </c>
      <c r="DH34" s="330">
        <v>169300</v>
      </c>
      <c r="DI34" s="326">
        <v>0</v>
      </c>
      <c r="DJ34" s="327">
        <v>0</v>
      </c>
      <c r="DK34" s="331">
        <v>0</v>
      </c>
      <c r="DL34" s="332">
        <v>0</v>
      </c>
      <c r="DM34" s="327">
        <v>0</v>
      </c>
      <c r="DN34" s="327">
        <v>16272</v>
      </c>
      <c r="DO34" s="327">
        <v>0</v>
      </c>
      <c r="DP34" s="327">
        <v>0</v>
      </c>
      <c r="DQ34" s="327">
        <v>0</v>
      </c>
      <c r="DR34" s="328">
        <v>16272</v>
      </c>
      <c r="DS34" s="330">
        <v>16272</v>
      </c>
      <c r="DT34" s="326">
        <v>0</v>
      </c>
      <c r="DU34" s="327">
        <v>0</v>
      </c>
      <c r="DV34" s="328">
        <v>0</v>
      </c>
      <c r="DW34" s="326">
        <v>0</v>
      </c>
      <c r="DX34" s="327">
        <v>0</v>
      </c>
      <c r="DY34" s="327">
        <v>16272</v>
      </c>
      <c r="DZ34" s="327">
        <v>0</v>
      </c>
      <c r="EA34" s="327">
        <v>0</v>
      </c>
      <c r="EB34" s="327">
        <v>0</v>
      </c>
      <c r="EC34" s="328">
        <v>16272</v>
      </c>
      <c r="ED34" s="330">
        <v>16272</v>
      </c>
      <c r="EE34" s="326">
        <v>0</v>
      </c>
      <c r="EF34" s="331">
        <v>0</v>
      </c>
      <c r="EG34" s="328">
        <v>0</v>
      </c>
      <c r="EH34" s="326">
        <v>0</v>
      </c>
      <c r="EI34" s="327">
        <v>0</v>
      </c>
      <c r="EJ34" s="327">
        <v>0</v>
      </c>
      <c r="EK34" s="327">
        <v>0</v>
      </c>
      <c r="EL34" s="327">
        <v>0</v>
      </c>
      <c r="EM34" s="327">
        <v>0</v>
      </c>
      <c r="EN34" s="331">
        <v>0</v>
      </c>
      <c r="EO34" s="330">
        <v>0</v>
      </c>
      <c r="EP34" s="326">
        <v>0</v>
      </c>
      <c r="EQ34" s="327">
        <v>0</v>
      </c>
      <c r="ER34" s="331">
        <v>0</v>
      </c>
      <c r="ES34" s="332">
        <v>0</v>
      </c>
      <c r="ET34" s="327">
        <v>0</v>
      </c>
      <c r="EU34" s="327">
        <v>0</v>
      </c>
      <c r="EV34" s="327">
        <v>0</v>
      </c>
      <c r="EW34" s="327">
        <v>0</v>
      </c>
      <c r="EX34" s="327">
        <v>0</v>
      </c>
      <c r="EY34" s="328">
        <v>0</v>
      </c>
      <c r="EZ34" s="330">
        <v>0</v>
      </c>
      <c r="FA34" s="326">
        <v>0</v>
      </c>
      <c r="FB34" s="327">
        <v>0</v>
      </c>
      <c r="FC34" s="331">
        <v>0</v>
      </c>
      <c r="FD34" s="332">
        <v>0</v>
      </c>
      <c r="FE34" s="327">
        <v>0</v>
      </c>
      <c r="FF34" s="327">
        <v>0</v>
      </c>
      <c r="FG34" s="327">
        <v>0</v>
      </c>
      <c r="FH34" s="327">
        <v>0</v>
      </c>
      <c r="FI34" s="327">
        <v>0</v>
      </c>
      <c r="FJ34" s="328">
        <v>0</v>
      </c>
      <c r="FK34" s="330">
        <v>0</v>
      </c>
      <c r="FL34" s="326">
        <v>7440</v>
      </c>
      <c r="FM34" s="327">
        <v>14240</v>
      </c>
      <c r="FN34" s="328">
        <v>21680</v>
      </c>
      <c r="FO34" s="326">
        <v>0</v>
      </c>
      <c r="FP34" s="327">
        <v>4400</v>
      </c>
      <c r="FQ34" s="327">
        <v>24320</v>
      </c>
      <c r="FR34" s="327">
        <v>112120</v>
      </c>
      <c r="FS34" s="327">
        <v>40704</v>
      </c>
      <c r="FT34" s="327">
        <v>0</v>
      </c>
      <c r="FU34" s="328">
        <v>181544</v>
      </c>
      <c r="FV34" s="330">
        <v>203224</v>
      </c>
      <c r="FW34" s="333">
        <v>7440</v>
      </c>
      <c r="FX34" s="327">
        <v>14240</v>
      </c>
      <c r="FY34" s="331">
        <v>21680</v>
      </c>
      <c r="FZ34" s="332">
        <v>0</v>
      </c>
      <c r="GA34" s="327">
        <v>4400</v>
      </c>
      <c r="GB34" s="327">
        <v>24320</v>
      </c>
      <c r="GC34" s="327">
        <v>112120</v>
      </c>
      <c r="GD34" s="327">
        <v>40704</v>
      </c>
      <c r="GE34" s="327">
        <v>0</v>
      </c>
      <c r="GF34" s="328">
        <v>181544</v>
      </c>
      <c r="GG34" s="334">
        <v>203224</v>
      </c>
      <c r="GH34" s="333">
        <v>0</v>
      </c>
      <c r="GI34" s="327">
        <v>0</v>
      </c>
      <c r="GJ34" s="331">
        <v>0</v>
      </c>
      <c r="GK34" s="332">
        <v>0</v>
      </c>
      <c r="GL34" s="327">
        <v>0</v>
      </c>
      <c r="GM34" s="327">
        <v>0</v>
      </c>
      <c r="GN34" s="327">
        <v>0</v>
      </c>
      <c r="GO34" s="327">
        <v>0</v>
      </c>
      <c r="GP34" s="327">
        <v>0</v>
      </c>
      <c r="GQ34" s="328">
        <v>0</v>
      </c>
      <c r="GR34" s="330">
        <v>0</v>
      </c>
      <c r="GS34" s="326">
        <v>0</v>
      </c>
      <c r="GT34" s="327">
        <v>0</v>
      </c>
      <c r="GU34" s="328">
        <v>0</v>
      </c>
      <c r="GV34" s="326">
        <v>0</v>
      </c>
      <c r="GW34" s="327">
        <v>0</v>
      </c>
      <c r="GX34" s="327">
        <v>0</v>
      </c>
      <c r="GY34" s="327">
        <v>0</v>
      </c>
      <c r="GZ34" s="327">
        <v>0</v>
      </c>
      <c r="HA34" s="327">
        <v>0</v>
      </c>
      <c r="HB34" s="331">
        <v>0</v>
      </c>
      <c r="HC34" s="330">
        <v>0</v>
      </c>
      <c r="HD34" s="326">
        <v>53584</v>
      </c>
      <c r="HE34" s="327">
        <v>0</v>
      </c>
      <c r="HF34" s="331">
        <v>53584</v>
      </c>
      <c r="HG34" s="332">
        <v>0</v>
      </c>
      <c r="HH34" s="327">
        <v>320387</v>
      </c>
      <c r="HI34" s="327">
        <v>0</v>
      </c>
      <c r="HJ34" s="327">
        <v>0</v>
      </c>
      <c r="HK34" s="327">
        <v>0</v>
      </c>
      <c r="HL34" s="327">
        <v>0</v>
      </c>
      <c r="HM34" s="328">
        <v>320387</v>
      </c>
      <c r="HN34" s="329">
        <v>373971</v>
      </c>
      <c r="HO34" s="333">
        <v>0</v>
      </c>
      <c r="HP34" s="327">
        <v>0</v>
      </c>
      <c r="HQ34" s="328">
        <v>0</v>
      </c>
      <c r="HR34" s="326">
        <v>0</v>
      </c>
      <c r="HS34" s="327">
        <v>0</v>
      </c>
      <c r="HT34" s="327">
        <v>0</v>
      </c>
      <c r="HU34" s="327">
        <v>0</v>
      </c>
      <c r="HV34" s="327">
        <v>0</v>
      </c>
      <c r="HW34" s="327">
        <v>0</v>
      </c>
      <c r="HX34" s="331">
        <v>0</v>
      </c>
      <c r="HY34" s="330">
        <v>0</v>
      </c>
      <c r="HZ34" s="358">
        <v>0</v>
      </c>
      <c r="IA34" s="356">
        <v>0</v>
      </c>
      <c r="IB34" s="358">
        <v>0</v>
      </c>
      <c r="IC34" s="355">
        <v>0</v>
      </c>
      <c r="ID34" s="356">
        <v>0</v>
      </c>
      <c r="IE34" s="357">
        <v>137392</v>
      </c>
      <c r="IF34" s="358">
        <v>176080</v>
      </c>
      <c r="IG34" s="356">
        <v>0</v>
      </c>
      <c r="IH34" s="358">
        <v>0</v>
      </c>
      <c r="II34" s="359">
        <v>313472</v>
      </c>
      <c r="IJ34" s="358">
        <v>313472</v>
      </c>
      <c r="IK34" s="342">
        <v>0</v>
      </c>
      <c r="IL34" s="343">
        <v>0</v>
      </c>
      <c r="IM34" s="344">
        <v>0</v>
      </c>
      <c r="IN34" s="404">
        <v>0</v>
      </c>
      <c r="IO34" s="345">
        <v>0</v>
      </c>
      <c r="IP34" s="345">
        <v>0</v>
      </c>
      <c r="IQ34" s="345">
        <v>92024</v>
      </c>
      <c r="IR34" s="345">
        <v>0</v>
      </c>
      <c r="IS34" s="345">
        <v>0</v>
      </c>
      <c r="IT34" s="346">
        <v>92024</v>
      </c>
      <c r="IU34" s="347">
        <v>92024</v>
      </c>
      <c r="IV34" s="348">
        <v>0</v>
      </c>
      <c r="IW34" s="345">
        <v>0</v>
      </c>
      <c r="IX34" s="349">
        <v>0</v>
      </c>
      <c r="IY34" s="404">
        <v>0</v>
      </c>
      <c r="IZ34" s="345">
        <v>0</v>
      </c>
      <c r="JA34" s="345">
        <v>0</v>
      </c>
      <c r="JB34" s="345">
        <v>0</v>
      </c>
      <c r="JC34" s="345">
        <v>0</v>
      </c>
      <c r="JD34" s="345">
        <v>0</v>
      </c>
      <c r="JE34" s="349">
        <v>0</v>
      </c>
      <c r="JF34" s="350">
        <v>0</v>
      </c>
      <c r="JG34" s="348">
        <v>0</v>
      </c>
      <c r="JH34" s="345">
        <v>0</v>
      </c>
      <c r="JI34" s="346">
        <v>0</v>
      </c>
      <c r="JJ34" s="351">
        <v>0</v>
      </c>
      <c r="JK34" s="345">
        <v>0</v>
      </c>
      <c r="JL34" s="345">
        <v>60184</v>
      </c>
      <c r="JM34" s="345">
        <v>84056</v>
      </c>
      <c r="JN34" s="345">
        <v>0</v>
      </c>
      <c r="JO34" s="345">
        <v>0</v>
      </c>
      <c r="JP34" s="349">
        <v>144240</v>
      </c>
      <c r="JQ34" s="347">
        <v>144240</v>
      </c>
      <c r="JR34" s="348">
        <v>0</v>
      </c>
      <c r="JS34" s="345">
        <v>0</v>
      </c>
      <c r="JT34" s="346">
        <v>0</v>
      </c>
      <c r="JU34" s="351">
        <v>0</v>
      </c>
      <c r="JV34" s="345">
        <v>0</v>
      </c>
      <c r="JW34" s="345">
        <v>77208</v>
      </c>
      <c r="JX34" s="345">
        <v>0</v>
      </c>
      <c r="JY34" s="345">
        <v>0</v>
      </c>
      <c r="JZ34" s="345">
        <v>0</v>
      </c>
      <c r="KA34" s="349">
        <v>77208</v>
      </c>
      <c r="KB34" s="347">
        <v>77208</v>
      </c>
      <c r="KC34" s="352">
        <v>0</v>
      </c>
      <c r="KD34" s="353">
        <v>0</v>
      </c>
      <c r="KE34" s="349">
        <v>0</v>
      </c>
      <c r="KF34" s="351">
        <v>0</v>
      </c>
      <c r="KG34" s="345">
        <v>0</v>
      </c>
      <c r="KH34" s="345">
        <v>0</v>
      </c>
      <c r="KI34" s="345">
        <v>0</v>
      </c>
      <c r="KJ34" s="345">
        <v>0</v>
      </c>
      <c r="KK34" s="345">
        <v>0</v>
      </c>
      <c r="KL34" s="349">
        <v>0</v>
      </c>
      <c r="KM34" s="354">
        <v>0</v>
      </c>
      <c r="KN34" s="342">
        <v>0</v>
      </c>
      <c r="KO34" s="343">
        <v>0</v>
      </c>
      <c r="KP34" s="344">
        <v>0</v>
      </c>
      <c r="KQ34" s="404">
        <v>0</v>
      </c>
      <c r="KR34" s="345">
        <v>0</v>
      </c>
      <c r="KS34" s="345">
        <v>0</v>
      </c>
      <c r="KT34" s="345">
        <v>0</v>
      </c>
      <c r="KU34" s="345">
        <v>0</v>
      </c>
      <c r="KV34" s="345">
        <v>0</v>
      </c>
      <c r="KW34" s="349">
        <v>0</v>
      </c>
      <c r="KX34" s="347">
        <v>0</v>
      </c>
      <c r="KY34" s="348">
        <v>0</v>
      </c>
      <c r="KZ34" s="345">
        <v>0</v>
      </c>
      <c r="LA34" s="349">
        <v>0</v>
      </c>
      <c r="LB34" s="404">
        <v>0</v>
      </c>
      <c r="LC34" s="345">
        <v>0</v>
      </c>
      <c r="LD34" s="345">
        <v>0</v>
      </c>
      <c r="LE34" s="345">
        <v>0</v>
      </c>
      <c r="LF34" s="345">
        <v>0</v>
      </c>
      <c r="LG34" s="345">
        <v>0</v>
      </c>
      <c r="LH34" s="349">
        <v>0</v>
      </c>
      <c r="LI34" s="350">
        <v>0</v>
      </c>
      <c r="LJ34" s="348">
        <v>0</v>
      </c>
      <c r="LK34" s="345">
        <v>0</v>
      </c>
      <c r="LL34" s="349">
        <v>0</v>
      </c>
      <c r="LM34" s="404">
        <v>0</v>
      </c>
      <c r="LN34" s="345">
        <v>0</v>
      </c>
      <c r="LO34" s="345">
        <v>0</v>
      </c>
      <c r="LP34" s="345">
        <v>0</v>
      </c>
      <c r="LQ34" s="345">
        <v>0</v>
      </c>
      <c r="LR34" s="345">
        <v>0</v>
      </c>
      <c r="LS34" s="349">
        <v>0</v>
      </c>
      <c r="LT34" s="347">
        <v>0</v>
      </c>
      <c r="LU34" s="348">
        <v>0</v>
      </c>
      <c r="LV34" s="345">
        <v>0</v>
      </c>
      <c r="LW34" s="349">
        <v>0</v>
      </c>
      <c r="LX34" s="404">
        <v>0</v>
      </c>
      <c r="LY34" s="345">
        <v>0</v>
      </c>
      <c r="LZ34" s="345">
        <v>0</v>
      </c>
      <c r="MA34" s="345">
        <v>0</v>
      </c>
      <c r="MB34" s="345">
        <v>0</v>
      </c>
      <c r="MC34" s="345">
        <v>0</v>
      </c>
      <c r="MD34" s="349">
        <v>0</v>
      </c>
      <c r="ME34" s="350">
        <v>0</v>
      </c>
      <c r="MF34" s="348">
        <v>0</v>
      </c>
      <c r="MG34" s="345">
        <v>0</v>
      </c>
      <c r="MH34" s="349">
        <v>0</v>
      </c>
      <c r="MI34" s="404">
        <v>0</v>
      </c>
      <c r="MJ34" s="345">
        <v>0</v>
      </c>
      <c r="MK34" s="345">
        <v>0</v>
      </c>
      <c r="ML34" s="345">
        <v>152472</v>
      </c>
      <c r="MM34" s="345">
        <v>0</v>
      </c>
      <c r="MN34" s="345">
        <v>618546</v>
      </c>
      <c r="MO34" s="349">
        <v>771018</v>
      </c>
      <c r="MP34" s="354">
        <v>771018</v>
      </c>
      <c r="MQ34" s="348">
        <v>0</v>
      </c>
      <c r="MR34" s="345">
        <v>0</v>
      </c>
      <c r="MS34" s="349">
        <v>0</v>
      </c>
      <c r="MT34" s="404">
        <v>0</v>
      </c>
      <c r="MU34" s="345">
        <v>0</v>
      </c>
      <c r="MV34" s="345">
        <v>0</v>
      </c>
      <c r="MW34" s="345">
        <v>0</v>
      </c>
      <c r="MX34" s="345">
        <v>0</v>
      </c>
      <c r="MY34" s="345">
        <v>278980</v>
      </c>
      <c r="MZ34" s="349">
        <v>278980</v>
      </c>
      <c r="NA34" s="354">
        <v>278980</v>
      </c>
      <c r="NB34" s="348">
        <v>0</v>
      </c>
      <c r="NC34" s="345">
        <v>0</v>
      </c>
      <c r="ND34" s="349">
        <v>0</v>
      </c>
      <c r="NE34" s="404">
        <v>0</v>
      </c>
      <c r="NF34" s="345">
        <v>0</v>
      </c>
      <c r="NG34" s="345">
        <v>0</v>
      </c>
      <c r="NH34" s="345">
        <v>152472</v>
      </c>
      <c r="NI34" s="345">
        <v>0</v>
      </c>
      <c r="NJ34" s="345">
        <v>339566</v>
      </c>
      <c r="NK34" s="349">
        <v>492038</v>
      </c>
      <c r="NL34" s="347">
        <v>492038</v>
      </c>
      <c r="NM34" s="348">
        <v>0</v>
      </c>
      <c r="NN34" s="345">
        <v>0</v>
      </c>
      <c r="NO34" s="349">
        <v>0</v>
      </c>
      <c r="NP34" s="404">
        <v>0</v>
      </c>
      <c r="NQ34" s="345">
        <v>0</v>
      </c>
      <c r="NR34" s="345">
        <v>0</v>
      </c>
      <c r="NS34" s="345">
        <v>0</v>
      </c>
      <c r="NT34" s="345">
        <v>0</v>
      </c>
      <c r="NU34" s="345">
        <v>0</v>
      </c>
      <c r="NV34" s="349">
        <v>0</v>
      </c>
      <c r="NW34" s="350">
        <v>0</v>
      </c>
      <c r="NX34" s="348">
        <v>0</v>
      </c>
      <c r="NY34" s="345">
        <v>0</v>
      </c>
      <c r="NZ34" s="349">
        <v>0</v>
      </c>
      <c r="OA34" s="404">
        <v>0</v>
      </c>
      <c r="OB34" s="345">
        <v>0</v>
      </c>
      <c r="OC34" s="345">
        <v>0</v>
      </c>
      <c r="OD34" s="345">
        <v>0</v>
      </c>
      <c r="OE34" s="345">
        <v>0</v>
      </c>
      <c r="OF34" s="345">
        <v>0</v>
      </c>
      <c r="OG34" s="349">
        <v>0</v>
      </c>
      <c r="OH34" s="350">
        <v>0</v>
      </c>
      <c r="OI34" s="348">
        <v>93354</v>
      </c>
      <c r="OJ34" s="345">
        <v>31976</v>
      </c>
      <c r="OK34" s="346">
        <v>125330</v>
      </c>
      <c r="OL34" s="351">
        <v>0</v>
      </c>
      <c r="OM34" s="345">
        <v>389251</v>
      </c>
      <c r="ON34" s="345">
        <v>344637</v>
      </c>
      <c r="OO34" s="345">
        <v>820034</v>
      </c>
      <c r="OP34" s="345">
        <v>312224</v>
      </c>
      <c r="OQ34" s="345">
        <v>618546</v>
      </c>
      <c r="OR34" s="349">
        <v>2484692</v>
      </c>
      <c r="OS34" s="354">
        <v>2610022</v>
      </c>
    </row>
    <row r="35" spans="2:409" s="70" customFormat="1" ht="21" customHeight="1" x14ac:dyDescent="0.2">
      <c r="B35" s="410" t="s">
        <v>30</v>
      </c>
      <c r="C35" s="326">
        <v>54976</v>
      </c>
      <c r="D35" s="327">
        <v>98438</v>
      </c>
      <c r="E35" s="368">
        <v>153414</v>
      </c>
      <c r="F35" s="370">
        <v>0</v>
      </c>
      <c r="G35" s="369">
        <v>299739</v>
      </c>
      <c r="H35" s="369">
        <v>773867</v>
      </c>
      <c r="I35" s="369">
        <v>398272</v>
      </c>
      <c r="J35" s="369">
        <v>781248</v>
      </c>
      <c r="K35" s="369">
        <v>582281</v>
      </c>
      <c r="L35" s="370">
        <v>2835407</v>
      </c>
      <c r="M35" s="330">
        <v>2988821</v>
      </c>
      <c r="N35" s="326">
        <v>17576</v>
      </c>
      <c r="O35" s="327">
        <v>58912</v>
      </c>
      <c r="P35" s="328">
        <v>76488</v>
      </c>
      <c r="Q35" s="326">
        <v>0</v>
      </c>
      <c r="R35" s="327">
        <v>108437</v>
      </c>
      <c r="S35" s="327">
        <v>23456</v>
      </c>
      <c r="T35" s="327">
        <v>223696</v>
      </c>
      <c r="U35" s="327">
        <v>92808</v>
      </c>
      <c r="V35" s="327">
        <v>469737</v>
      </c>
      <c r="W35" s="328">
        <v>918134</v>
      </c>
      <c r="X35" s="330">
        <v>994622</v>
      </c>
      <c r="Y35" s="326">
        <v>0</v>
      </c>
      <c r="Z35" s="327">
        <v>0</v>
      </c>
      <c r="AA35" s="328">
        <v>0</v>
      </c>
      <c r="AB35" s="326">
        <v>0</v>
      </c>
      <c r="AC35" s="327">
        <v>20629</v>
      </c>
      <c r="AD35" s="327">
        <v>0</v>
      </c>
      <c r="AE35" s="327">
        <v>145744</v>
      </c>
      <c r="AF35" s="327">
        <v>0</v>
      </c>
      <c r="AG35" s="327">
        <v>383473</v>
      </c>
      <c r="AH35" s="328">
        <v>549846</v>
      </c>
      <c r="AI35" s="330">
        <v>549846</v>
      </c>
      <c r="AJ35" s="326">
        <v>0</v>
      </c>
      <c r="AK35" s="327">
        <v>0</v>
      </c>
      <c r="AL35" s="328">
        <v>0</v>
      </c>
      <c r="AM35" s="326">
        <v>0</v>
      </c>
      <c r="AN35" s="327">
        <v>0</v>
      </c>
      <c r="AO35" s="327">
        <v>0</v>
      </c>
      <c r="AP35" s="327">
        <v>0</v>
      </c>
      <c r="AQ35" s="327">
        <v>0</v>
      </c>
      <c r="AR35" s="327">
        <v>0</v>
      </c>
      <c r="AS35" s="328">
        <v>0</v>
      </c>
      <c r="AT35" s="330">
        <v>0</v>
      </c>
      <c r="AU35" s="326">
        <v>17576</v>
      </c>
      <c r="AV35" s="327">
        <v>58912</v>
      </c>
      <c r="AW35" s="328">
        <v>76488</v>
      </c>
      <c r="AX35" s="326">
        <v>0</v>
      </c>
      <c r="AY35" s="327">
        <v>57544</v>
      </c>
      <c r="AZ35" s="327">
        <v>0</v>
      </c>
      <c r="BA35" s="327">
        <v>48160</v>
      </c>
      <c r="BB35" s="327">
        <v>76280</v>
      </c>
      <c r="BC35" s="327">
        <v>79128</v>
      </c>
      <c r="BD35" s="328">
        <v>261112</v>
      </c>
      <c r="BE35" s="330">
        <v>337600</v>
      </c>
      <c r="BF35" s="326">
        <v>0</v>
      </c>
      <c r="BG35" s="327">
        <v>0</v>
      </c>
      <c r="BH35" s="331">
        <v>0</v>
      </c>
      <c r="BI35" s="332">
        <v>0</v>
      </c>
      <c r="BJ35" s="327">
        <v>0</v>
      </c>
      <c r="BK35" s="327">
        <v>0</v>
      </c>
      <c r="BL35" s="327">
        <v>0</v>
      </c>
      <c r="BM35" s="327">
        <v>0</v>
      </c>
      <c r="BN35" s="327">
        <v>0</v>
      </c>
      <c r="BO35" s="328">
        <v>0</v>
      </c>
      <c r="BP35" s="330">
        <v>0</v>
      </c>
      <c r="BQ35" s="326">
        <v>0</v>
      </c>
      <c r="BR35" s="327">
        <v>0</v>
      </c>
      <c r="BS35" s="328">
        <v>0</v>
      </c>
      <c r="BT35" s="326">
        <v>0</v>
      </c>
      <c r="BU35" s="327">
        <v>30264</v>
      </c>
      <c r="BV35" s="327">
        <v>23456</v>
      </c>
      <c r="BW35" s="327">
        <v>29792</v>
      </c>
      <c r="BX35" s="327">
        <v>16528</v>
      </c>
      <c r="BY35" s="327">
        <v>7136</v>
      </c>
      <c r="BZ35" s="328">
        <v>107176</v>
      </c>
      <c r="CA35" s="330">
        <v>107176</v>
      </c>
      <c r="CB35" s="326">
        <v>0</v>
      </c>
      <c r="CC35" s="327">
        <v>39526</v>
      </c>
      <c r="CD35" s="328">
        <v>39526</v>
      </c>
      <c r="CE35" s="326">
        <v>0</v>
      </c>
      <c r="CF35" s="327">
        <v>178278</v>
      </c>
      <c r="CG35" s="327">
        <v>21512</v>
      </c>
      <c r="CH35" s="327">
        <v>0</v>
      </c>
      <c r="CI35" s="327">
        <v>106632</v>
      </c>
      <c r="CJ35" s="327">
        <v>36552</v>
      </c>
      <c r="CK35" s="328">
        <v>342974</v>
      </c>
      <c r="CL35" s="330">
        <v>382500</v>
      </c>
      <c r="CM35" s="326">
        <v>0</v>
      </c>
      <c r="CN35" s="327">
        <v>0</v>
      </c>
      <c r="CO35" s="328">
        <v>0</v>
      </c>
      <c r="CP35" s="332">
        <v>0</v>
      </c>
      <c r="CQ35" s="327">
        <v>127959</v>
      </c>
      <c r="CR35" s="327">
        <v>21512</v>
      </c>
      <c r="CS35" s="327">
        <v>0</v>
      </c>
      <c r="CT35" s="327">
        <v>106632</v>
      </c>
      <c r="CU35" s="327">
        <v>36552</v>
      </c>
      <c r="CV35" s="328">
        <v>292655</v>
      </c>
      <c r="CW35" s="330">
        <v>292655</v>
      </c>
      <c r="CX35" s="326">
        <v>0</v>
      </c>
      <c r="CY35" s="327">
        <v>39526</v>
      </c>
      <c r="CZ35" s="328">
        <v>39526</v>
      </c>
      <c r="DA35" s="326">
        <v>0</v>
      </c>
      <c r="DB35" s="327">
        <v>50319</v>
      </c>
      <c r="DC35" s="327">
        <v>0</v>
      </c>
      <c r="DD35" s="327">
        <v>0</v>
      </c>
      <c r="DE35" s="327">
        <v>0</v>
      </c>
      <c r="DF35" s="327">
        <v>0</v>
      </c>
      <c r="DG35" s="328">
        <v>50319</v>
      </c>
      <c r="DH35" s="330">
        <v>89845</v>
      </c>
      <c r="DI35" s="326">
        <v>0</v>
      </c>
      <c r="DJ35" s="327">
        <v>0</v>
      </c>
      <c r="DK35" s="331">
        <v>0</v>
      </c>
      <c r="DL35" s="332">
        <v>0</v>
      </c>
      <c r="DM35" s="327">
        <v>0</v>
      </c>
      <c r="DN35" s="327">
        <v>0</v>
      </c>
      <c r="DO35" s="327">
        <v>89696</v>
      </c>
      <c r="DP35" s="327">
        <v>0</v>
      </c>
      <c r="DQ35" s="327">
        <v>0</v>
      </c>
      <c r="DR35" s="328">
        <v>89696</v>
      </c>
      <c r="DS35" s="330">
        <v>89696</v>
      </c>
      <c r="DT35" s="326">
        <v>0</v>
      </c>
      <c r="DU35" s="327">
        <v>0</v>
      </c>
      <c r="DV35" s="328">
        <v>0</v>
      </c>
      <c r="DW35" s="326">
        <v>0</v>
      </c>
      <c r="DX35" s="327">
        <v>0</v>
      </c>
      <c r="DY35" s="327">
        <v>0</v>
      </c>
      <c r="DZ35" s="327">
        <v>89696</v>
      </c>
      <c r="EA35" s="327">
        <v>0</v>
      </c>
      <c r="EB35" s="327">
        <v>0</v>
      </c>
      <c r="EC35" s="328">
        <v>89696</v>
      </c>
      <c r="ED35" s="330">
        <v>89696</v>
      </c>
      <c r="EE35" s="326">
        <v>0</v>
      </c>
      <c r="EF35" s="331">
        <v>0</v>
      </c>
      <c r="EG35" s="328">
        <v>0</v>
      </c>
      <c r="EH35" s="326">
        <v>0</v>
      </c>
      <c r="EI35" s="327">
        <v>0</v>
      </c>
      <c r="EJ35" s="327">
        <v>0</v>
      </c>
      <c r="EK35" s="327">
        <v>0</v>
      </c>
      <c r="EL35" s="327">
        <v>0</v>
      </c>
      <c r="EM35" s="327">
        <v>0</v>
      </c>
      <c r="EN35" s="331">
        <v>0</v>
      </c>
      <c r="EO35" s="330">
        <v>0</v>
      </c>
      <c r="EP35" s="326">
        <v>0</v>
      </c>
      <c r="EQ35" s="327">
        <v>0</v>
      </c>
      <c r="ER35" s="331">
        <v>0</v>
      </c>
      <c r="ES35" s="332">
        <v>0</v>
      </c>
      <c r="ET35" s="327">
        <v>0</v>
      </c>
      <c r="EU35" s="327">
        <v>0</v>
      </c>
      <c r="EV35" s="327">
        <v>0</v>
      </c>
      <c r="EW35" s="327">
        <v>0</v>
      </c>
      <c r="EX35" s="327">
        <v>0</v>
      </c>
      <c r="EY35" s="328">
        <v>0</v>
      </c>
      <c r="EZ35" s="330">
        <v>0</v>
      </c>
      <c r="FA35" s="326">
        <v>0</v>
      </c>
      <c r="FB35" s="327">
        <v>0</v>
      </c>
      <c r="FC35" s="331">
        <v>0</v>
      </c>
      <c r="FD35" s="332">
        <v>0</v>
      </c>
      <c r="FE35" s="327">
        <v>0</v>
      </c>
      <c r="FF35" s="327">
        <v>0</v>
      </c>
      <c r="FG35" s="327">
        <v>0</v>
      </c>
      <c r="FH35" s="327">
        <v>0</v>
      </c>
      <c r="FI35" s="327">
        <v>0</v>
      </c>
      <c r="FJ35" s="328">
        <v>0</v>
      </c>
      <c r="FK35" s="330">
        <v>0</v>
      </c>
      <c r="FL35" s="326">
        <v>37400</v>
      </c>
      <c r="FM35" s="327">
        <v>0</v>
      </c>
      <c r="FN35" s="328">
        <v>37400</v>
      </c>
      <c r="FO35" s="326">
        <v>0</v>
      </c>
      <c r="FP35" s="327">
        <v>13024</v>
      </c>
      <c r="FQ35" s="327">
        <v>7392</v>
      </c>
      <c r="FR35" s="327">
        <v>84880</v>
      </c>
      <c r="FS35" s="327">
        <v>35440</v>
      </c>
      <c r="FT35" s="327">
        <v>75992</v>
      </c>
      <c r="FU35" s="328">
        <v>216728</v>
      </c>
      <c r="FV35" s="330">
        <v>254128</v>
      </c>
      <c r="FW35" s="333">
        <v>0</v>
      </c>
      <c r="FX35" s="327">
        <v>0</v>
      </c>
      <c r="FY35" s="331">
        <v>0</v>
      </c>
      <c r="FZ35" s="332">
        <v>0</v>
      </c>
      <c r="GA35" s="327">
        <v>13024</v>
      </c>
      <c r="GB35" s="327">
        <v>7392</v>
      </c>
      <c r="GC35" s="327">
        <v>19520</v>
      </c>
      <c r="GD35" s="327">
        <v>35440</v>
      </c>
      <c r="GE35" s="327">
        <v>75992</v>
      </c>
      <c r="GF35" s="328">
        <v>151368</v>
      </c>
      <c r="GG35" s="334">
        <v>151368</v>
      </c>
      <c r="GH35" s="333">
        <v>0</v>
      </c>
      <c r="GI35" s="327">
        <v>0</v>
      </c>
      <c r="GJ35" s="331">
        <v>0</v>
      </c>
      <c r="GK35" s="332">
        <v>0</v>
      </c>
      <c r="GL35" s="327">
        <v>0</v>
      </c>
      <c r="GM35" s="327">
        <v>0</v>
      </c>
      <c r="GN35" s="327">
        <v>30800</v>
      </c>
      <c r="GO35" s="327">
        <v>0</v>
      </c>
      <c r="GP35" s="327">
        <v>0</v>
      </c>
      <c r="GQ35" s="328">
        <v>30800</v>
      </c>
      <c r="GR35" s="330">
        <v>30800</v>
      </c>
      <c r="GS35" s="326">
        <v>37400</v>
      </c>
      <c r="GT35" s="327">
        <v>0</v>
      </c>
      <c r="GU35" s="328">
        <v>37400</v>
      </c>
      <c r="GV35" s="326">
        <v>0</v>
      </c>
      <c r="GW35" s="327">
        <v>0</v>
      </c>
      <c r="GX35" s="327">
        <v>0</v>
      </c>
      <c r="GY35" s="327">
        <v>34560</v>
      </c>
      <c r="GZ35" s="327">
        <v>0</v>
      </c>
      <c r="HA35" s="327">
        <v>0</v>
      </c>
      <c r="HB35" s="331">
        <v>34560</v>
      </c>
      <c r="HC35" s="330">
        <v>71960</v>
      </c>
      <c r="HD35" s="326">
        <v>0</v>
      </c>
      <c r="HE35" s="327">
        <v>0</v>
      </c>
      <c r="HF35" s="331">
        <v>0</v>
      </c>
      <c r="HG35" s="332">
        <v>0</v>
      </c>
      <c r="HH35" s="327">
        <v>0</v>
      </c>
      <c r="HI35" s="327">
        <v>721507</v>
      </c>
      <c r="HJ35" s="327">
        <v>0</v>
      </c>
      <c r="HK35" s="327">
        <v>546368</v>
      </c>
      <c r="HL35" s="327">
        <v>0</v>
      </c>
      <c r="HM35" s="328">
        <v>1267875</v>
      </c>
      <c r="HN35" s="329">
        <v>1267875</v>
      </c>
      <c r="HO35" s="333">
        <v>0</v>
      </c>
      <c r="HP35" s="327">
        <v>0</v>
      </c>
      <c r="HQ35" s="328">
        <v>0</v>
      </c>
      <c r="HR35" s="326">
        <v>0</v>
      </c>
      <c r="HS35" s="327">
        <v>0</v>
      </c>
      <c r="HT35" s="327">
        <v>0</v>
      </c>
      <c r="HU35" s="327">
        <v>0</v>
      </c>
      <c r="HV35" s="327">
        <v>0</v>
      </c>
      <c r="HW35" s="327">
        <v>0</v>
      </c>
      <c r="HX35" s="331">
        <v>0</v>
      </c>
      <c r="HY35" s="330">
        <v>0</v>
      </c>
      <c r="HZ35" s="335">
        <v>0</v>
      </c>
      <c r="IA35" s="336">
        <v>0</v>
      </c>
      <c r="IB35" s="337">
        <v>0</v>
      </c>
      <c r="IC35" s="338">
        <v>0</v>
      </c>
      <c r="ID35" s="336">
        <v>0</v>
      </c>
      <c r="IE35" s="339">
        <v>0</v>
      </c>
      <c r="IF35" s="337">
        <v>317016</v>
      </c>
      <c r="IG35" s="336">
        <v>0</v>
      </c>
      <c r="IH35" s="337">
        <v>0</v>
      </c>
      <c r="II35" s="340">
        <v>317016</v>
      </c>
      <c r="IJ35" s="341">
        <v>317016</v>
      </c>
      <c r="IK35" s="342">
        <v>0</v>
      </c>
      <c r="IL35" s="343">
        <v>0</v>
      </c>
      <c r="IM35" s="344">
        <v>0</v>
      </c>
      <c r="IN35" s="404">
        <v>0</v>
      </c>
      <c r="IO35" s="345">
        <v>0</v>
      </c>
      <c r="IP35" s="345">
        <v>0</v>
      </c>
      <c r="IQ35" s="345">
        <v>0</v>
      </c>
      <c r="IR35" s="345">
        <v>0</v>
      </c>
      <c r="IS35" s="345">
        <v>0</v>
      </c>
      <c r="IT35" s="346">
        <v>0</v>
      </c>
      <c r="IU35" s="347">
        <v>0</v>
      </c>
      <c r="IV35" s="348">
        <v>0</v>
      </c>
      <c r="IW35" s="345">
        <v>0</v>
      </c>
      <c r="IX35" s="349">
        <v>0</v>
      </c>
      <c r="IY35" s="404">
        <v>0</v>
      </c>
      <c r="IZ35" s="345">
        <v>0</v>
      </c>
      <c r="JA35" s="345">
        <v>0</v>
      </c>
      <c r="JB35" s="345">
        <v>0</v>
      </c>
      <c r="JC35" s="345">
        <v>0</v>
      </c>
      <c r="JD35" s="345">
        <v>0</v>
      </c>
      <c r="JE35" s="349">
        <v>0</v>
      </c>
      <c r="JF35" s="350">
        <v>0</v>
      </c>
      <c r="JG35" s="348">
        <v>0</v>
      </c>
      <c r="JH35" s="345">
        <v>0</v>
      </c>
      <c r="JI35" s="346">
        <v>0</v>
      </c>
      <c r="JJ35" s="351">
        <v>0</v>
      </c>
      <c r="JK35" s="345">
        <v>0</v>
      </c>
      <c r="JL35" s="345">
        <v>0</v>
      </c>
      <c r="JM35" s="345">
        <v>67664</v>
      </c>
      <c r="JN35" s="345">
        <v>0</v>
      </c>
      <c r="JO35" s="345">
        <v>0</v>
      </c>
      <c r="JP35" s="349">
        <v>67664</v>
      </c>
      <c r="JQ35" s="347">
        <v>67664</v>
      </c>
      <c r="JR35" s="348">
        <v>0</v>
      </c>
      <c r="JS35" s="345">
        <v>0</v>
      </c>
      <c r="JT35" s="346">
        <v>0</v>
      </c>
      <c r="JU35" s="351">
        <v>0</v>
      </c>
      <c r="JV35" s="345">
        <v>0</v>
      </c>
      <c r="JW35" s="345">
        <v>0</v>
      </c>
      <c r="JX35" s="345">
        <v>0</v>
      </c>
      <c r="JY35" s="345">
        <v>0</v>
      </c>
      <c r="JZ35" s="345">
        <v>0</v>
      </c>
      <c r="KA35" s="349">
        <v>0</v>
      </c>
      <c r="KB35" s="347">
        <v>0</v>
      </c>
      <c r="KC35" s="352">
        <v>0</v>
      </c>
      <c r="KD35" s="353">
        <v>0</v>
      </c>
      <c r="KE35" s="349">
        <v>0</v>
      </c>
      <c r="KF35" s="351">
        <v>0</v>
      </c>
      <c r="KG35" s="345">
        <v>0</v>
      </c>
      <c r="KH35" s="345">
        <v>0</v>
      </c>
      <c r="KI35" s="345">
        <v>0</v>
      </c>
      <c r="KJ35" s="345">
        <v>0</v>
      </c>
      <c r="KK35" s="345">
        <v>0</v>
      </c>
      <c r="KL35" s="349">
        <v>0</v>
      </c>
      <c r="KM35" s="354">
        <v>0</v>
      </c>
      <c r="KN35" s="342">
        <v>0</v>
      </c>
      <c r="KO35" s="343">
        <v>0</v>
      </c>
      <c r="KP35" s="344">
        <v>0</v>
      </c>
      <c r="KQ35" s="404">
        <v>0</v>
      </c>
      <c r="KR35" s="345">
        <v>0</v>
      </c>
      <c r="KS35" s="345">
        <v>0</v>
      </c>
      <c r="KT35" s="345">
        <v>249352</v>
      </c>
      <c r="KU35" s="345">
        <v>0</v>
      </c>
      <c r="KV35" s="345">
        <v>0</v>
      </c>
      <c r="KW35" s="349">
        <v>249352</v>
      </c>
      <c r="KX35" s="347">
        <v>249352</v>
      </c>
      <c r="KY35" s="348">
        <v>0</v>
      </c>
      <c r="KZ35" s="345">
        <v>0</v>
      </c>
      <c r="LA35" s="349">
        <v>0</v>
      </c>
      <c r="LB35" s="404">
        <v>0</v>
      </c>
      <c r="LC35" s="345">
        <v>0</v>
      </c>
      <c r="LD35" s="345">
        <v>0</v>
      </c>
      <c r="LE35" s="345">
        <v>0</v>
      </c>
      <c r="LF35" s="345">
        <v>0</v>
      </c>
      <c r="LG35" s="345">
        <v>0</v>
      </c>
      <c r="LH35" s="349">
        <v>0</v>
      </c>
      <c r="LI35" s="350">
        <v>0</v>
      </c>
      <c r="LJ35" s="348">
        <v>0</v>
      </c>
      <c r="LK35" s="345">
        <v>0</v>
      </c>
      <c r="LL35" s="349">
        <v>0</v>
      </c>
      <c r="LM35" s="404">
        <v>0</v>
      </c>
      <c r="LN35" s="345">
        <v>0</v>
      </c>
      <c r="LO35" s="345">
        <v>0</v>
      </c>
      <c r="LP35" s="345">
        <v>0</v>
      </c>
      <c r="LQ35" s="345">
        <v>0</v>
      </c>
      <c r="LR35" s="345">
        <v>0</v>
      </c>
      <c r="LS35" s="349">
        <v>0</v>
      </c>
      <c r="LT35" s="347">
        <v>0</v>
      </c>
      <c r="LU35" s="348">
        <v>0</v>
      </c>
      <c r="LV35" s="345">
        <v>0</v>
      </c>
      <c r="LW35" s="349">
        <v>0</v>
      </c>
      <c r="LX35" s="404">
        <v>0</v>
      </c>
      <c r="LY35" s="345">
        <v>0</v>
      </c>
      <c r="LZ35" s="345">
        <v>0</v>
      </c>
      <c r="MA35" s="345">
        <v>0</v>
      </c>
      <c r="MB35" s="345">
        <v>0</v>
      </c>
      <c r="MC35" s="345">
        <v>0</v>
      </c>
      <c r="MD35" s="349">
        <v>0</v>
      </c>
      <c r="ME35" s="350">
        <v>0</v>
      </c>
      <c r="MF35" s="348">
        <v>0</v>
      </c>
      <c r="MG35" s="345">
        <v>0</v>
      </c>
      <c r="MH35" s="349">
        <v>0</v>
      </c>
      <c r="MI35" s="404">
        <v>0</v>
      </c>
      <c r="MJ35" s="345">
        <v>0</v>
      </c>
      <c r="MK35" s="345">
        <v>277162</v>
      </c>
      <c r="ML35" s="345">
        <v>515180</v>
      </c>
      <c r="MM35" s="345">
        <v>1355213</v>
      </c>
      <c r="MN35" s="345">
        <v>0</v>
      </c>
      <c r="MO35" s="349">
        <v>2147555</v>
      </c>
      <c r="MP35" s="354">
        <v>2147555</v>
      </c>
      <c r="MQ35" s="348">
        <v>0</v>
      </c>
      <c r="MR35" s="345">
        <v>0</v>
      </c>
      <c r="MS35" s="349">
        <v>0</v>
      </c>
      <c r="MT35" s="404">
        <v>0</v>
      </c>
      <c r="MU35" s="345">
        <v>0</v>
      </c>
      <c r="MV35" s="345">
        <v>0</v>
      </c>
      <c r="MW35" s="345">
        <v>253320</v>
      </c>
      <c r="MX35" s="345">
        <v>499168</v>
      </c>
      <c r="MY35" s="345">
        <v>0</v>
      </c>
      <c r="MZ35" s="349">
        <v>752488</v>
      </c>
      <c r="NA35" s="354">
        <v>752488</v>
      </c>
      <c r="NB35" s="348">
        <v>0</v>
      </c>
      <c r="NC35" s="345">
        <v>0</v>
      </c>
      <c r="ND35" s="349">
        <v>0</v>
      </c>
      <c r="NE35" s="404">
        <v>0</v>
      </c>
      <c r="NF35" s="345">
        <v>0</v>
      </c>
      <c r="NG35" s="345">
        <v>277162</v>
      </c>
      <c r="NH35" s="345">
        <v>261860</v>
      </c>
      <c r="NI35" s="345">
        <v>856045</v>
      </c>
      <c r="NJ35" s="345">
        <v>0</v>
      </c>
      <c r="NK35" s="349">
        <v>1395067</v>
      </c>
      <c r="NL35" s="347">
        <v>1395067</v>
      </c>
      <c r="NM35" s="348">
        <v>0</v>
      </c>
      <c r="NN35" s="345">
        <v>0</v>
      </c>
      <c r="NO35" s="349">
        <v>0</v>
      </c>
      <c r="NP35" s="404">
        <v>0</v>
      </c>
      <c r="NQ35" s="345">
        <v>0</v>
      </c>
      <c r="NR35" s="345">
        <v>0</v>
      </c>
      <c r="NS35" s="345">
        <v>0</v>
      </c>
      <c r="NT35" s="345">
        <v>0</v>
      </c>
      <c r="NU35" s="345">
        <v>0</v>
      </c>
      <c r="NV35" s="349">
        <v>0</v>
      </c>
      <c r="NW35" s="350">
        <v>0</v>
      </c>
      <c r="NX35" s="348">
        <v>0</v>
      </c>
      <c r="NY35" s="345">
        <v>0</v>
      </c>
      <c r="NZ35" s="349">
        <v>0</v>
      </c>
      <c r="OA35" s="404">
        <v>0</v>
      </c>
      <c r="OB35" s="345">
        <v>0</v>
      </c>
      <c r="OC35" s="345">
        <v>0</v>
      </c>
      <c r="OD35" s="345">
        <v>0</v>
      </c>
      <c r="OE35" s="345">
        <v>0</v>
      </c>
      <c r="OF35" s="345">
        <v>0</v>
      </c>
      <c r="OG35" s="349">
        <v>0</v>
      </c>
      <c r="OH35" s="350">
        <v>0</v>
      </c>
      <c r="OI35" s="348">
        <v>54976</v>
      </c>
      <c r="OJ35" s="345">
        <v>98438</v>
      </c>
      <c r="OK35" s="346">
        <v>153414</v>
      </c>
      <c r="OL35" s="351">
        <v>0</v>
      </c>
      <c r="OM35" s="345">
        <v>299739</v>
      </c>
      <c r="ON35" s="345">
        <v>1051029</v>
      </c>
      <c r="OO35" s="345">
        <v>1230468</v>
      </c>
      <c r="OP35" s="345">
        <v>2136461</v>
      </c>
      <c r="OQ35" s="345">
        <v>582281</v>
      </c>
      <c r="OR35" s="349">
        <v>5299978</v>
      </c>
      <c r="OS35" s="354">
        <v>5453392</v>
      </c>
    </row>
    <row r="36" spans="2:409" s="70" customFormat="1" ht="21" customHeight="1" x14ac:dyDescent="0.2">
      <c r="B36" s="410" t="s">
        <v>31</v>
      </c>
      <c r="C36" s="326">
        <v>4800</v>
      </c>
      <c r="D36" s="327">
        <v>18800</v>
      </c>
      <c r="E36" s="328">
        <v>23600</v>
      </c>
      <c r="F36" s="329">
        <v>0</v>
      </c>
      <c r="G36" s="327">
        <v>442895</v>
      </c>
      <c r="H36" s="327">
        <v>461622</v>
      </c>
      <c r="I36" s="327">
        <v>321092</v>
      </c>
      <c r="J36" s="327">
        <v>77815</v>
      </c>
      <c r="K36" s="327">
        <v>62200</v>
      </c>
      <c r="L36" s="367">
        <v>1365624</v>
      </c>
      <c r="M36" s="330">
        <v>1389224</v>
      </c>
      <c r="N36" s="326">
        <v>0</v>
      </c>
      <c r="O36" s="327">
        <v>0</v>
      </c>
      <c r="P36" s="328">
        <v>0</v>
      </c>
      <c r="Q36" s="326">
        <v>0</v>
      </c>
      <c r="R36" s="327">
        <v>57302</v>
      </c>
      <c r="S36" s="327">
        <v>159949</v>
      </c>
      <c r="T36" s="327">
        <v>45360</v>
      </c>
      <c r="U36" s="327">
        <v>6528</v>
      </c>
      <c r="V36" s="327">
        <v>45400</v>
      </c>
      <c r="W36" s="328">
        <v>314539</v>
      </c>
      <c r="X36" s="330">
        <v>314539</v>
      </c>
      <c r="Y36" s="326">
        <v>0</v>
      </c>
      <c r="Z36" s="327">
        <v>0</v>
      </c>
      <c r="AA36" s="328">
        <v>0</v>
      </c>
      <c r="AB36" s="326">
        <v>0</v>
      </c>
      <c r="AC36" s="327">
        <v>43510</v>
      </c>
      <c r="AD36" s="327">
        <v>60552</v>
      </c>
      <c r="AE36" s="327">
        <v>0</v>
      </c>
      <c r="AF36" s="327">
        <v>0</v>
      </c>
      <c r="AG36" s="327">
        <v>0</v>
      </c>
      <c r="AH36" s="328">
        <v>104062</v>
      </c>
      <c r="AI36" s="330">
        <v>104062</v>
      </c>
      <c r="AJ36" s="326">
        <v>0</v>
      </c>
      <c r="AK36" s="327">
        <v>0</v>
      </c>
      <c r="AL36" s="328">
        <v>0</v>
      </c>
      <c r="AM36" s="326">
        <v>0</v>
      </c>
      <c r="AN36" s="327">
        <v>0</v>
      </c>
      <c r="AO36" s="327">
        <v>35309</v>
      </c>
      <c r="AP36" s="327">
        <v>0</v>
      </c>
      <c r="AQ36" s="327">
        <v>0</v>
      </c>
      <c r="AR36" s="327">
        <v>0</v>
      </c>
      <c r="AS36" s="328">
        <v>35309</v>
      </c>
      <c r="AT36" s="330">
        <v>35309</v>
      </c>
      <c r="AU36" s="326">
        <v>0</v>
      </c>
      <c r="AV36" s="327">
        <v>0</v>
      </c>
      <c r="AW36" s="328">
        <v>0</v>
      </c>
      <c r="AX36" s="326">
        <v>0</v>
      </c>
      <c r="AY36" s="327">
        <v>0</v>
      </c>
      <c r="AZ36" s="327">
        <v>57344</v>
      </c>
      <c r="BA36" s="327">
        <v>35728</v>
      </c>
      <c r="BB36" s="327">
        <v>0</v>
      </c>
      <c r="BC36" s="327">
        <v>28680</v>
      </c>
      <c r="BD36" s="328">
        <v>121752</v>
      </c>
      <c r="BE36" s="330">
        <v>121752</v>
      </c>
      <c r="BF36" s="326">
        <v>0</v>
      </c>
      <c r="BG36" s="327">
        <v>0</v>
      </c>
      <c r="BH36" s="331">
        <v>0</v>
      </c>
      <c r="BI36" s="332">
        <v>0</v>
      </c>
      <c r="BJ36" s="327">
        <v>0</v>
      </c>
      <c r="BK36" s="327">
        <v>0</v>
      </c>
      <c r="BL36" s="327">
        <v>0</v>
      </c>
      <c r="BM36" s="327">
        <v>0</v>
      </c>
      <c r="BN36" s="327">
        <v>0</v>
      </c>
      <c r="BO36" s="328">
        <v>0</v>
      </c>
      <c r="BP36" s="330">
        <v>0</v>
      </c>
      <c r="BQ36" s="326">
        <v>0</v>
      </c>
      <c r="BR36" s="327">
        <v>0</v>
      </c>
      <c r="BS36" s="328">
        <v>0</v>
      </c>
      <c r="BT36" s="326">
        <v>0</v>
      </c>
      <c r="BU36" s="327">
        <v>13792</v>
      </c>
      <c r="BV36" s="327">
        <v>6744</v>
      </c>
      <c r="BW36" s="327">
        <v>9632</v>
      </c>
      <c r="BX36" s="327">
        <v>6528</v>
      </c>
      <c r="BY36" s="327">
        <v>16720</v>
      </c>
      <c r="BZ36" s="328">
        <v>53416</v>
      </c>
      <c r="CA36" s="330">
        <v>53416</v>
      </c>
      <c r="CB36" s="326">
        <v>0</v>
      </c>
      <c r="CC36" s="327">
        <v>0</v>
      </c>
      <c r="CD36" s="328">
        <v>0</v>
      </c>
      <c r="CE36" s="326">
        <v>0</v>
      </c>
      <c r="CF36" s="327">
        <v>178705</v>
      </c>
      <c r="CG36" s="327">
        <v>117541</v>
      </c>
      <c r="CH36" s="327">
        <v>63484</v>
      </c>
      <c r="CI36" s="327">
        <v>6148</v>
      </c>
      <c r="CJ36" s="327">
        <v>0</v>
      </c>
      <c r="CK36" s="328">
        <v>365878</v>
      </c>
      <c r="CL36" s="330">
        <v>365878</v>
      </c>
      <c r="CM36" s="326">
        <v>0</v>
      </c>
      <c r="CN36" s="327">
        <v>0</v>
      </c>
      <c r="CO36" s="328">
        <v>0</v>
      </c>
      <c r="CP36" s="332">
        <v>0</v>
      </c>
      <c r="CQ36" s="327">
        <v>123438</v>
      </c>
      <c r="CR36" s="327">
        <v>117541</v>
      </c>
      <c r="CS36" s="327">
        <v>0</v>
      </c>
      <c r="CT36" s="327">
        <v>6148</v>
      </c>
      <c r="CU36" s="327">
        <v>0</v>
      </c>
      <c r="CV36" s="328">
        <v>247127</v>
      </c>
      <c r="CW36" s="330">
        <v>247127</v>
      </c>
      <c r="CX36" s="326">
        <v>0</v>
      </c>
      <c r="CY36" s="327">
        <v>0</v>
      </c>
      <c r="CZ36" s="328">
        <v>0</v>
      </c>
      <c r="DA36" s="326">
        <v>0</v>
      </c>
      <c r="DB36" s="327">
        <v>55267</v>
      </c>
      <c r="DC36" s="327">
        <v>0</v>
      </c>
      <c r="DD36" s="327">
        <v>63484</v>
      </c>
      <c r="DE36" s="327">
        <v>0</v>
      </c>
      <c r="DF36" s="327">
        <v>0</v>
      </c>
      <c r="DG36" s="328">
        <v>118751</v>
      </c>
      <c r="DH36" s="330">
        <v>118751</v>
      </c>
      <c r="DI36" s="326">
        <v>0</v>
      </c>
      <c r="DJ36" s="327">
        <v>0</v>
      </c>
      <c r="DK36" s="331">
        <v>0</v>
      </c>
      <c r="DL36" s="332">
        <v>0</v>
      </c>
      <c r="DM36" s="327">
        <v>49979</v>
      </c>
      <c r="DN36" s="327">
        <v>99372</v>
      </c>
      <c r="DO36" s="327">
        <v>0</v>
      </c>
      <c r="DP36" s="327">
        <v>27539</v>
      </c>
      <c r="DQ36" s="327">
        <v>0</v>
      </c>
      <c r="DR36" s="328">
        <v>176890</v>
      </c>
      <c r="DS36" s="330">
        <v>176890</v>
      </c>
      <c r="DT36" s="326">
        <v>0</v>
      </c>
      <c r="DU36" s="327">
        <v>0</v>
      </c>
      <c r="DV36" s="328">
        <v>0</v>
      </c>
      <c r="DW36" s="326">
        <v>0</v>
      </c>
      <c r="DX36" s="327">
        <v>49979</v>
      </c>
      <c r="DY36" s="327">
        <v>99372</v>
      </c>
      <c r="DZ36" s="327">
        <v>0</v>
      </c>
      <c r="EA36" s="327">
        <v>27539</v>
      </c>
      <c r="EB36" s="327">
        <v>0</v>
      </c>
      <c r="EC36" s="328">
        <v>176890</v>
      </c>
      <c r="ED36" s="330">
        <v>176890</v>
      </c>
      <c r="EE36" s="326">
        <v>0</v>
      </c>
      <c r="EF36" s="331">
        <v>0</v>
      </c>
      <c r="EG36" s="328">
        <v>0</v>
      </c>
      <c r="EH36" s="326">
        <v>0</v>
      </c>
      <c r="EI36" s="327">
        <v>0</v>
      </c>
      <c r="EJ36" s="327">
        <v>0</v>
      </c>
      <c r="EK36" s="327">
        <v>0</v>
      </c>
      <c r="EL36" s="327">
        <v>0</v>
      </c>
      <c r="EM36" s="327">
        <v>0</v>
      </c>
      <c r="EN36" s="331">
        <v>0</v>
      </c>
      <c r="EO36" s="330">
        <v>0</v>
      </c>
      <c r="EP36" s="326">
        <v>0</v>
      </c>
      <c r="EQ36" s="327">
        <v>0</v>
      </c>
      <c r="ER36" s="331">
        <v>0</v>
      </c>
      <c r="ES36" s="332">
        <v>0</v>
      </c>
      <c r="ET36" s="327">
        <v>0</v>
      </c>
      <c r="EU36" s="327">
        <v>0</v>
      </c>
      <c r="EV36" s="327">
        <v>0</v>
      </c>
      <c r="EW36" s="327">
        <v>0</v>
      </c>
      <c r="EX36" s="327">
        <v>0</v>
      </c>
      <c r="EY36" s="328">
        <v>0</v>
      </c>
      <c r="EZ36" s="330">
        <v>0</v>
      </c>
      <c r="FA36" s="326">
        <v>0</v>
      </c>
      <c r="FB36" s="327">
        <v>0</v>
      </c>
      <c r="FC36" s="331">
        <v>0</v>
      </c>
      <c r="FD36" s="332">
        <v>0</v>
      </c>
      <c r="FE36" s="327">
        <v>0</v>
      </c>
      <c r="FF36" s="327">
        <v>0</v>
      </c>
      <c r="FG36" s="327">
        <v>0</v>
      </c>
      <c r="FH36" s="327">
        <v>0</v>
      </c>
      <c r="FI36" s="327">
        <v>0</v>
      </c>
      <c r="FJ36" s="328">
        <v>0</v>
      </c>
      <c r="FK36" s="330">
        <v>0</v>
      </c>
      <c r="FL36" s="326">
        <v>4800</v>
      </c>
      <c r="FM36" s="327">
        <v>18800</v>
      </c>
      <c r="FN36" s="328">
        <v>23600</v>
      </c>
      <c r="FO36" s="326">
        <v>0</v>
      </c>
      <c r="FP36" s="327">
        <v>44000</v>
      </c>
      <c r="FQ36" s="327">
        <v>84760</v>
      </c>
      <c r="FR36" s="327">
        <v>23312</v>
      </c>
      <c r="FS36" s="327">
        <v>37600</v>
      </c>
      <c r="FT36" s="327">
        <v>16800</v>
      </c>
      <c r="FU36" s="328">
        <v>206472</v>
      </c>
      <c r="FV36" s="330">
        <v>230072</v>
      </c>
      <c r="FW36" s="333">
        <v>4800</v>
      </c>
      <c r="FX36" s="327">
        <v>18800</v>
      </c>
      <c r="FY36" s="331">
        <v>23600</v>
      </c>
      <c r="FZ36" s="332">
        <v>0</v>
      </c>
      <c r="GA36" s="327">
        <v>44000</v>
      </c>
      <c r="GB36" s="327">
        <v>84760</v>
      </c>
      <c r="GC36" s="327">
        <v>23312</v>
      </c>
      <c r="GD36" s="327">
        <v>37600</v>
      </c>
      <c r="GE36" s="327">
        <v>16800</v>
      </c>
      <c r="GF36" s="328">
        <v>206472</v>
      </c>
      <c r="GG36" s="334">
        <v>230072</v>
      </c>
      <c r="GH36" s="333">
        <v>0</v>
      </c>
      <c r="GI36" s="327">
        <v>0</v>
      </c>
      <c r="GJ36" s="331">
        <v>0</v>
      </c>
      <c r="GK36" s="332">
        <v>0</v>
      </c>
      <c r="GL36" s="327">
        <v>0</v>
      </c>
      <c r="GM36" s="327">
        <v>0</v>
      </c>
      <c r="GN36" s="327">
        <v>0</v>
      </c>
      <c r="GO36" s="327">
        <v>0</v>
      </c>
      <c r="GP36" s="327">
        <v>0</v>
      </c>
      <c r="GQ36" s="328">
        <v>0</v>
      </c>
      <c r="GR36" s="330">
        <v>0</v>
      </c>
      <c r="GS36" s="326">
        <v>0</v>
      </c>
      <c r="GT36" s="327">
        <v>0</v>
      </c>
      <c r="GU36" s="328">
        <v>0</v>
      </c>
      <c r="GV36" s="326">
        <v>0</v>
      </c>
      <c r="GW36" s="327">
        <v>0</v>
      </c>
      <c r="GX36" s="327">
        <v>0</v>
      </c>
      <c r="GY36" s="327">
        <v>0</v>
      </c>
      <c r="GZ36" s="327">
        <v>0</v>
      </c>
      <c r="HA36" s="327">
        <v>0</v>
      </c>
      <c r="HB36" s="331">
        <v>0</v>
      </c>
      <c r="HC36" s="330">
        <v>0</v>
      </c>
      <c r="HD36" s="326">
        <v>0</v>
      </c>
      <c r="HE36" s="327">
        <v>0</v>
      </c>
      <c r="HF36" s="331">
        <v>0</v>
      </c>
      <c r="HG36" s="332">
        <v>0</v>
      </c>
      <c r="HH36" s="327">
        <v>112909</v>
      </c>
      <c r="HI36" s="327">
        <v>0</v>
      </c>
      <c r="HJ36" s="327">
        <v>188936</v>
      </c>
      <c r="HK36" s="327">
        <v>0</v>
      </c>
      <c r="HL36" s="327">
        <v>0</v>
      </c>
      <c r="HM36" s="328">
        <v>301845</v>
      </c>
      <c r="HN36" s="329">
        <v>301845</v>
      </c>
      <c r="HO36" s="333">
        <v>0</v>
      </c>
      <c r="HP36" s="327">
        <v>0</v>
      </c>
      <c r="HQ36" s="328">
        <v>0</v>
      </c>
      <c r="HR36" s="326">
        <v>0</v>
      </c>
      <c r="HS36" s="327">
        <v>0</v>
      </c>
      <c r="HT36" s="327">
        <v>0</v>
      </c>
      <c r="HU36" s="327">
        <v>0</v>
      </c>
      <c r="HV36" s="327">
        <v>0</v>
      </c>
      <c r="HW36" s="327">
        <v>0</v>
      </c>
      <c r="HX36" s="331">
        <v>0</v>
      </c>
      <c r="HY36" s="330">
        <v>0</v>
      </c>
      <c r="HZ36" s="358">
        <v>0</v>
      </c>
      <c r="IA36" s="356">
        <v>0</v>
      </c>
      <c r="IB36" s="358">
        <v>0</v>
      </c>
      <c r="IC36" s="355">
        <v>0</v>
      </c>
      <c r="ID36" s="356">
        <v>320067</v>
      </c>
      <c r="IE36" s="357">
        <v>707560</v>
      </c>
      <c r="IF36" s="358">
        <v>0</v>
      </c>
      <c r="IG36" s="356">
        <v>169981</v>
      </c>
      <c r="IH36" s="358">
        <v>258992</v>
      </c>
      <c r="II36" s="359">
        <v>1456600</v>
      </c>
      <c r="IJ36" s="358">
        <v>1456600</v>
      </c>
      <c r="IK36" s="342">
        <v>0</v>
      </c>
      <c r="IL36" s="343">
        <v>0</v>
      </c>
      <c r="IM36" s="344">
        <v>0</v>
      </c>
      <c r="IN36" s="404">
        <v>0</v>
      </c>
      <c r="IO36" s="345">
        <v>0</v>
      </c>
      <c r="IP36" s="345">
        <v>0</v>
      </c>
      <c r="IQ36" s="345">
        <v>0</v>
      </c>
      <c r="IR36" s="345">
        <v>0</v>
      </c>
      <c r="IS36" s="345">
        <v>0</v>
      </c>
      <c r="IT36" s="346">
        <v>0</v>
      </c>
      <c r="IU36" s="347">
        <v>0</v>
      </c>
      <c r="IV36" s="348">
        <v>0</v>
      </c>
      <c r="IW36" s="345">
        <v>0</v>
      </c>
      <c r="IX36" s="349">
        <v>0</v>
      </c>
      <c r="IY36" s="404">
        <v>0</v>
      </c>
      <c r="IZ36" s="345">
        <v>0</v>
      </c>
      <c r="JA36" s="345">
        <v>0</v>
      </c>
      <c r="JB36" s="345">
        <v>0</v>
      </c>
      <c r="JC36" s="345">
        <v>0</v>
      </c>
      <c r="JD36" s="345">
        <v>0</v>
      </c>
      <c r="JE36" s="349">
        <v>0</v>
      </c>
      <c r="JF36" s="350">
        <v>0</v>
      </c>
      <c r="JG36" s="348">
        <v>0</v>
      </c>
      <c r="JH36" s="345">
        <v>0</v>
      </c>
      <c r="JI36" s="346">
        <v>0</v>
      </c>
      <c r="JJ36" s="351">
        <v>0</v>
      </c>
      <c r="JK36" s="345">
        <v>0</v>
      </c>
      <c r="JL36" s="345">
        <v>9352</v>
      </c>
      <c r="JM36" s="345">
        <v>0</v>
      </c>
      <c r="JN36" s="345">
        <v>0</v>
      </c>
      <c r="JO36" s="345">
        <v>0</v>
      </c>
      <c r="JP36" s="349">
        <v>9352</v>
      </c>
      <c r="JQ36" s="347">
        <v>9352</v>
      </c>
      <c r="JR36" s="348">
        <v>0</v>
      </c>
      <c r="JS36" s="345">
        <v>0</v>
      </c>
      <c r="JT36" s="346">
        <v>0</v>
      </c>
      <c r="JU36" s="351">
        <v>0</v>
      </c>
      <c r="JV36" s="345">
        <v>0</v>
      </c>
      <c r="JW36" s="345">
        <v>0</v>
      </c>
      <c r="JX36" s="345">
        <v>0</v>
      </c>
      <c r="JY36" s="345">
        <v>169981</v>
      </c>
      <c r="JZ36" s="345">
        <v>0</v>
      </c>
      <c r="KA36" s="349">
        <v>169981</v>
      </c>
      <c r="KB36" s="347">
        <v>169981</v>
      </c>
      <c r="KC36" s="352">
        <v>0</v>
      </c>
      <c r="KD36" s="353">
        <v>0</v>
      </c>
      <c r="KE36" s="349">
        <v>0</v>
      </c>
      <c r="KF36" s="351">
        <v>0</v>
      </c>
      <c r="KG36" s="345">
        <v>320067</v>
      </c>
      <c r="KH36" s="345">
        <v>179390</v>
      </c>
      <c r="KI36" s="345">
        <v>0</v>
      </c>
      <c r="KJ36" s="345">
        <v>0</v>
      </c>
      <c r="KK36" s="345">
        <v>0</v>
      </c>
      <c r="KL36" s="349">
        <v>499457</v>
      </c>
      <c r="KM36" s="354">
        <v>499457</v>
      </c>
      <c r="KN36" s="342">
        <v>0</v>
      </c>
      <c r="KO36" s="343">
        <v>0</v>
      </c>
      <c r="KP36" s="344">
        <v>0</v>
      </c>
      <c r="KQ36" s="404">
        <v>0</v>
      </c>
      <c r="KR36" s="345">
        <v>0</v>
      </c>
      <c r="KS36" s="345">
        <v>518818</v>
      </c>
      <c r="KT36" s="345">
        <v>0</v>
      </c>
      <c r="KU36" s="345">
        <v>0</v>
      </c>
      <c r="KV36" s="345">
        <v>258992</v>
      </c>
      <c r="KW36" s="349">
        <v>777810</v>
      </c>
      <c r="KX36" s="347">
        <v>777810</v>
      </c>
      <c r="KY36" s="348">
        <v>0</v>
      </c>
      <c r="KZ36" s="345">
        <v>0</v>
      </c>
      <c r="LA36" s="349">
        <v>0</v>
      </c>
      <c r="LB36" s="404">
        <v>0</v>
      </c>
      <c r="LC36" s="345">
        <v>0</v>
      </c>
      <c r="LD36" s="345">
        <v>0</v>
      </c>
      <c r="LE36" s="345">
        <v>0</v>
      </c>
      <c r="LF36" s="345">
        <v>0</v>
      </c>
      <c r="LG36" s="345">
        <v>0</v>
      </c>
      <c r="LH36" s="349">
        <v>0</v>
      </c>
      <c r="LI36" s="350">
        <v>0</v>
      </c>
      <c r="LJ36" s="348">
        <v>0</v>
      </c>
      <c r="LK36" s="345">
        <v>0</v>
      </c>
      <c r="LL36" s="349">
        <v>0</v>
      </c>
      <c r="LM36" s="404">
        <v>0</v>
      </c>
      <c r="LN36" s="345">
        <v>0</v>
      </c>
      <c r="LO36" s="345">
        <v>0</v>
      </c>
      <c r="LP36" s="345">
        <v>0</v>
      </c>
      <c r="LQ36" s="345">
        <v>0</v>
      </c>
      <c r="LR36" s="345">
        <v>0</v>
      </c>
      <c r="LS36" s="349">
        <v>0</v>
      </c>
      <c r="LT36" s="347">
        <v>0</v>
      </c>
      <c r="LU36" s="348">
        <v>0</v>
      </c>
      <c r="LV36" s="345">
        <v>0</v>
      </c>
      <c r="LW36" s="349">
        <v>0</v>
      </c>
      <c r="LX36" s="404">
        <v>0</v>
      </c>
      <c r="LY36" s="345">
        <v>0</v>
      </c>
      <c r="LZ36" s="345">
        <v>0</v>
      </c>
      <c r="MA36" s="345">
        <v>0</v>
      </c>
      <c r="MB36" s="345">
        <v>0</v>
      </c>
      <c r="MC36" s="345">
        <v>0</v>
      </c>
      <c r="MD36" s="349">
        <v>0</v>
      </c>
      <c r="ME36" s="350">
        <v>0</v>
      </c>
      <c r="MF36" s="348">
        <v>0</v>
      </c>
      <c r="MG36" s="345">
        <v>0</v>
      </c>
      <c r="MH36" s="349">
        <v>0</v>
      </c>
      <c r="MI36" s="404">
        <v>0</v>
      </c>
      <c r="MJ36" s="345">
        <v>0</v>
      </c>
      <c r="MK36" s="345">
        <v>83285</v>
      </c>
      <c r="ML36" s="345">
        <v>473569</v>
      </c>
      <c r="MM36" s="345">
        <v>0</v>
      </c>
      <c r="MN36" s="345">
        <v>305495</v>
      </c>
      <c r="MO36" s="349">
        <v>862349</v>
      </c>
      <c r="MP36" s="354">
        <v>862349</v>
      </c>
      <c r="MQ36" s="348">
        <v>0</v>
      </c>
      <c r="MR36" s="345">
        <v>0</v>
      </c>
      <c r="MS36" s="349">
        <v>0</v>
      </c>
      <c r="MT36" s="404">
        <v>0</v>
      </c>
      <c r="MU36" s="345">
        <v>0</v>
      </c>
      <c r="MV36" s="345">
        <v>0</v>
      </c>
      <c r="MW36" s="345">
        <v>473569</v>
      </c>
      <c r="MX36" s="345">
        <v>0</v>
      </c>
      <c r="MY36" s="345">
        <v>305495</v>
      </c>
      <c r="MZ36" s="349">
        <v>779064</v>
      </c>
      <c r="NA36" s="354">
        <v>779064</v>
      </c>
      <c r="NB36" s="348">
        <v>0</v>
      </c>
      <c r="NC36" s="345">
        <v>0</v>
      </c>
      <c r="ND36" s="349">
        <v>0</v>
      </c>
      <c r="NE36" s="404">
        <v>0</v>
      </c>
      <c r="NF36" s="345">
        <v>0</v>
      </c>
      <c r="NG36" s="345">
        <v>83285</v>
      </c>
      <c r="NH36" s="345">
        <v>0</v>
      </c>
      <c r="NI36" s="345">
        <v>0</v>
      </c>
      <c r="NJ36" s="345">
        <v>0</v>
      </c>
      <c r="NK36" s="349">
        <v>83285</v>
      </c>
      <c r="NL36" s="347">
        <v>83285</v>
      </c>
      <c r="NM36" s="348">
        <v>0</v>
      </c>
      <c r="NN36" s="345">
        <v>0</v>
      </c>
      <c r="NO36" s="349">
        <v>0</v>
      </c>
      <c r="NP36" s="404">
        <v>0</v>
      </c>
      <c r="NQ36" s="345">
        <v>0</v>
      </c>
      <c r="NR36" s="345">
        <v>0</v>
      </c>
      <c r="NS36" s="345">
        <v>0</v>
      </c>
      <c r="NT36" s="345">
        <v>0</v>
      </c>
      <c r="NU36" s="345">
        <v>0</v>
      </c>
      <c r="NV36" s="349">
        <v>0</v>
      </c>
      <c r="NW36" s="350">
        <v>0</v>
      </c>
      <c r="NX36" s="348">
        <v>0</v>
      </c>
      <c r="NY36" s="345">
        <v>0</v>
      </c>
      <c r="NZ36" s="349">
        <v>0</v>
      </c>
      <c r="OA36" s="404">
        <v>0</v>
      </c>
      <c r="OB36" s="345">
        <v>0</v>
      </c>
      <c r="OC36" s="345">
        <v>0</v>
      </c>
      <c r="OD36" s="345">
        <v>0</v>
      </c>
      <c r="OE36" s="345">
        <v>0</v>
      </c>
      <c r="OF36" s="345">
        <v>0</v>
      </c>
      <c r="OG36" s="349">
        <v>0</v>
      </c>
      <c r="OH36" s="350">
        <v>0</v>
      </c>
      <c r="OI36" s="348">
        <v>4800</v>
      </c>
      <c r="OJ36" s="345">
        <v>18800</v>
      </c>
      <c r="OK36" s="346">
        <v>23600</v>
      </c>
      <c r="OL36" s="351">
        <v>0</v>
      </c>
      <c r="OM36" s="345">
        <v>762962</v>
      </c>
      <c r="ON36" s="345">
        <v>1252467</v>
      </c>
      <c r="OO36" s="345">
        <v>794661</v>
      </c>
      <c r="OP36" s="345">
        <v>247796</v>
      </c>
      <c r="OQ36" s="345">
        <v>626687</v>
      </c>
      <c r="OR36" s="349">
        <v>3684573</v>
      </c>
      <c r="OS36" s="354">
        <v>3708173</v>
      </c>
    </row>
    <row r="37" spans="2:409" s="70" customFormat="1" ht="21" customHeight="1" x14ac:dyDescent="0.2">
      <c r="B37" s="410" t="s">
        <v>32</v>
      </c>
      <c r="C37" s="326">
        <v>46240</v>
      </c>
      <c r="D37" s="327">
        <v>13200</v>
      </c>
      <c r="E37" s="368">
        <v>59440</v>
      </c>
      <c r="F37" s="370">
        <v>0</v>
      </c>
      <c r="G37" s="369">
        <v>476359</v>
      </c>
      <c r="H37" s="369">
        <v>1093515</v>
      </c>
      <c r="I37" s="369">
        <v>303859</v>
      </c>
      <c r="J37" s="369">
        <v>734699</v>
      </c>
      <c r="K37" s="369">
        <v>275542</v>
      </c>
      <c r="L37" s="370">
        <v>2883974</v>
      </c>
      <c r="M37" s="330">
        <v>2943414</v>
      </c>
      <c r="N37" s="326">
        <v>21424</v>
      </c>
      <c r="O37" s="327">
        <v>0</v>
      </c>
      <c r="P37" s="328">
        <v>21424</v>
      </c>
      <c r="Q37" s="326">
        <v>0</v>
      </c>
      <c r="R37" s="327">
        <v>168159</v>
      </c>
      <c r="S37" s="327">
        <v>553566</v>
      </c>
      <c r="T37" s="327">
        <v>159288</v>
      </c>
      <c r="U37" s="327">
        <v>55600</v>
      </c>
      <c r="V37" s="327">
        <v>252822</v>
      </c>
      <c r="W37" s="328">
        <v>1189435</v>
      </c>
      <c r="X37" s="330">
        <v>1210859</v>
      </c>
      <c r="Y37" s="326">
        <v>0</v>
      </c>
      <c r="Z37" s="327">
        <v>0</v>
      </c>
      <c r="AA37" s="328">
        <v>0</v>
      </c>
      <c r="AB37" s="326">
        <v>0</v>
      </c>
      <c r="AC37" s="327">
        <v>73348</v>
      </c>
      <c r="AD37" s="327">
        <v>304321</v>
      </c>
      <c r="AE37" s="327">
        <v>91136</v>
      </c>
      <c r="AF37" s="327">
        <v>0</v>
      </c>
      <c r="AG37" s="327">
        <v>173304</v>
      </c>
      <c r="AH37" s="328">
        <v>642109</v>
      </c>
      <c r="AI37" s="330">
        <v>642109</v>
      </c>
      <c r="AJ37" s="326">
        <v>0</v>
      </c>
      <c r="AK37" s="327">
        <v>0</v>
      </c>
      <c r="AL37" s="328">
        <v>0</v>
      </c>
      <c r="AM37" s="326">
        <v>0</v>
      </c>
      <c r="AN37" s="327">
        <v>0</v>
      </c>
      <c r="AO37" s="327">
        <v>0</v>
      </c>
      <c r="AP37" s="327">
        <v>47080</v>
      </c>
      <c r="AQ37" s="327">
        <v>0</v>
      </c>
      <c r="AR37" s="327">
        <v>47422</v>
      </c>
      <c r="AS37" s="328">
        <v>94502</v>
      </c>
      <c r="AT37" s="330">
        <v>94502</v>
      </c>
      <c r="AU37" s="326">
        <v>21424</v>
      </c>
      <c r="AV37" s="327">
        <v>0</v>
      </c>
      <c r="AW37" s="328">
        <v>21424</v>
      </c>
      <c r="AX37" s="326">
        <v>0</v>
      </c>
      <c r="AY37" s="327">
        <v>16104</v>
      </c>
      <c r="AZ37" s="327">
        <v>229981</v>
      </c>
      <c r="BA37" s="327">
        <v>0</v>
      </c>
      <c r="BB37" s="327">
        <v>0</v>
      </c>
      <c r="BC37" s="327">
        <v>32096</v>
      </c>
      <c r="BD37" s="328">
        <v>278181</v>
      </c>
      <c r="BE37" s="330">
        <v>299605</v>
      </c>
      <c r="BF37" s="326">
        <v>0</v>
      </c>
      <c r="BG37" s="327">
        <v>0</v>
      </c>
      <c r="BH37" s="331">
        <v>0</v>
      </c>
      <c r="BI37" s="332">
        <v>0</v>
      </c>
      <c r="BJ37" s="327">
        <v>62419</v>
      </c>
      <c r="BK37" s="327">
        <v>0</v>
      </c>
      <c r="BL37" s="327">
        <v>0</v>
      </c>
      <c r="BM37" s="327">
        <v>0</v>
      </c>
      <c r="BN37" s="327">
        <v>0</v>
      </c>
      <c r="BO37" s="328">
        <v>62419</v>
      </c>
      <c r="BP37" s="330">
        <v>62419</v>
      </c>
      <c r="BQ37" s="326">
        <v>0</v>
      </c>
      <c r="BR37" s="327">
        <v>0</v>
      </c>
      <c r="BS37" s="328">
        <v>0</v>
      </c>
      <c r="BT37" s="326">
        <v>0</v>
      </c>
      <c r="BU37" s="327">
        <v>16288</v>
      </c>
      <c r="BV37" s="327">
        <v>19264</v>
      </c>
      <c r="BW37" s="327">
        <v>21072</v>
      </c>
      <c r="BX37" s="327">
        <v>55600</v>
      </c>
      <c r="BY37" s="327">
        <v>0</v>
      </c>
      <c r="BZ37" s="328">
        <v>112224</v>
      </c>
      <c r="CA37" s="330">
        <v>112224</v>
      </c>
      <c r="CB37" s="326">
        <v>20816</v>
      </c>
      <c r="CC37" s="327">
        <v>0</v>
      </c>
      <c r="CD37" s="328">
        <v>20816</v>
      </c>
      <c r="CE37" s="326">
        <v>0</v>
      </c>
      <c r="CF37" s="327">
        <v>89920</v>
      </c>
      <c r="CG37" s="327">
        <v>254397</v>
      </c>
      <c r="CH37" s="327">
        <v>73768</v>
      </c>
      <c r="CI37" s="327">
        <v>237008</v>
      </c>
      <c r="CJ37" s="327">
        <v>0</v>
      </c>
      <c r="CK37" s="328">
        <v>655093</v>
      </c>
      <c r="CL37" s="330">
        <v>675909</v>
      </c>
      <c r="CM37" s="326">
        <v>0</v>
      </c>
      <c r="CN37" s="327">
        <v>0</v>
      </c>
      <c r="CO37" s="328">
        <v>0</v>
      </c>
      <c r="CP37" s="332">
        <v>0</v>
      </c>
      <c r="CQ37" s="327">
        <v>89920</v>
      </c>
      <c r="CR37" s="327">
        <v>157912</v>
      </c>
      <c r="CS37" s="327">
        <v>73768</v>
      </c>
      <c r="CT37" s="327">
        <v>237008</v>
      </c>
      <c r="CU37" s="327">
        <v>0</v>
      </c>
      <c r="CV37" s="328">
        <v>558608</v>
      </c>
      <c r="CW37" s="330">
        <v>558608</v>
      </c>
      <c r="CX37" s="326">
        <v>20816</v>
      </c>
      <c r="CY37" s="327">
        <v>0</v>
      </c>
      <c r="CZ37" s="328">
        <v>20816</v>
      </c>
      <c r="DA37" s="326">
        <v>0</v>
      </c>
      <c r="DB37" s="327">
        <v>0</v>
      </c>
      <c r="DC37" s="327">
        <v>96485</v>
      </c>
      <c r="DD37" s="327">
        <v>0</v>
      </c>
      <c r="DE37" s="327">
        <v>0</v>
      </c>
      <c r="DF37" s="327">
        <v>0</v>
      </c>
      <c r="DG37" s="328">
        <v>96485</v>
      </c>
      <c r="DH37" s="330">
        <v>117301</v>
      </c>
      <c r="DI37" s="326">
        <v>0</v>
      </c>
      <c r="DJ37" s="327">
        <v>0</v>
      </c>
      <c r="DK37" s="331">
        <v>0</v>
      </c>
      <c r="DL37" s="332">
        <v>0</v>
      </c>
      <c r="DM37" s="327">
        <v>0</v>
      </c>
      <c r="DN37" s="327">
        <v>0</v>
      </c>
      <c r="DO37" s="327">
        <v>33371</v>
      </c>
      <c r="DP37" s="327">
        <v>0</v>
      </c>
      <c r="DQ37" s="327">
        <v>0</v>
      </c>
      <c r="DR37" s="328">
        <v>33371</v>
      </c>
      <c r="DS37" s="330">
        <v>33371</v>
      </c>
      <c r="DT37" s="326">
        <v>0</v>
      </c>
      <c r="DU37" s="327">
        <v>0</v>
      </c>
      <c r="DV37" s="328">
        <v>0</v>
      </c>
      <c r="DW37" s="326">
        <v>0</v>
      </c>
      <c r="DX37" s="327">
        <v>0</v>
      </c>
      <c r="DY37" s="327">
        <v>0</v>
      </c>
      <c r="DZ37" s="327">
        <v>33371</v>
      </c>
      <c r="EA37" s="327">
        <v>0</v>
      </c>
      <c r="EB37" s="327">
        <v>0</v>
      </c>
      <c r="EC37" s="328">
        <v>33371</v>
      </c>
      <c r="ED37" s="330">
        <v>33371</v>
      </c>
      <c r="EE37" s="326">
        <v>0</v>
      </c>
      <c r="EF37" s="331">
        <v>0</v>
      </c>
      <c r="EG37" s="328">
        <v>0</v>
      </c>
      <c r="EH37" s="326">
        <v>0</v>
      </c>
      <c r="EI37" s="327">
        <v>0</v>
      </c>
      <c r="EJ37" s="327">
        <v>0</v>
      </c>
      <c r="EK37" s="327">
        <v>0</v>
      </c>
      <c r="EL37" s="327">
        <v>0</v>
      </c>
      <c r="EM37" s="327">
        <v>0</v>
      </c>
      <c r="EN37" s="331">
        <v>0</v>
      </c>
      <c r="EO37" s="330">
        <v>0</v>
      </c>
      <c r="EP37" s="326">
        <v>0</v>
      </c>
      <c r="EQ37" s="327">
        <v>0</v>
      </c>
      <c r="ER37" s="331">
        <v>0</v>
      </c>
      <c r="ES37" s="332">
        <v>0</v>
      </c>
      <c r="ET37" s="327">
        <v>0</v>
      </c>
      <c r="EU37" s="327">
        <v>0</v>
      </c>
      <c r="EV37" s="327">
        <v>0</v>
      </c>
      <c r="EW37" s="327">
        <v>0</v>
      </c>
      <c r="EX37" s="327">
        <v>0</v>
      </c>
      <c r="EY37" s="328">
        <v>0</v>
      </c>
      <c r="EZ37" s="330">
        <v>0</v>
      </c>
      <c r="FA37" s="326">
        <v>0</v>
      </c>
      <c r="FB37" s="327">
        <v>0</v>
      </c>
      <c r="FC37" s="331">
        <v>0</v>
      </c>
      <c r="FD37" s="332">
        <v>0</v>
      </c>
      <c r="FE37" s="327">
        <v>0</v>
      </c>
      <c r="FF37" s="327">
        <v>0</v>
      </c>
      <c r="FG37" s="327">
        <v>0</v>
      </c>
      <c r="FH37" s="327">
        <v>0</v>
      </c>
      <c r="FI37" s="327">
        <v>0</v>
      </c>
      <c r="FJ37" s="328">
        <v>0</v>
      </c>
      <c r="FK37" s="330">
        <v>0</v>
      </c>
      <c r="FL37" s="326">
        <v>4000</v>
      </c>
      <c r="FM37" s="327">
        <v>13200</v>
      </c>
      <c r="FN37" s="328">
        <v>17200</v>
      </c>
      <c r="FO37" s="326">
        <v>0</v>
      </c>
      <c r="FP37" s="327">
        <v>62032</v>
      </c>
      <c r="FQ37" s="327">
        <v>111024</v>
      </c>
      <c r="FR37" s="327">
        <v>37432</v>
      </c>
      <c r="FS37" s="327">
        <v>10800</v>
      </c>
      <c r="FT37" s="327">
        <v>22720</v>
      </c>
      <c r="FU37" s="328">
        <v>244008</v>
      </c>
      <c r="FV37" s="330">
        <v>261208</v>
      </c>
      <c r="FW37" s="333">
        <v>4000</v>
      </c>
      <c r="FX37" s="327">
        <v>13200</v>
      </c>
      <c r="FY37" s="331">
        <v>17200</v>
      </c>
      <c r="FZ37" s="332">
        <v>0</v>
      </c>
      <c r="GA37" s="327">
        <v>62032</v>
      </c>
      <c r="GB37" s="327">
        <v>111024</v>
      </c>
      <c r="GC37" s="327">
        <v>37432</v>
      </c>
      <c r="GD37" s="327">
        <v>10800</v>
      </c>
      <c r="GE37" s="327">
        <v>22720</v>
      </c>
      <c r="GF37" s="328">
        <v>244008</v>
      </c>
      <c r="GG37" s="334">
        <v>261208</v>
      </c>
      <c r="GH37" s="333">
        <v>0</v>
      </c>
      <c r="GI37" s="327">
        <v>0</v>
      </c>
      <c r="GJ37" s="331">
        <v>0</v>
      </c>
      <c r="GK37" s="332">
        <v>0</v>
      </c>
      <c r="GL37" s="327">
        <v>0</v>
      </c>
      <c r="GM37" s="327">
        <v>0</v>
      </c>
      <c r="GN37" s="327">
        <v>0</v>
      </c>
      <c r="GO37" s="327">
        <v>0</v>
      </c>
      <c r="GP37" s="327">
        <v>0</v>
      </c>
      <c r="GQ37" s="328">
        <v>0</v>
      </c>
      <c r="GR37" s="330">
        <v>0</v>
      </c>
      <c r="GS37" s="326">
        <v>0</v>
      </c>
      <c r="GT37" s="327">
        <v>0</v>
      </c>
      <c r="GU37" s="328">
        <v>0</v>
      </c>
      <c r="GV37" s="326">
        <v>0</v>
      </c>
      <c r="GW37" s="327">
        <v>0</v>
      </c>
      <c r="GX37" s="327">
        <v>0</v>
      </c>
      <c r="GY37" s="327">
        <v>0</v>
      </c>
      <c r="GZ37" s="327">
        <v>0</v>
      </c>
      <c r="HA37" s="327">
        <v>0</v>
      </c>
      <c r="HB37" s="331">
        <v>0</v>
      </c>
      <c r="HC37" s="330">
        <v>0</v>
      </c>
      <c r="HD37" s="326">
        <v>0</v>
      </c>
      <c r="HE37" s="327">
        <v>0</v>
      </c>
      <c r="HF37" s="331">
        <v>0</v>
      </c>
      <c r="HG37" s="332">
        <v>0</v>
      </c>
      <c r="HH37" s="327">
        <v>156248</v>
      </c>
      <c r="HI37" s="327">
        <v>174528</v>
      </c>
      <c r="HJ37" s="327">
        <v>0</v>
      </c>
      <c r="HK37" s="327">
        <v>431291</v>
      </c>
      <c r="HL37" s="327">
        <v>0</v>
      </c>
      <c r="HM37" s="328">
        <v>762067</v>
      </c>
      <c r="HN37" s="329">
        <v>762067</v>
      </c>
      <c r="HO37" s="333">
        <v>0</v>
      </c>
      <c r="HP37" s="327">
        <v>0</v>
      </c>
      <c r="HQ37" s="328">
        <v>0</v>
      </c>
      <c r="HR37" s="326">
        <v>0</v>
      </c>
      <c r="HS37" s="327">
        <v>0</v>
      </c>
      <c r="HT37" s="327">
        <v>0</v>
      </c>
      <c r="HU37" s="327">
        <v>0</v>
      </c>
      <c r="HV37" s="327">
        <v>0</v>
      </c>
      <c r="HW37" s="327">
        <v>0</v>
      </c>
      <c r="HX37" s="331">
        <v>0</v>
      </c>
      <c r="HY37" s="330">
        <v>0</v>
      </c>
      <c r="HZ37" s="335">
        <v>0</v>
      </c>
      <c r="IA37" s="336">
        <v>0</v>
      </c>
      <c r="IB37" s="337">
        <v>0</v>
      </c>
      <c r="IC37" s="338">
        <v>0</v>
      </c>
      <c r="ID37" s="336">
        <v>82376</v>
      </c>
      <c r="IE37" s="339">
        <v>136696</v>
      </c>
      <c r="IF37" s="337">
        <v>290784</v>
      </c>
      <c r="IG37" s="336">
        <v>0</v>
      </c>
      <c r="IH37" s="337">
        <v>0</v>
      </c>
      <c r="II37" s="340">
        <v>509856</v>
      </c>
      <c r="IJ37" s="341">
        <v>509856</v>
      </c>
      <c r="IK37" s="342">
        <v>0</v>
      </c>
      <c r="IL37" s="343">
        <v>0</v>
      </c>
      <c r="IM37" s="344">
        <v>0</v>
      </c>
      <c r="IN37" s="404">
        <v>0</v>
      </c>
      <c r="IO37" s="345">
        <v>0</v>
      </c>
      <c r="IP37" s="345">
        <v>0</v>
      </c>
      <c r="IQ37" s="345">
        <v>0</v>
      </c>
      <c r="IR37" s="345">
        <v>0</v>
      </c>
      <c r="IS37" s="345">
        <v>0</v>
      </c>
      <c r="IT37" s="346">
        <v>0</v>
      </c>
      <c r="IU37" s="347">
        <v>0</v>
      </c>
      <c r="IV37" s="348">
        <v>0</v>
      </c>
      <c r="IW37" s="345">
        <v>0</v>
      </c>
      <c r="IX37" s="349">
        <v>0</v>
      </c>
      <c r="IY37" s="404">
        <v>0</v>
      </c>
      <c r="IZ37" s="345">
        <v>0</v>
      </c>
      <c r="JA37" s="345">
        <v>0</v>
      </c>
      <c r="JB37" s="345">
        <v>0</v>
      </c>
      <c r="JC37" s="345">
        <v>0</v>
      </c>
      <c r="JD37" s="345">
        <v>0</v>
      </c>
      <c r="JE37" s="349">
        <v>0</v>
      </c>
      <c r="JF37" s="350">
        <v>0</v>
      </c>
      <c r="JG37" s="348">
        <v>0</v>
      </c>
      <c r="JH37" s="345">
        <v>0</v>
      </c>
      <c r="JI37" s="346">
        <v>0</v>
      </c>
      <c r="JJ37" s="351">
        <v>0</v>
      </c>
      <c r="JK37" s="345">
        <v>82376</v>
      </c>
      <c r="JL37" s="345">
        <v>136696</v>
      </c>
      <c r="JM37" s="345">
        <v>0</v>
      </c>
      <c r="JN37" s="345">
        <v>0</v>
      </c>
      <c r="JO37" s="345">
        <v>0</v>
      </c>
      <c r="JP37" s="349">
        <v>219072</v>
      </c>
      <c r="JQ37" s="347">
        <v>219072</v>
      </c>
      <c r="JR37" s="348">
        <v>0</v>
      </c>
      <c r="JS37" s="345">
        <v>0</v>
      </c>
      <c r="JT37" s="346">
        <v>0</v>
      </c>
      <c r="JU37" s="351">
        <v>0</v>
      </c>
      <c r="JV37" s="345">
        <v>0</v>
      </c>
      <c r="JW37" s="345">
        <v>0</v>
      </c>
      <c r="JX37" s="345">
        <v>0</v>
      </c>
      <c r="JY37" s="345">
        <v>0</v>
      </c>
      <c r="JZ37" s="345">
        <v>0</v>
      </c>
      <c r="KA37" s="349">
        <v>0</v>
      </c>
      <c r="KB37" s="347">
        <v>0</v>
      </c>
      <c r="KC37" s="352">
        <v>0</v>
      </c>
      <c r="KD37" s="353">
        <v>0</v>
      </c>
      <c r="KE37" s="349">
        <v>0</v>
      </c>
      <c r="KF37" s="351">
        <v>0</v>
      </c>
      <c r="KG37" s="345">
        <v>0</v>
      </c>
      <c r="KH37" s="345">
        <v>0</v>
      </c>
      <c r="KI37" s="345">
        <v>0</v>
      </c>
      <c r="KJ37" s="345">
        <v>0</v>
      </c>
      <c r="KK37" s="345">
        <v>0</v>
      </c>
      <c r="KL37" s="349">
        <v>0</v>
      </c>
      <c r="KM37" s="354">
        <v>0</v>
      </c>
      <c r="KN37" s="342">
        <v>0</v>
      </c>
      <c r="KO37" s="343">
        <v>0</v>
      </c>
      <c r="KP37" s="344">
        <v>0</v>
      </c>
      <c r="KQ37" s="404">
        <v>0</v>
      </c>
      <c r="KR37" s="345">
        <v>0</v>
      </c>
      <c r="KS37" s="345">
        <v>0</v>
      </c>
      <c r="KT37" s="345">
        <v>0</v>
      </c>
      <c r="KU37" s="345">
        <v>0</v>
      </c>
      <c r="KV37" s="345">
        <v>0</v>
      </c>
      <c r="KW37" s="349">
        <v>0</v>
      </c>
      <c r="KX37" s="347">
        <v>0</v>
      </c>
      <c r="KY37" s="348">
        <v>0</v>
      </c>
      <c r="KZ37" s="345">
        <v>0</v>
      </c>
      <c r="LA37" s="349">
        <v>0</v>
      </c>
      <c r="LB37" s="404">
        <v>0</v>
      </c>
      <c r="LC37" s="345">
        <v>0</v>
      </c>
      <c r="LD37" s="345">
        <v>0</v>
      </c>
      <c r="LE37" s="345">
        <v>0</v>
      </c>
      <c r="LF37" s="345">
        <v>0</v>
      </c>
      <c r="LG37" s="345">
        <v>0</v>
      </c>
      <c r="LH37" s="349">
        <v>0</v>
      </c>
      <c r="LI37" s="350">
        <v>0</v>
      </c>
      <c r="LJ37" s="348">
        <v>0</v>
      </c>
      <c r="LK37" s="345">
        <v>0</v>
      </c>
      <c r="LL37" s="349">
        <v>0</v>
      </c>
      <c r="LM37" s="404">
        <v>0</v>
      </c>
      <c r="LN37" s="345">
        <v>0</v>
      </c>
      <c r="LO37" s="345">
        <v>0</v>
      </c>
      <c r="LP37" s="345">
        <v>290784</v>
      </c>
      <c r="LQ37" s="345">
        <v>0</v>
      </c>
      <c r="LR37" s="345">
        <v>0</v>
      </c>
      <c r="LS37" s="349">
        <v>290784</v>
      </c>
      <c r="LT37" s="347">
        <v>290784</v>
      </c>
      <c r="LU37" s="348">
        <v>0</v>
      </c>
      <c r="LV37" s="345">
        <v>0</v>
      </c>
      <c r="LW37" s="349">
        <v>0</v>
      </c>
      <c r="LX37" s="404">
        <v>0</v>
      </c>
      <c r="LY37" s="345">
        <v>0</v>
      </c>
      <c r="LZ37" s="345">
        <v>0</v>
      </c>
      <c r="MA37" s="345">
        <v>0</v>
      </c>
      <c r="MB37" s="345">
        <v>0</v>
      </c>
      <c r="MC37" s="345">
        <v>0</v>
      </c>
      <c r="MD37" s="349">
        <v>0</v>
      </c>
      <c r="ME37" s="350">
        <v>0</v>
      </c>
      <c r="MF37" s="348">
        <v>0</v>
      </c>
      <c r="MG37" s="345">
        <v>0</v>
      </c>
      <c r="MH37" s="349">
        <v>0</v>
      </c>
      <c r="MI37" s="404">
        <v>0</v>
      </c>
      <c r="MJ37" s="345">
        <v>0</v>
      </c>
      <c r="MK37" s="345">
        <v>0</v>
      </c>
      <c r="ML37" s="345">
        <v>0</v>
      </c>
      <c r="MM37" s="345">
        <v>529120</v>
      </c>
      <c r="MN37" s="345">
        <v>0</v>
      </c>
      <c r="MO37" s="349">
        <v>529120</v>
      </c>
      <c r="MP37" s="354">
        <v>529120</v>
      </c>
      <c r="MQ37" s="348">
        <v>0</v>
      </c>
      <c r="MR37" s="345">
        <v>0</v>
      </c>
      <c r="MS37" s="349">
        <v>0</v>
      </c>
      <c r="MT37" s="404">
        <v>0</v>
      </c>
      <c r="MU37" s="345">
        <v>0</v>
      </c>
      <c r="MV37" s="345">
        <v>0</v>
      </c>
      <c r="MW37" s="345">
        <v>0</v>
      </c>
      <c r="MX37" s="345">
        <v>529120</v>
      </c>
      <c r="MY37" s="345">
        <v>0</v>
      </c>
      <c r="MZ37" s="349">
        <v>529120</v>
      </c>
      <c r="NA37" s="354">
        <v>529120</v>
      </c>
      <c r="NB37" s="348">
        <v>0</v>
      </c>
      <c r="NC37" s="345">
        <v>0</v>
      </c>
      <c r="ND37" s="349">
        <v>0</v>
      </c>
      <c r="NE37" s="404">
        <v>0</v>
      </c>
      <c r="NF37" s="345">
        <v>0</v>
      </c>
      <c r="NG37" s="345">
        <v>0</v>
      </c>
      <c r="NH37" s="345">
        <v>0</v>
      </c>
      <c r="NI37" s="345">
        <v>0</v>
      </c>
      <c r="NJ37" s="345">
        <v>0</v>
      </c>
      <c r="NK37" s="349">
        <v>0</v>
      </c>
      <c r="NL37" s="347">
        <v>0</v>
      </c>
      <c r="NM37" s="348">
        <v>0</v>
      </c>
      <c r="NN37" s="345">
        <v>0</v>
      </c>
      <c r="NO37" s="349">
        <v>0</v>
      </c>
      <c r="NP37" s="404">
        <v>0</v>
      </c>
      <c r="NQ37" s="345">
        <v>0</v>
      </c>
      <c r="NR37" s="345">
        <v>0</v>
      </c>
      <c r="NS37" s="345">
        <v>0</v>
      </c>
      <c r="NT37" s="345">
        <v>0</v>
      </c>
      <c r="NU37" s="345">
        <v>0</v>
      </c>
      <c r="NV37" s="349">
        <v>0</v>
      </c>
      <c r="NW37" s="350">
        <v>0</v>
      </c>
      <c r="NX37" s="348">
        <v>0</v>
      </c>
      <c r="NY37" s="345">
        <v>0</v>
      </c>
      <c r="NZ37" s="349">
        <v>0</v>
      </c>
      <c r="OA37" s="404">
        <v>0</v>
      </c>
      <c r="OB37" s="345">
        <v>0</v>
      </c>
      <c r="OC37" s="345">
        <v>0</v>
      </c>
      <c r="OD37" s="345">
        <v>0</v>
      </c>
      <c r="OE37" s="345">
        <v>0</v>
      </c>
      <c r="OF37" s="345">
        <v>0</v>
      </c>
      <c r="OG37" s="349">
        <v>0</v>
      </c>
      <c r="OH37" s="350">
        <v>0</v>
      </c>
      <c r="OI37" s="348">
        <v>46240</v>
      </c>
      <c r="OJ37" s="345">
        <v>13200</v>
      </c>
      <c r="OK37" s="346">
        <v>59440</v>
      </c>
      <c r="OL37" s="351">
        <v>0</v>
      </c>
      <c r="OM37" s="345">
        <v>558735</v>
      </c>
      <c r="ON37" s="345">
        <v>1230211</v>
      </c>
      <c r="OO37" s="345">
        <v>594643</v>
      </c>
      <c r="OP37" s="345">
        <v>1263819</v>
      </c>
      <c r="OQ37" s="345">
        <v>275542</v>
      </c>
      <c r="OR37" s="349">
        <v>3922950</v>
      </c>
      <c r="OS37" s="354">
        <v>3982390</v>
      </c>
    </row>
    <row r="38" spans="2:409" s="70" customFormat="1" ht="21" customHeight="1" x14ac:dyDescent="0.2">
      <c r="B38" s="410" t="s">
        <v>33</v>
      </c>
      <c r="C38" s="326">
        <v>56644</v>
      </c>
      <c r="D38" s="327">
        <v>14840</v>
      </c>
      <c r="E38" s="328">
        <v>71484</v>
      </c>
      <c r="F38" s="329">
        <v>0</v>
      </c>
      <c r="G38" s="327">
        <v>218077</v>
      </c>
      <c r="H38" s="327">
        <v>0</v>
      </c>
      <c r="I38" s="327">
        <v>147125</v>
      </c>
      <c r="J38" s="327">
        <v>0</v>
      </c>
      <c r="K38" s="327">
        <v>561365</v>
      </c>
      <c r="L38" s="367">
        <v>926567</v>
      </c>
      <c r="M38" s="330">
        <v>998051</v>
      </c>
      <c r="N38" s="326">
        <v>51940</v>
      </c>
      <c r="O38" s="327">
        <v>14840</v>
      </c>
      <c r="P38" s="328">
        <v>66780</v>
      </c>
      <c r="Q38" s="326">
        <v>0</v>
      </c>
      <c r="R38" s="327">
        <v>157298</v>
      </c>
      <c r="S38" s="327">
        <v>0</v>
      </c>
      <c r="T38" s="327">
        <v>147125</v>
      </c>
      <c r="U38" s="327">
        <v>0</v>
      </c>
      <c r="V38" s="327">
        <v>36992</v>
      </c>
      <c r="W38" s="328">
        <v>341415</v>
      </c>
      <c r="X38" s="330">
        <v>408195</v>
      </c>
      <c r="Y38" s="326">
        <v>0</v>
      </c>
      <c r="Z38" s="327">
        <v>0</v>
      </c>
      <c r="AA38" s="328">
        <v>0</v>
      </c>
      <c r="AB38" s="326">
        <v>0</v>
      </c>
      <c r="AC38" s="327">
        <v>44212</v>
      </c>
      <c r="AD38" s="327">
        <v>0</v>
      </c>
      <c r="AE38" s="327">
        <v>58556</v>
      </c>
      <c r="AF38" s="327">
        <v>0</v>
      </c>
      <c r="AG38" s="327">
        <v>0</v>
      </c>
      <c r="AH38" s="328">
        <v>102768</v>
      </c>
      <c r="AI38" s="330">
        <v>102768</v>
      </c>
      <c r="AJ38" s="326">
        <v>0</v>
      </c>
      <c r="AK38" s="327">
        <v>0</v>
      </c>
      <c r="AL38" s="328">
        <v>0</v>
      </c>
      <c r="AM38" s="326">
        <v>0</v>
      </c>
      <c r="AN38" s="327">
        <v>0</v>
      </c>
      <c r="AO38" s="327">
        <v>0</v>
      </c>
      <c r="AP38" s="327">
        <v>0</v>
      </c>
      <c r="AQ38" s="327">
        <v>0</v>
      </c>
      <c r="AR38" s="327">
        <v>0</v>
      </c>
      <c r="AS38" s="328">
        <v>0</v>
      </c>
      <c r="AT38" s="330">
        <v>0</v>
      </c>
      <c r="AU38" s="326">
        <v>0</v>
      </c>
      <c r="AV38" s="327">
        <v>0</v>
      </c>
      <c r="AW38" s="328">
        <v>0</v>
      </c>
      <c r="AX38" s="326">
        <v>0</v>
      </c>
      <c r="AY38" s="327">
        <v>23180</v>
      </c>
      <c r="AZ38" s="327">
        <v>0</v>
      </c>
      <c r="BA38" s="327">
        <v>20288</v>
      </c>
      <c r="BB38" s="327">
        <v>0</v>
      </c>
      <c r="BC38" s="327">
        <v>0</v>
      </c>
      <c r="BD38" s="328">
        <v>43468</v>
      </c>
      <c r="BE38" s="330">
        <v>43468</v>
      </c>
      <c r="BF38" s="326">
        <v>51940</v>
      </c>
      <c r="BG38" s="327">
        <v>14840</v>
      </c>
      <c r="BH38" s="331">
        <v>66780</v>
      </c>
      <c r="BI38" s="332">
        <v>0</v>
      </c>
      <c r="BJ38" s="327">
        <v>76834</v>
      </c>
      <c r="BK38" s="327">
        <v>0</v>
      </c>
      <c r="BL38" s="327">
        <v>42249</v>
      </c>
      <c r="BM38" s="327">
        <v>0</v>
      </c>
      <c r="BN38" s="327">
        <v>0</v>
      </c>
      <c r="BO38" s="328">
        <v>119083</v>
      </c>
      <c r="BP38" s="330">
        <v>185863</v>
      </c>
      <c r="BQ38" s="326">
        <v>0</v>
      </c>
      <c r="BR38" s="327">
        <v>0</v>
      </c>
      <c r="BS38" s="328">
        <v>0</v>
      </c>
      <c r="BT38" s="326">
        <v>0</v>
      </c>
      <c r="BU38" s="327">
        <v>13072</v>
      </c>
      <c r="BV38" s="327">
        <v>0</v>
      </c>
      <c r="BW38" s="327">
        <v>26032</v>
      </c>
      <c r="BX38" s="327">
        <v>0</v>
      </c>
      <c r="BY38" s="327">
        <v>36992</v>
      </c>
      <c r="BZ38" s="328">
        <v>76096</v>
      </c>
      <c r="CA38" s="330">
        <v>76096</v>
      </c>
      <c r="CB38" s="326">
        <v>0</v>
      </c>
      <c r="CC38" s="327">
        <v>0</v>
      </c>
      <c r="CD38" s="328">
        <v>0</v>
      </c>
      <c r="CE38" s="326">
        <v>0</v>
      </c>
      <c r="CF38" s="327">
        <v>0</v>
      </c>
      <c r="CG38" s="327">
        <v>0</v>
      </c>
      <c r="CH38" s="327">
        <v>0</v>
      </c>
      <c r="CI38" s="327">
        <v>0</v>
      </c>
      <c r="CJ38" s="327">
        <v>0</v>
      </c>
      <c r="CK38" s="328">
        <v>0</v>
      </c>
      <c r="CL38" s="330">
        <v>0</v>
      </c>
      <c r="CM38" s="326">
        <v>0</v>
      </c>
      <c r="CN38" s="327">
        <v>0</v>
      </c>
      <c r="CO38" s="328">
        <v>0</v>
      </c>
      <c r="CP38" s="332">
        <v>0</v>
      </c>
      <c r="CQ38" s="327">
        <v>0</v>
      </c>
      <c r="CR38" s="327">
        <v>0</v>
      </c>
      <c r="CS38" s="327">
        <v>0</v>
      </c>
      <c r="CT38" s="327">
        <v>0</v>
      </c>
      <c r="CU38" s="327">
        <v>0</v>
      </c>
      <c r="CV38" s="328">
        <v>0</v>
      </c>
      <c r="CW38" s="330">
        <v>0</v>
      </c>
      <c r="CX38" s="326">
        <v>0</v>
      </c>
      <c r="CY38" s="327">
        <v>0</v>
      </c>
      <c r="CZ38" s="328">
        <v>0</v>
      </c>
      <c r="DA38" s="326">
        <v>0</v>
      </c>
      <c r="DB38" s="327">
        <v>0</v>
      </c>
      <c r="DC38" s="327">
        <v>0</v>
      </c>
      <c r="DD38" s="327">
        <v>0</v>
      </c>
      <c r="DE38" s="327">
        <v>0</v>
      </c>
      <c r="DF38" s="327">
        <v>0</v>
      </c>
      <c r="DG38" s="328">
        <v>0</v>
      </c>
      <c r="DH38" s="330">
        <v>0</v>
      </c>
      <c r="DI38" s="326">
        <v>0</v>
      </c>
      <c r="DJ38" s="327">
        <v>0</v>
      </c>
      <c r="DK38" s="331">
        <v>0</v>
      </c>
      <c r="DL38" s="332">
        <v>0</v>
      </c>
      <c r="DM38" s="327">
        <v>35139</v>
      </c>
      <c r="DN38" s="327">
        <v>0</v>
      </c>
      <c r="DO38" s="327">
        <v>0</v>
      </c>
      <c r="DP38" s="327">
        <v>0</v>
      </c>
      <c r="DQ38" s="327">
        <v>262800</v>
      </c>
      <c r="DR38" s="328">
        <v>297939</v>
      </c>
      <c r="DS38" s="330">
        <v>297939</v>
      </c>
      <c r="DT38" s="326">
        <v>0</v>
      </c>
      <c r="DU38" s="327">
        <v>0</v>
      </c>
      <c r="DV38" s="328">
        <v>0</v>
      </c>
      <c r="DW38" s="326">
        <v>0</v>
      </c>
      <c r="DX38" s="327">
        <v>35139</v>
      </c>
      <c r="DY38" s="327">
        <v>0</v>
      </c>
      <c r="DZ38" s="327">
        <v>0</v>
      </c>
      <c r="EA38" s="327">
        <v>0</v>
      </c>
      <c r="EB38" s="327">
        <v>262800</v>
      </c>
      <c r="EC38" s="328">
        <v>297939</v>
      </c>
      <c r="ED38" s="330">
        <v>297939</v>
      </c>
      <c r="EE38" s="326">
        <v>0</v>
      </c>
      <c r="EF38" s="331">
        <v>0</v>
      </c>
      <c r="EG38" s="328">
        <v>0</v>
      </c>
      <c r="EH38" s="326">
        <v>0</v>
      </c>
      <c r="EI38" s="327">
        <v>0</v>
      </c>
      <c r="EJ38" s="327">
        <v>0</v>
      </c>
      <c r="EK38" s="327">
        <v>0</v>
      </c>
      <c r="EL38" s="327">
        <v>0</v>
      </c>
      <c r="EM38" s="327">
        <v>0</v>
      </c>
      <c r="EN38" s="331">
        <v>0</v>
      </c>
      <c r="EO38" s="330">
        <v>0</v>
      </c>
      <c r="EP38" s="326">
        <v>0</v>
      </c>
      <c r="EQ38" s="327">
        <v>0</v>
      </c>
      <c r="ER38" s="331">
        <v>0</v>
      </c>
      <c r="ES38" s="332">
        <v>0</v>
      </c>
      <c r="ET38" s="327">
        <v>0</v>
      </c>
      <c r="EU38" s="327">
        <v>0</v>
      </c>
      <c r="EV38" s="327">
        <v>0</v>
      </c>
      <c r="EW38" s="327">
        <v>0</v>
      </c>
      <c r="EX38" s="327">
        <v>0</v>
      </c>
      <c r="EY38" s="328">
        <v>0</v>
      </c>
      <c r="EZ38" s="330">
        <v>0</v>
      </c>
      <c r="FA38" s="326">
        <v>0</v>
      </c>
      <c r="FB38" s="327">
        <v>0</v>
      </c>
      <c r="FC38" s="331">
        <v>0</v>
      </c>
      <c r="FD38" s="332">
        <v>0</v>
      </c>
      <c r="FE38" s="327">
        <v>0</v>
      </c>
      <c r="FF38" s="327">
        <v>0</v>
      </c>
      <c r="FG38" s="327">
        <v>0</v>
      </c>
      <c r="FH38" s="327">
        <v>0</v>
      </c>
      <c r="FI38" s="327">
        <v>0</v>
      </c>
      <c r="FJ38" s="328">
        <v>0</v>
      </c>
      <c r="FK38" s="330">
        <v>0</v>
      </c>
      <c r="FL38" s="326">
        <v>4704</v>
      </c>
      <c r="FM38" s="327">
        <v>0</v>
      </c>
      <c r="FN38" s="328">
        <v>4704</v>
      </c>
      <c r="FO38" s="326">
        <v>0</v>
      </c>
      <c r="FP38" s="327">
        <v>25640</v>
      </c>
      <c r="FQ38" s="327">
        <v>0</v>
      </c>
      <c r="FR38" s="327">
        <v>0</v>
      </c>
      <c r="FS38" s="327">
        <v>0</v>
      </c>
      <c r="FT38" s="327">
        <v>0</v>
      </c>
      <c r="FU38" s="328">
        <v>25640</v>
      </c>
      <c r="FV38" s="330">
        <v>30344</v>
      </c>
      <c r="FW38" s="333">
        <v>4704</v>
      </c>
      <c r="FX38" s="327">
        <v>0</v>
      </c>
      <c r="FY38" s="331">
        <v>4704</v>
      </c>
      <c r="FZ38" s="332">
        <v>0</v>
      </c>
      <c r="GA38" s="327">
        <v>25640</v>
      </c>
      <c r="GB38" s="327">
        <v>0</v>
      </c>
      <c r="GC38" s="327">
        <v>0</v>
      </c>
      <c r="GD38" s="327">
        <v>0</v>
      </c>
      <c r="GE38" s="327">
        <v>0</v>
      </c>
      <c r="GF38" s="328">
        <v>25640</v>
      </c>
      <c r="GG38" s="334">
        <v>30344</v>
      </c>
      <c r="GH38" s="333">
        <v>0</v>
      </c>
      <c r="GI38" s="327">
        <v>0</v>
      </c>
      <c r="GJ38" s="331">
        <v>0</v>
      </c>
      <c r="GK38" s="332">
        <v>0</v>
      </c>
      <c r="GL38" s="327">
        <v>0</v>
      </c>
      <c r="GM38" s="327">
        <v>0</v>
      </c>
      <c r="GN38" s="327">
        <v>0</v>
      </c>
      <c r="GO38" s="327">
        <v>0</v>
      </c>
      <c r="GP38" s="327">
        <v>0</v>
      </c>
      <c r="GQ38" s="328">
        <v>0</v>
      </c>
      <c r="GR38" s="330">
        <v>0</v>
      </c>
      <c r="GS38" s="326">
        <v>0</v>
      </c>
      <c r="GT38" s="327">
        <v>0</v>
      </c>
      <c r="GU38" s="328">
        <v>0</v>
      </c>
      <c r="GV38" s="326">
        <v>0</v>
      </c>
      <c r="GW38" s="327">
        <v>0</v>
      </c>
      <c r="GX38" s="327">
        <v>0</v>
      </c>
      <c r="GY38" s="327">
        <v>0</v>
      </c>
      <c r="GZ38" s="327">
        <v>0</v>
      </c>
      <c r="HA38" s="327">
        <v>0</v>
      </c>
      <c r="HB38" s="331">
        <v>0</v>
      </c>
      <c r="HC38" s="330">
        <v>0</v>
      </c>
      <c r="HD38" s="326">
        <v>0</v>
      </c>
      <c r="HE38" s="327">
        <v>0</v>
      </c>
      <c r="HF38" s="331">
        <v>0</v>
      </c>
      <c r="HG38" s="332">
        <v>0</v>
      </c>
      <c r="HH38" s="327">
        <v>0</v>
      </c>
      <c r="HI38" s="327">
        <v>0</v>
      </c>
      <c r="HJ38" s="327">
        <v>0</v>
      </c>
      <c r="HK38" s="327">
        <v>0</v>
      </c>
      <c r="HL38" s="327">
        <v>261573</v>
      </c>
      <c r="HM38" s="328">
        <v>261573</v>
      </c>
      <c r="HN38" s="329">
        <v>261573</v>
      </c>
      <c r="HO38" s="333">
        <v>0</v>
      </c>
      <c r="HP38" s="327">
        <v>0</v>
      </c>
      <c r="HQ38" s="328">
        <v>0</v>
      </c>
      <c r="HR38" s="326">
        <v>0</v>
      </c>
      <c r="HS38" s="327">
        <v>0</v>
      </c>
      <c r="HT38" s="327">
        <v>0</v>
      </c>
      <c r="HU38" s="327">
        <v>0</v>
      </c>
      <c r="HV38" s="327">
        <v>0</v>
      </c>
      <c r="HW38" s="327">
        <v>0</v>
      </c>
      <c r="HX38" s="331">
        <v>0</v>
      </c>
      <c r="HY38" s="330">
        <v>0</v>
      </c>
      <c r="HZ38" s="358">
        <v>0</v>
      </c>
      <c r="IA38" s="356">
        <v>0</v>
      </c>
      <c r="IB38" s="358">
        <v>0</v>
      </c>
      <c r="IC38" s="338">
        <v>0</v>
      </c>
      <c r="ID38" s="336">
        <v>117420</v>
      </c>
      <c r="IE38" s="339">
        <v>0</v>
      </c>
      <c r="IF38" s="337">
        <v>0</v>
      </c>
      <c r="IG38" s="336">
        <v>0</v>
      </c>
      <c r="IH38" s="337">
        <v>0</v>
      </c>
      <c r="II38" s="340">
        <v>117420</v>
      </c>
      <c r="IJ38" s="358">
        <v>117420</v>
      </c>
      <c r="IK38" s="342">
        <v>0</v>
      </c>
      <c r="IL38" s="343">
        <v>0</v>
      </c>
      <c r="IM38" s="344">
        <v>0</v>
      </c>
      <c r="IN38" s="404">
        <v>0</v>
      </c>
      <c r="IO38" s="345">
        <v>0</v>
      </c>
      <c r="IP38" s="345">
        <v>0</v>
      </c>
      <c r="IQ38" s="345">
        <v>0</v>
      </c>
      <c r="IR38" s="345">
        <v>0</v>
      </c>
      <c r="IS38" s="345">
        <v>0</v>
      </c>
      <c r="IT38" s="346">
        <v>0</v>
      </c>
      <c r="IU38" s="347">
        <v>0</v>
      </c>
      <c r="IV38" s="348">
        <v>0</v>
      </c>
      <c r="IW38" s="345">
        <v>0</v>
      </c>
      <c r="IX38" s="349">
        <v>0</v>
      </c>
      <c r="IY38" s="404">
        <v>0</v>
      </c>
      <c r="IZ38" s="345">
        <v>0</v>
      </c>
      <c r="JA38" s="345">
        <v>0</v>
      </c>
      <c r="JB38" s="345">
        <v>0</v>
      </c>
      <c r="JC38" s="345">
        <v>0</v>
      </c>
      <c r="JD38" s="345">
        <v>0</v>
      </c>
      <c r="JE38" s="349">
        <v>0</v>
      </c>
      <c r="JF38" s="350">
        <v>0</v>
      </c>
      <c r="JG38" s="348">
        <v>0</v>
      </c>
      <c r="JH38" s="345">
        <v>0</v>
      </c>
      <c r="JI38" s="346">
        <v>0</v>
      </c>
      <c r="JJ38" s="351">
        <v>0</v>
      </c>
      <c r="JK38" s="345">
        <v>117420</v>
      </c>
      <c r="JL38" s="345">
        <v>0</v>
      </c>
      <c r="JM38" s="345">
        <v>0</v>
      </c>
      <c r="JN38" s="345">
        <v>0</v>
      </c>
      <c r="JO38" s="345">
        <v>0</v>
      </c>
      <c r="JP38" s="349">
        <v>117420</v>
      </c>
      <c r="JQ38" s="347">
        <v>117420</v>
      </c>
      <c r="JR38" s="348">
        <v>0</v>
      </c>
      <c r="JS38" s="345">
        <v>0</v>
      </c>
      <c r="JT38" s="346">
        <v>0</v>
      </c>
      <c r="JU38" s="351">
        <v>0</v>
      </c>
      <c r="JV38" s="345">
        <v>0</v>
      </c>
      <c r="JW38" s="345">
        <v>0</v>
      </c>
      <c r="JX38" s="345">
        <v>0</v>
      </c>
      <c r="JY38" s="345">
        <v>0</v>
      </c>
      <c r="JZ38" s="345">
        <v>0</v>
      </c>
      <c r="KA38" s="349">
        <v>0</v>
      </c>
      <c r="KB38" s="347">
        <v>0</v>
      </c>
      <c r="KC38" s="352">
        <v>0</v>
      </c>
      <c r="KD38" s="353">
        <v>0</v>
      </c>
      <c r="KE38" s="349">
        <v>0</v>
      </c>
      <c r="KF38" s="351">
        <v>0</v>
      </c>
      <c r="KG38" s="345">
        <v>0</v>
      </c>
      <c r="KH38" s="345">
        <v>0</v>
      </c>
      <c r="KI38" s="345">
        <v>0</v>
      </c>
      <c r="KJ38" s="345">
        <v>0</v>
      </c>
      <c r="KK38" s="345">
        <v>0</v>
      </c>
      <c r="KL38" s="349">
        <v>0</v>
      </c>
      <c r="KM38" s="354">
        <v>0</v>
      </c>
      <c r="KN38" s="342">
        <v>0</v>
      </c>
      <c r="KO38" s="343">
        <v>0</v>
      </c>
      <c r="KP38" s="344">
        <v>0</v>
      </c>
      <c r="KQ38" s="404">
        <v>0</v>
      </c>
      <c r="KR38" s="345">
        <v>0</v>
      </c>
      <c r="KS38" s="345">
        <v>0</v>
      </c>
      <c r="KT38" s="345">
        <v>0</v>
      </c>
      <c r="KU38" s="345">
        <v>0</v>
      </c>
      <c r="KV38" s="345">
        <v>0</v>
      </c>
      <c r="KW38" s="349">
        <v>0</v>
      </c>
      <c r="KX38" s="347">
        <v>0</v>
      </c>
      <c r="KY38" s="348">
        <v>0</v>
      </c>
      <c r="KZ38" s="345">
        <v>0</v>
      </c>
      <c r="LA38" s="349">
        <v>0</v>
      </c>
      <c r="LB38" s="404">
        <v>0</v>
      </c>
      <c r="LC38" s="345">
        <v>0</v>
      </c>
      <c r="LD38" s="345">
        <v>0</v>
      </c>
      <c r="LE38" s="345">
        <v>0</v>
      </c>
      <c r="LF38" s="345">
        <v>0</v>
      </c>
      <c r="LG38" s="345">
        <v>0</v>
      </c>
      <c r="LH38" s="349">
        <v>0</v>
      </c>
      <c r="LI38" s="350">
        <v>0</v>
      </c>
      <c r="LJ38" s="348">
        <v>0</v>
      </c>
      <c r="LK38" s="345">
        <v>0</v>
      </c>
      <c r="LL38" s="349">
        <v>0</v>
      </c>
      <c r="LM38" s="404">
        <v>0</v>
      </c>
      <c r="LN38" s="345">
        <v>0</v>
      </c>
      <c r="LO38" s="345">
        <v>0</v>
      </c>
      <c r="LP38" s="345">
        <v>0</v>
      </c>
      <c r="LQ38" s="345">
        <v>0</v>
      </c>
      <c r="LR38" s="345">
        <v>0</v>
      </c>
      <c r="LS38" s="349">
        <v>0</v>
      </c>
      <c r="LT38" s="347">
        <v>0</v>
      </c>
      <c r="LU38" s="348">
        <v>0</v>
      </c>
      <c r="LV38" s="345">
        <v>0</v>
      </c>
      <c r="LW38" s="349">
        <v>0</v>
      </c>
      <c r="LX38" s="404">
        <v>0</v>
      </c>
      <c r="LY38" s="345">
        <v>0</v>
      </c>
      <c r="LZ38" s="345">
        <v>0</v>
      </c>
      <c r="MA38" s="345">
        <v>0</v>
      </c>
      <c r="MB38" s="345">
        <v>0</v>
      </c>
      <c r="MC38" s="345">
        <v>0</v>
      </c>
      <c r="MD38" s="349">
        <v>0</v>
      </c>
      <c r="ME38" s="350">
        <v>0</v>
      </c>
      <c r="MF38" s="348">
        <v>0</v>
      </c>
      <c r="MG38" s="345">
        <v>0</v>
      </c>
      <c r="MH38" s="349">
        <v>0</v>
      </c>
      <c r="MI38" s="404">
        <v>0</v>
      </c>
      <c r="MJ38" s="345">
        <v>0</v>
      </c>
      <c r="MK38" s="345">
        <v>0</v>
      </c>
      <c r="ML38" s="345">
        <v>663487</v>
      </c>
      <c r="MM38" s="345">
        <v>81322</v>
      </c>
      <c r="MN38" s="345">
        <v>0</v>
      </c>
      <c r="MO38" s="349">
        <v>744809</v>
      </c>
      <c r="MP38" s="354">
        <v>744809</v>
      </c>
      <c r="MQ38" s="348">
        <v>0</v>
      </c>
      <c r="MR38" s="345">
        <v>0</v>
      </c>
      <c r="MS38" s="349">
        <v>0</v>
      </c>
      <c r="MT38" s="404">
        <v>0</v>
      </c>
      <c r="MU38" s="345">
        <v>0</v>
      </c>
      <c r="MV38" s="345">
        <v>0</v>
      </c>
      <c r="MW38" s="345">
        <v>0</v>
      </c>
      <c r="MX38" s="345">
        <v>81322</v>
      </c>
      <c r="MY38" s="345">
        <v>0</v>
      </c>
      <c r="MZ38" s="349">
        <v>81322</v>
      </c>
      <c r="NA38" s="354">
        <v>81322</v>
      </c>
      <c r="NB38" s="348">
        <v>0</v>
      </c>
      <c r="NC38" s="345">
        <v>0</v>
      </c>
      <c r="ND38" s="349">
        <v>0</v>
      </c>
      <c r="NE38" s="404">
        <v>0</v>
      </c>
      <c r="NF38" s="345">
        <v>0</v>
      </c>
      <c r="NG38" s="345">
        <v>0</v>
      </c>
      <c r="NH38" s="345">
        <v>0</v>
      </c>
      <c r="NI38" s="345">
        <v>0</v>
      </c>
      <c r="NJ38" s="345">
        <v>0</v>
      </c>
      <c r="NK38" s="349">
        <v>0</v>
      </c>
      <c r="NL38" s="347">
        <v>0</v>
      </c>
      <c r="NM38" s="348">
        <v>0</v>
      </c>
      <c r="NN38" s="345">
        <v>0</v>
      </c>
      <c r="NO38" s="349">
        <v>0</v>
      </c>
      <c r="NP38" s="404">
        <v>0</v>
      </c>
      <c r="NQ38" s="345">
        <v>0</v>
      </c>
      <c r="NR38" s="345">
        <v>0</v>
      </c>
      <c r="NS38" s="345">
        <v>0</v>
      </c>
      <c r="NT38" s="345">
        <v>0</v>
      </c>
      <c r="NU38" s="345">
        <v>0</v>
      </c>
      <c r="NV38" s="349">
        <v>0</v>
      </c>
      <c r="NW38" s="350">
        <v>0</v>
      </c>
      <c r="NX38" s="348">
        <v>0</v>
      </c>
      <c r="NY38" s="345">
        <v>0</v>
      </c>
      <c r="NZ38" s="349">
        <v>0</v>
      </c>
      <c r="OA38" s="404">
        <v>0</v>
      </c>
      <c r="OB38" s="345">
        <v>0</v>
      </c>
      <c r="OC38" s="345">
        <v>0</v>
      </c>
      <c r="OD38" s="345">
        <v>663487</v>
      </c>
      <c r="OE38" s="345">
        <v>0</v>
      </c>
      <c r="OF38" s="345">
        <v>0</v>
      </c>
      <c r="OG38" s="349">
        <v>663487</v>
      </c>
      <c r="OH38" s="350">
        <v>663487</v>
      </c>
      <c r="OI38" s="348">
        <v>56644</v>
      </c>
      <c r="OJ38" s="345">
        <v>14840</v>
      </c>
      <c r="OK38" s="346">
        <v>71484</v>
      </c>
      <c r="OL38" s="351">
        <v>0</v>
      </c>
      <c r="OM38" s="345">
        <v>335497</v>
      </c>
      <c r="ON38" s="345">
        <v>0</v>
      </c>
      <c r="OO38" s="345">
        <v>810612</v>
      </c>
      <c r="OP38" s="345">
        <v>81322</v>
      </c>
      <c r="OQ38" s="345">
        <v>561365</v>
      </c>
      <c r="OR38" s="349">
        <v>1788796</v>
      </c>
      <c r="OS38" s="354">
        <v>1860280</v>
      </c>
    </row>
    <row r="39" spans="2:409" s="70" customFormat="1" ht="21" customHeight="1" x14ac:dyDescent="0.2">
      <c r="B39" s="410" t="s">
        <v>34</v>
      </c>
      <c r="C39" s="326">
        <v>0</v>
      </c>
      <c r="D39" s="327">
        <v>5216</v>
      </c>
      <c r="E39" s="368">
        <v>5216</v>
      </c>
      <c r="F39" s="370">
        <v>0</v>
      </c>
      <c r="G39" s="369">
        <v>137688</v>
      </c>
      <c r="H39" s="369">
        <v>461092</v>
      </c>
      <c r="I39" s="369">
        <v>10656</v>
      </c>
      <c r="J39" s="369">
        <v>479759</v>
      </c>
      <c r="K39" s="369">
        <v>136200</v>
      </c>
      <c r="L39" s="370">
        <v>1225395</v>
      </c>
      <c r="M39" s="330">
        <v>1230611</v>
      </c>
      <c r="N39" s="326">
        <v>0</v>
      </c>
      <c r="O39" s="327">
        <v>0</v>
      </c>
      <c r="P39" s="328">
        <v>0</v>
      </c>
      <c r="Q39" s="326">
        <v>0</v>
      </c>
      <c r="R39" s="327">
        <v>90632</v>
      </c>
      <c r="S39" s="327">
        <v>139020</v>
      </c>
      <c r="T39" s="327">
        <v>10656</v>
      </c>
      <c r="U39" s="327">
        <v>53008</v>
      </c>
      <c r="V39" s="327">
        <v>121992</v>
      </c>
      <c r="W39" s="328">
        <v>415308</v>
      </c>
      <c r="X39" s="330">
        <v>415308</v>
      </c>
      <c r="Y39" s="326">
        <v>0</v>
      </c>
      <c r="Z39" s="327">
        <v>0</v>
      </c>
      <c r="AA39" s="328">
        <v>0</v>
      </c>
      <c r="AB39" s="326">
        <v>0</v>
      </c>
      <c r="AC39" s="327">
        <v>0</v>
      </c>
      <c r="AD39" s="327">
        <v>0</v>
      </c>
      <c r="AE39" s="327">
        <v>0</v>
      </c>
      <c r="AF39" s="327">
        <v>0</v>
      </c>
      <c r="AG39" s="327">
        <v>0</v>
      </c>
      <c r="AH39" s="328">
        <v>0</v>
      </c>
      <c r="AI39" s="330">
        <v>0</v>
      </c>
      <c r="AJ39" s="326">
        <v>0</v>
      </c>
      <c r="AK39" s="327">
        <v>0</v>
      </c>
      <c r="AL39" s="328">
        <v>0</v>
      </c>
      <c r="AM39" s="326">
        <v>0</v>
      </c>
      <c r="AN39" s="327">
        <v>0</v>
      </c>
      <c r="AO39" s="327">
        <v>0</v>
      </c>
      <c r="AP39" s="327">
        <v>0</v>
      </c>
      <c r="AQ39" s="327">
        <v>0</v>
      </c>
      <c r="AR39" s="327">
        <v>0</v>
      </c>
      <c r="AS39" s="328">
        <v>0</v>
      </c>
      <c r="AT39" s="330">
        <v>0</v>
      </c>
      <c r="AU39" s="326">
        <v>0</v>
      </c>
      <c r="AV39" s="327">
        <v>0</v>
      </c>
      <c r="AW39" s="328">
        <v>0</v>
      </c>
      <c r="AX39" s="326">
        <v>0</v>
      </c>
      <c r="AY39" s="327">
        <v>79976</v>
      </c>
      <c r="AZ39" s="327">
        <v>104012</v>
      </c>
      <c r="BA39" s="327">
        <v>0</v>
      </c>
      <c r="BB39" s="327">
        <v>0</v>
      </c>
      <c r="BC39" s="327">
        <v>77016</v>
      </c>
      <c r="BD39" s="328">
        <v>261004</v>
      </c>
      <c r="BE39" s="330">
        <v>261004</v>
      </c>
      <c r="BF39" s="326">
        <v>0</v>
      </c>
      <c r="BG39" s="327">
        <v>0</v>
      </c>
      <c r="BH39" s="331">
        <v>0</v>
      </c>
      <c r="BI39" s="332">
        <v>0</v>
      </c>
      <c r="BJ39" s="327">
        <v>0</v>
      </c>
      <c r="BK39" s="327">
        <v>0</v>
      </c>
      <c r="BL39" s="327">
        <v>0</v>
      </c>
      <c r="BM39" s="327">
        <v>0</v>
      </c>
      <c r="BN39" s="327">
        <v>40192</v>
      </c>
      <c r="BO39" s="328">
        <v>40192</v>
      </c>
      <c r="BP39" s="330">
        <v>40192</v>
      </c>
      <c r="BQ39" s="326">
        <v>0</v>
      </c>
      <c r="BR39" s="327">
        <v>0</v>
      </c>
      <c r="BS39" s="328">
        <v>0</v>
      </c>
      <c r="BT39" s="326">
        <v>0</v>
      </c>
      <c r="BU39" s="327">
        <v>10656</v>
      </c>
      <c r="BV39" s="327">
        <v>35008</v>
      </c>
      <c r="BW39" s="327">
        <v>10656</v>
      </c>
      <c r="BX39" s="327">
        <v>53008</v>
      </c>
      <c r="BY39" s="327">
        <v>4784</v>
      </c>
      <c r="BZ39" s="328">
        <v>114112</v>
      </c>
      <c r="CA39" s="330">
        <v>114112</v>
      </c>
      <c r="CB39" s="326">
        <v>0</v>
      </c>
      <c r="CC39" s="327">
        <v>0</v>
      </c>
      <c r="CD39" s="328">
        <v>0</v>
      </c>
      <c r="CE39" s="326">
        <v>0</v>
      </c>
      <c r="CF39" s="327">
        <v>29856</v>
      </c>
      <c r="CG39" s="327">
        <v>84864</v>
      </c>
      <c r="CH39" s="327">
        <v>0</v>
      </c>
      <c r="CI39" s="327">
        <v>0</v>
      </c>
      <c r="CJ39" s="327">
        <v>0</v>
      </c>
      <c r="CK39" s="328">
        <v>114720</v>
      </c>
      <c r="CL39" s="330">
        <v>114720</v>
      </c>
      <c r="CM39" s="326">
        <v>0</v>
      </c>
      <c r="CN39" s="327">
        <v>0</v>
      </c>
      <c r="CO39" s="328">
        <v>0</v>
      </c>
      <c r="CP39" s="332">
        <v>0</v>
      </c>
      <c r="CQ39" s="327">
        <v>29856</v>
      </c>
      <c r="CR39" s="327">
        <v>84864</v>
      </c>
      <c r="CS39" s="327">
        <v>0</v>
      </c>
      <c r="CT39" s="327">
        <v>0</v>
      </c>
      <c r="CU39" s="327">
        <v>0</v>
      </c>
      <c r="CV39" s="328">
        <v>114720</v>
      </c>
      <c r="CW39" s="330">
        <v>114720</v>
      </c>
      <c r="CX39" s="326">
        <v>0</v>
      </c>
      <c r="CY39" s="327">
        <v>0</v>
      </c>
      <c r="CZ39" s="328">
        <v>0</v>
      </c>
      <c r="DA39" s="326">
        <v>0</v>
      </c>
      <c r="DB39" s="327">
        <v>0</v>
      </c>
      <c r="DC39" s="327">
        <v>0</v>
      </c>
      <c r="DD39" s="327">
        <v>0</v>
      </c>
      <c r="DE39" s="327">
        <v>0</v>
      </c>
      <c r="DF39" s="327">
        <v>0</v>
      </c>
      <c r="DG39" s="328">
        <v>0</v>
      </c>
      <c r="DH39" s="330">
        <v>0</v>
      </c>
      <c r="DI39" s="326">
        <v>0</v>
      </c>
      <c r="DJ39" s="327">
        <v>0</v>
      </c>
      <c r="DK39" s="331">
        <v>0</v>
      </c>
      <c r="DL39" s="332">
        <v>0</v>
      </c>
      <c r="DM39" s="327">
        <v>0</v>
      </c>
      <c r="DN39" s="327">
        <v>0</v>
      </c>
      <c r="DO39" s="327">
        <v>0</v>
      </c>
      <c r="DP39" s="327">
        <v>0</v>
      </c>
      <c r="DQ39" s="327">
        <v>0</v>
      </c>
      <c r="DR39" s="328">
        <v>0</v>
      </c>
      <c r="DS39" s="330">
        <v>0</v>
      </c>
      <c r="DT39" s="326">
        <v>0</v>
      </c>
      <c r="DU39" s="327">
        <v>0</v>
      </c>
      <c r="DV39" s="328">
        <v>0</v>
      </c>
      <c r="DW39" s="326">
        <v>0</v>
      </c>
      <c r="DX39" s="327">
        <v>0</v>
      </c>
      <c r="DY39" s="327">
        <v>0</v>
      </c>
      <c r="DZ39" s="327">
        <v>0</v>
      </c>
      <c r="EA39" s="327">
        <v>0</v>
      </c>
      <c r="EB39" s="327">
        <v>0</v>
      </c>
      <c r="EC39" s="328">
        <v>0</v>
      </c>
      <c r="ED39" s="330">
        <v>0</v>
      </c>
      <c r="EE39" s="326">
        <v>0</v>
      </c>
      <c r="EF39" s="331">
        <v>0</v>
      </c>
      <c r="EG39" s="328">
        <v>0</v>
      </c>
      <c r="EH39" s="326">
        <v>0</v>
      </c>
      <c r="EI39" s="327">
        <v>0</v>
      </c>
      <c r="EJ39" s="327">
        <v>0</v>
      </c>
      <c r="EK39" s="327">
        <v>0</v>
      </c>
      <c r="EL39" s="327">
        <v>0</v>
      </c>
      <c r="EM39" s="327">
        <v>0</v>
      </c>
      <c r="EN39" s="331">
        <v>0</v>
      </c>
      <c r="EO39" s="330">
        <v>0</v>
      </c>
      <c r="EP39" s="326">
        <v>0</v>
      </c>
      <c r="EQ39" s="327">
        <v>0</v>
      </c>
      <c r="ER39" s="331">
        <v>0</v>
      </c>
      <c r="ES39" s="332">
        <v>0</v>
      </c>
      <c r="ET39" s="327">
        <v>0</v>
      </c>
      <c r="EU39" s="327">
        <v>0</v>
      </c>
      <c r="EV39" s="327">
        <v>0</v>
      </c>
      <c r="EW39" s="327">
        <v>0</v>
      </c>
      <c r="EX39" s="327">
        <v>0</v>
      </c>
      <c r="EY39" s="328">
        <v>0</v>
      </c>
      <c r="EZ39" s="330">
        <v>0</v>
      </c>
      <c r="FA39" s="326">
        <v>0</v>
      </c>
      <c r="FB39" s="327">
        <v>0</v>
      </c>
      <c r="FC39" s="331">
        <v>0</v>
      </c>
      <c r="FD39" s="332">
        <v>0</v>
      </c>
      <c r="FE39" s="327">
        <v>0</v>
      </c>
      <c r="FF39" s="327">
        <v>0</v>
      </c>
      <c r="FG39" s="327">
        <v>0</v>
      </c>
      <c r="FH39" s="327">
        <v>0</v>
      </c>
      <c r="FI39" s="327">
        <v>0</v>
      </c>
      <c r="FJ39" s="328">
        <v>0</v>
      </c>
      <c r="FK39" s="330">
        <v>0</v>
      </c>
      <c r="FL39" s="326">
        <v>0</v>
      </c>
      <c r="FM39" s="327">
        <v>5216</v>
      </c>
      <c r="FN39" s="328">
        <v>5216</v>
      </c>
      <c r="FO39" s="326">
        <v>0</v>
      </c>
      <c r="FP39" s="327">
        <v>17200</v>
      </c>
      <c r="FQ39" s="327">
        <v>66400</v>
      </c>
      <c r="FR39" s="327">
        <v>0</v>
      </c>
      <c r="FS39" s="327">
        <v>0</v>
      </c>
      <c r="FT39" s="327">
        <v>14208</v>
      </c>
      <c r="FU39" s="328">
        <v>97808</v>
      </c>
      <c r="FV39" s="330">
        <v>103024</v>
      </c>
      <c r="FW39" s="333">
        <v>0</v>
      </c>
      <c r="FX39" s="327">
        <v>5216</v>
      </c>
      <c r="FY39" s="331">
        <v>5216</v>
      </c>
      <c r="FZ39" s="332">
        <v>0</v>
      </c>
      <c r="GA39" s="327">
        <v>17200</v>
      </c>
      <c r="GB39" s="327">
        <v>66400</v>
      </c>
      <c r="GC39" s="327">
        <v>0</v>
      </c>
      <c r="GD39" s="327">
        <v>0</v>
      </c>
      <c r="GE39" s="327">
        <v>14208</v>
      </c>
      <c r="GF39" s="328">
        <v>97808</v>
      </c>
      <c r="GG39" s="334">
        <v>103024</v>
      </c>
      <c r="GH39" s="333">
        <v>0</v>
      </c>
      <c r="GI39" s="327">
        <v>0</v>
      </c>
      <c r="GJ39" s="331">
        <v>0</v>
      </c>
      <c r="GK39" s="332">
        <v>0</v>
      </c>
      <c r="GL39" s="327">
        <v>0</v>
      </c>
      <c r="GM39" s="327">
        <v>0</v>
      </c>
      <c r="GN39" s="327">
        <v>0</v>
      </c>
      <c r="GO39" s="327">
        <v>0</v>
      </c>
      <c r="GP39" s="327">
        <v>0</v>
      </c>
      <c r="GQ39" s="328">
        <v>0</v>
      </c>
      <c r="GR39" s="330">
        <v>0</v>
      </c>
      <c r="GS39" s="326">
        <v>0</v>
      </c>
      <c r="GT39" s="327">
        <v>0</v>
      </c>
      <c r="GU39" s="328">
        <v>0</v>
      </c>
      <c r="GV39" s="326">
        <v>0</v>
      </c>
      <c r="GW39" s="327">
        <v>0</v>
      </c>
      <c r="GX39" s="327">
        <v>0</v>
      </c>
      <c r="GY39" s="327">
        <v>0</v>
      </c>
      <c r="GZ39" s="327">
        <v>0</v>
      </c>
      <c r="HA39" s="327">
        <v>0</v>
      </c>
      <c r="HB39" s="331">
        <v>0</v>
      </c>
      <c r="HC39" s="330">
        <v>0</v>
      </c>
      <c r="HD39" s="326">
        <v>0</v>
      </c>
      <c r="HE39" s="327">
        <v>0</v>
      </c>
      <c r="HF39" s="331">
        <v>0</v>
      </c>
      <c r="HG39" s="332">
        <v>0</v>
      </c>
      <c r="HH39" s="327">
        <v>0</v>
      </c>
      <c r="HI39" s="327">
        <v>170808</v>
      </c>
      <c r="HJ39" s="327">
        <v>0</v>
      </c>
      <c r="HK39" s="327">
        <v>426751</v>
      </c>
      <c r="HL39" s="327">
        <v>0</v>
      </c>
      <c r="HM39" s="328">
        <v>597559</v>
      </c>
      <c r="HN39" s="329">
        <v>597559</v>
      </c>
      <c r="HO39" s="333">
        <v>0</v>
      </c>
      <c r="HP39" s="327">
        <v>0</v>
      </c>
      <c r="HQ39" s="328">
        <v>0</v>
      </c>
      <c r="HR39" s="326">
        <v>0</v>
      </c>
      <c r="HS39" s="327">
        <v>0</v>
      </c>
      <c r="HT39" s="327">
        <v>0</v>
      </c>
      <c r="HU39" s="327">
        <v>0</v>
      </c>
      <c r="HV39" s="327">
        <v>0</v>
      </c>
      <c r="HW39" s="327">
        <v>0</v>
      </c>
      <c r="HX39" s="331">
        <v>0</v>
      </c>
      <c r="HY39" s="330">
        <v>0</v>
      </c>
      <c r="HZ39" s="335">
        <v>0</v>
      </c>
      <c r="IA39" s="336">
        <v>0</v>
      </c>
      <c r="IB39" s="337">
        <v>0</v>
      </c>
      <c r="IC39" s="338">
        <v>0</v>
      </c>
      <c r="ID39" s="336">
        <v>652480</v>
      </c>
      <c r="IE39" s="339">
        <v>309424</v>
      </c>
      <c r="IF39" s="337">
        <v>248976</v>
      </c>
      <c r="IG39" s="336">
        <v>0</v>
      </c>
      <c r="IH39" s="337">
        <v>0</v>
      </c>
      <c r="II39" s="340">
        <v>1210880</v>
      </c>
      <c r="IJ39" s="341">
        <v>1210880</v>
      </c>
      <c r="IK39" s="342">
        <v>0</v>
      </c>
      <c r="IL39" s="343">
        <v>0</v>
      </c>
      <c r="IM39" s="344">
        <v>0</v>
      </c>
      <c r="IN39" s="404">
        <v>0</v>
      </c>
      <c r="IO39" s="345">
        <v>0</v>
      </c>
      <c r="IP39" s="345">
        <v>0</v>
      </c>
      <c r="IQ39" s="345">
        <v>0</v>
      </c>
      <c r="IR39" s="345">
        <v>0</v>
      </c>
      <c r="IS39" s="345">
        <v>0</v>
      </c>
      <c r="IT39" s="346">
        <v>0</v>
      </c>
      <c r="IU39" s="347">
        <v>0</v>
      </c>
      <c r="IV39" s="348">
        <v>0</v>
      </c>
      <c r="IW39" s="345">
        <v>0</v>
      </c>
      <c r="IX39" s="349">
        <v>0</v>
      </c>
      <c r="IY39" s="404">
        <v>0</v>
      </c>
      <c r="IZ39" s="345">
        <v>0</v>
      </c>
      <c r="JA39" s="345">
        <v>0</v>
      </c>
      <c r="JB39" s="345">
        <v>0</v>
      </c>
      <c r="JC39" s="345">
        <v>0</v>
      </c>
      <c r="JD39" s="345">
        <v>0</v>
      </c>
      <c r="JE39" s="349">
        <v>0</v>
      </c>
      <c r="JF39" s="350">
        <v>0</v>
      </c>
      <c r="JG39" s="348">
        <v>0</v>
      </c>
      <c r="JH39" s="345">
        <v>0</v>
      </c>
      <c r="JI39" s="346">
        <v>0</v>
      </c>
      <c r="JJ39" s="351">
        <v>0</v>
      </c>
      <c r="JK39" s="345">
        <v>115400</v>
      </c>
      <c r="JL39" s="345">
        <v>140184</v>
      </c>
      <c r="JM39" s="345">
        <v>0</v>
      </c>
      <c r="JN39" s="345">
        <v>0</v>
      </c>
      <c r="JO39" s="345">
        <v>0</v>
      </c>
      <c r="JP39" s="349">
        <v>255584</v>
      </c>
      <c r="JQ39" s="347">
        <v>255584</v>
      </c>
      <c r="JR39" s="348">
        <v>0</v>
      </c>
      <c r="JS39" s="345">
        <v>0</v>
      </c>
      <c r="JT39" s="346">
        <v>0</v>
      </c>
      <c r="JU39" s="351">
        <v>0</v>
      </c>
      <c r="JV39" s="345">
        <v>0</v>
      </c>
      <c r="JW39" s="345">
        <v>0</v>
      </c>
      <c r="JX39" s="345">
        <v>0</v>
      </c>
      <c r="JY39" s="345">
        <v>0</v>
      </c>
      <c r="JZ39" s="345">
        <v>0</v>
      </c>
      <c r="KA39" s="349">
        <v>0</v>
      </c>
      <c r="KB39" s="347">
        <v>0</v>
      </c>
      <c r="KC39" s="352">
        <v>0</v>
      </c>
      <c r="KD39" s="353">
        <v>0</v>
      </c>
      <c r="KE39" s="349">
        <v>0</v>
      </c>
      <c r="KF39" s="351">
        <v>0</v>
      </c>
      <c r="KG39" s="345">
        <v>305344</v>
      </c>
      <c r="KH39" s="345">
        <v>169240</v>
      </c>
      <c r="KI39" s="345">
        <v>0</v>
      </c>
      <c r="KJ39" s="345">
        <v>0</v>
      </c>
      <c r="KK39" s="345">
        <v>0</v>
      </c>
      <c r="KL39" s="349">
        <v>474584</v>
      </c>
      <c r="KM39" s="354">
        <v>474584</v>
      </c>
      <c r="KN39" s="342">
        <v>0</v>
      </c>
      <c r="KO39" s="343">
        <v>0</v>
      </c>
      <c r="KP39" s="344">
        <v>0</v>
      </c>
      <c r="KQ39" s="404">
        <v>0</v>
      </c>
      <c r="KR39" s="345">
        <v>231736</v>
      </c>
      <c r="KS39" s="345">
        <v>0</v>
      </c>
      <c r="KT39" s="345">
        <v>248976</v>
      </c>
      <c r="KU39" s="345">
        <v>0</v>
      </c>
      <c r="KV39" s="345">
        <v>0</v>
      </c>
      <c r="KW39" s="349">
        <v>480712</v>
      </c>
      <c r="KX39" s="347">
        <v>480712</v>
      </c>
      <c r="KY39" s="348">
        <v>0</v>
      </c>
      <c r="KZ39" s="345">
        <v>0</v>
      </c>
      <c r="LA39" s="349">
        <v>0</v>
      </c>
      <c r="LB39" s="404">
        <v>0</v>
      </c>
      <c r="LC39" s="345">
        <v>0</v>
      </c>
      <c r="LD39" s="345">
        <v>0</v>
      </c>
      <c r="LE39" s="345">
        <v>0</v>
      </c>
      <c r="LF39" s="345">
        <v>0</v>
      </c>
      <c r="LG39" s="345">
        <v>0</v>
      </c>
      <c r="LH39" s="349">
        <v>0</v>
      </c>
      <c r="LI39" s="350">
        <v>0</v>
      </c>
      <c r="LJ39" s="348">
        <v>0</v>
      </c>
      <c r="LK39" s="345">
        <v>0</v>
      </c>
      <c r="LL39" s="349">
        <v>0</v>
      </c>
      <c r="LM39" s="404">
        <v>0</v>
      </c>
      <c r="LN39" s="345">
        <v>0</v>
      </c>
      <c r="LO39" s="345">
        <v>0</v>
      </c>
      <c r="LP39" s="345">
        <v>0</v>
      </c>
      <c r="LQ39" s="345">
        <v>0</v>
      </c>
      <c r="LR39" s="345">
        <v>0</v>
      </c>
      <c r="LS39" s="349">
        <v>0</v>
      </c>
      <c r="LT39" s="347">
        <v>0</v>
      </c>
      <c r="LU39" s="348">
        <v>0</v>
      </c>
      <c r="LV39" s="345">
        <v>0</v>
      </c>
      <c r="LW39" s="349">
        <v>0</v>
      </c>
      <c r="LX39" s="404">
        <v>0</v>
      </c>
      <c r="LY39" s="345">
        <v>0</v>
      </c>
      <c r="LZ39" s="345">
        <v>0</v>
      </c>
      <c r="MA39" s="345">
        <v>0</v>
      </c>
      <c r="MB39" s="345">
        <v>0</v>
      </c>
      <c r="MC39" s="345">
        <v>0</v>
      </c>
      <c r="MD39" s="349">
        <v>0</v>
      </c>
      <c r="ME39" s="350">
        <v>0</v>
      </c>
      <c r="MF39" s="348">
        <v>0</v>
      </c>
      <c r="MG39" s="345">
        <v>0</v>
      </c>
      <c r="MH39" s="349">
        <v>0</v>
      </c>
      <c r="MI39" s="404">
        <v>0</v>
      </c>
      <c r="MJ39" s="345">
        <v>0</v>
      </c>
      <c r="MK39" s="345">
        <v>0</v>
      </c>
      <c r="ML39" s="345">
        <v>255208</v>
      </c>
      <c r="MM39" s="345">
        <v>246896</v>
      </c>
      <c r="MN39" s="345">
        <v>0</v>
      </c>
      <c r="MO39" s="349">
        <v>502104</v>
      </c>
      <c r="MP39" s="354">
        <v>502104</v>
      </c>
      <c r="MQ39" s="348">
        <v>0</v>
      </c>
      <c r="MR39" s="345">
        <v>0</v>
      </c>
      <c r="MS39" s="349">
        <v>0</v>
      </c>
      <c r="MT39" s="404">
        <v>0</v>
      </c>
      <c r="MU39" s="345">
        <v>0</v>
      </c>
      <c r="MV39" s="345">
        <v>0</v>
      </c>
      <c r="MW39" s="345">
        <v>0</v>
      </c>
      <c r="MX39" s="345">
        <v>246896</v>
      </c>
      <c r="MY39" s="345">
        <v>0</v>
      </c>
      <c r="MZ39" s="349">
        <v>246896</v>
      </c>
      <c r="NA39" s="354">
        <v>246896</v>
      </c>
      <c r="NB39" s="348">
        <v>0</v>
      </c>
      <c r="NC39" s="345">
        <v>0</v>
      </c>
      <c r="ND39" s="349">
        <v>0</v>
      </c>
      <c r="NE39" s="404">
        <v>0</v>
      </c>
      <c r="NF39" s="345">
        <v>0</v>
      </c>
      <c r="NG39" s="345">
        <v>0</v>
      </c>
      <c r="NH39" s="345">
        <v>255208</v>
      </c>
      <c r="NI39" s="345">
        <v>0</v>
      </c>
      <c r="NJ39" s="345">
        <v>0</v>
      </c>
      <c r="NK39" s="349">
        <v>255208</v>
      </c>
      <c r="NL39" s="347">
        <v>255208</v>
      </c>
      <c r="NM39" s="348">
        <v>0</v>
      </c>
      <c r="NN39" s="345">
        <v>0</v>
      </c>
      <c r="NO39" s="349">
        <v>0</v>
      </c>
      <c r="NP39" s="404">
        <v>0</v>
      </c>
      <c r="NQ39" s="345">
        <v>0</v>
      </c>
      <c r="NR39" s="345">
        <v>0</v>
      </c>
      <c r="NS39" s="345">
        <v>0</v>
      </c>
      <c r="NT39" s="345">
        <v>0</v>
      </c>
      <c r="NU39" s="345">
        <v>0</v>
      </c>
      <c r="NV39" s="349">
        <v>0</v>
      </c>
      <c r="NW39" s="350">
        <v>0</v>
      </c>
      <c r="NX39" s="348">
        <v>0</v>
      </c>
      <c r="NY39" s="345">
        <v>0</v>
      </c>
      <c r="NZ39" s="349">
        <v>0</v>
      </c>
      <c r="OA39" s="404">
        <v>0</v>
      </c>
      <c r="OB39" s="345">
        <v>0</v>
      </c>
      <c r="OC39" s="345">
        <v>0</v>
      </c>
      <c r="OD39" s="345">
        <v>0</v>
      </c>
      <c r="OE39" s="345">
        <v>0</v>
      </c>
      <c r="OF39" s="345">
        <v>0</v>
      </c>
      <c r="OG39" s="349">
        <v>0</v>
      </c>
      <c r="OH39" s="350">
        <v>0</v>
      </c>
      <c r="OI39" s="348">
        <v>0</v>
      </c>
      <c r="OJ39" s="345">
        <v>5216</v>
      </c>
      <c r="OK39" s="346">
        <v>5216</v>
      </c>
      <c r="OL39" s="351">
        <v>0</v>
      </c>
      <c r="OM39" s="345">
        <v>790168</v>
      </c>
      <c r="ON39" s="345">
        <v>770516</v>
      </c>
      <c r="OO39" s="345">
        <v>514840</v>
      </c>
      <c r="OP39" s="345">
        <v>726655</v>
      </c>
      <c r="OQ39" s="345">
        <v>136200</v>
      </c>
      <c r="OR39" s="349">
        <v>2938379</v>
      </c>
      <c r="OS39" s="354">
        <v>2943595</v>
      </c>
    </row>
    <row r="40" spans="2:409" s="70" customFormat="1" ht="21" customHeight="1" x14ac:dyDescent="0.2">
      <c r="B40" s="410" t="s">
        <v>35</v>
      </c>
      <c r="C40" s="326">
        <v>118664</v>
      </c>
      <c r="D40" s="327">
        <v>53616</v>
      </c>
      <c r="E40" s="328">
        <v>172280</v>
      </c>
      <c r="F40" s="329">
        <v>0</v>
      </c>
      <c r="G40" s="327">
        <v>1273319</v>
      </c>
      <c r="H40" s="327">
        <v>1260546</v>
      </c>
      <c r="I40" s="327">
        <v>205328</v>
      </c>
      <c r="J40" s="327">
        <v>830116</v>
      </c>
      <c r="K40" s="327">
        <v>504704</v>
      </c>
      <c r="L40" s="367">
        <v>4074013</v>
      </c>
      <c r="M40" s="330">
        <v>4246293</v>
      </c>
      <c r="N40" s="326">
        <v>10944</v>
      </c>
      <c r="O40" s="327">
        <v>53616</v>
      </c>
      <c r="P40" s="328">
        <v>64560</v>
      </c>
      <c r="Q40" s="326">
        <v>0</v>
      </c>
      <c r="R40" s="327">
        <v>196799</v>
      </c>
      <c r="S40" s="327">
        <v>601483</v>
      </c>
      <c r="T40" s="327">
        <v>107608</v>
      </c>
      <c r="U40" s="327">
        <v>47456</v>
      </c>
      <c r="V40" s="327">
        <v>463224</v>
      </c>
      <c r="W40" s="328">
        <v>1416570</v>
      </c>
      <c r="X40" s="330">
        <v>1481130</v>
      </c>
      <c r="Y40" s="326">
        <v>0</v>
      </c>
      <c r="Z40" s="327">
        <v>0</v>
      </c>
      <c r="AA40" s="328">
        <v>0</v>
      </c>
      <c r="AB40" s="326">
        <v>0</v>
      </c>
      <c r="AC40" s="327">
        <v>23386</v>
      </c>
      <c r="AD40" s="327">
        <v>407579</v>
      </c>
      <c r="AE40" s="327">
        <v>0</v>
      </c>
      <c r="AF40" s="327">
        <v>0</v>
      </c>
      <c r="AG40" s="327">
        <v>0</v>
      </c>
      <c r="AH40" s="328">
        <v>430965</v>
      </c>
      <c r="AI40" s="330">
        <v>430965</v>
      </c>
      <c r="AJ40" s="326">
        <v>0</v>
      </c>
      <c r="AK40" s="327">
        <v>0</v>
      </c>
      <c r="AL40" s="328">
        <v>0</v>
      </c>
      <c r="AM40" s="326">
        <v>0</v>
      </c>
      <c r="AN40" s="327">
        <v>0</v>
      </c>
      <c r="AO40" s="327">
        <v>0</v>
      </c>
      <c r="AP40" s="327">
        <v>46112</v>
      </c>
      <c r="AQ40" s="327">
        <v>0</v>
      </c>
      <c r="AR40" s="327">
        <v>70928</v>
      </c>
      <c r="AS40" s="328">
        <v>117040</v>
      </c>
      <c r="AT40" s="330">
        <v>117040</v>
      </c>
      <c r="AU40" s="326">
        <v>0</v>
      </c>
      <c r="AV40" s="327">
        <v>53616</v>
      </c>
      <c r="AW40" s="328">
        <v>53616</v>
      </c>
      <c r="AX40" s="326">
        <v>0</v>
      </c>
      <c r="AY40" s="327">
        <v>61525</v>
      </c>
      <c r="AZ40" s="327">
        <v>130312</v>
      </c>
      <c r="BA40" s="327">
        <v>56712</v>
      </c>
      <c r="BB40" s="327">
        <v>0</v>
      </c>
      <c r="BC40" s="327">
        <v>365056</v>
      </c>
      <c r="BD40" s="328">
        <v>613605</v>
      </c>
      <c r="BE40" s="330">
        <v>667221</v>
      </c>
      <c r="BF40" s="326">
        <v>0</v>
      </c>
      <c r="BG40" s="327">
        <v>0</v>
      </c>
      <c r="BH40" s="331">
        <v>0</v>
      </c>
      <c r="BI40" s="332">
        <v>0</v>
      </c>
      <c r="BJ40" s="327">
        <v>60288</v>
      </c>
      <c r="BK40" s="327">
        <v>0</v>
      </c>
      <c r="BL40" s="327">
        <v>0</v>
      </c>
      <c r="BM40" s="327">
        <v>0</v>
      </c>
      <c r="BN40" s="327">
        <v>10048</v>
      </c>
      <c r="BO40" s="328">
        <v>70336</v>
      </c>
      <c r="BP40" s="330">
        <v>70336</v>
      </c>
      <c r="BQ40" s="326">
        <v>10944</v>
      </c>
      <c r="BR40" s="327">
        <v>0</v>
      </c>
      <c r="BS40" s="328">
        <v>10944</v>
      </c>
      <c r="BT40" s="326">
        <v>0</v>
      </c>
      <c r="BU40" s="327">
        <v>51600</v>
      </c>
      <c r="BV40" s="327">
        <v>63592</v>
      </c>
      <c r="BW40" s="327">
        <v>4784</v>
      </c>
      <c r="BX40" s="327">
        <v>47456</v>
      </c>
      <c r="BY40" s="327">
        <v>17192</v>
      </c>
      <c r="BZ40" s="328">
        <v>184624</v>
      </c>
      <c r="CA40" s="330">
        <v>195568</v>
      </c>
      <c r="CB40" s="326">
        <v>39984</v>
      </c>
      <c r="CC40" s="327">
        <v>0</v>
      </c>
      <c r="CD40" s="328">
        <v>39984</v>
      </c>
      <c r="CE40" s="326">
        <v>0</v>
      </c>
      <c r="CF40" s="327">
        <v>436760</v>
      </c>
      <c r="CG40" s="327">
        <v>314619</v>
      </c>
      <c r="CH40" s="327">
        <v>29136</v>
      </c>
      <c r="CI40" s="327">
        <v>106616</v>
      </c>
      <c r="CJ40" s="327">
        <v>0</v>
      </c>
      <c r="CK40" s="328">
        <v>887131</v>
      </c>
      <c r="CL40" s="330">
        <v>927115</v>
      </c>
      <c r="CM40" s="326">
        <v>0</v>
      </c>
      <c r="CN40" s="327">
        <v>0</v>
      </c>
      <c r="CO40" s="328">
        <v>0</v>
      </c>
      <c r="CP40" s="332">
        <v>0</v>
      </c>
      <c r="CQ40" s="327">
        <v>227160</v>
      </c>
      <c r="CR40" s="327">
        <v>136923</v>
      </c>
      <c r="CS40" s="327">
        <v>29136</v>
      </c>
      <c r="CT40" s="327">
        <v>0</v>
      </c>
      <c r="CU40" s="327">
        <v>0</v>
      </c>
      <c r="CV40" s="328">
        <v>393219</v>
      </c>
      <c r="CW40" s="330">
        <v>393219</v>
      </c>
      <c r="CX40" s="326">
        <v>39984</v>
      </c>
      <c r="CY40" s="327">
        <v>0</v>
      </c>
      <c r="CZ40" s="328">
        <v>39984</v>
      </c>
      <c r="DA40" s="326">
        <v>0</v>
      </c>
      <c r="DB40" s="327">
        <v>209600</v>
      </c>
      <c r="DC40" s="327">
        <v>177696</v>
      </c>
      <c r="DD40" s="327">
        <v>0</v>
      </c>
      <c r="DE40" s="327">
        <v>106616</v>
      </c>
      <c r="DF40" s="327">
        <v>0</v>
      </c>
      <c r="DG40" s="328">
        <v>493912</v>
      </c>
      <c r="DH40" s="330">
        <v>533896</v>
      </c>
      <c r="DI40" s="326">
        <v>0</v>
      </c>
      <c r="DJ40" s="327">
        <v>0</v>
      </c>
      <c r="DK40" s="331">
        <v>0</v>
      </c>
      <c r="DL40" s="332">
        <v>0</v>
      </c>
      <c r="DM40" s="327">
        <v>0</v>
      </c>
      <c r="DN40" s="327">
        <v>0</v>
      </c>
      <c r="DO40" s="327">
        <v>0</v>
      </c>
      <c r="DP40" s="327">
        <v>0</v>
      </c>
      <c r="DQ40" s="327">
        <v>0</v>
      </c>
      <c r="DR40" s="328">
        <v>0</v>
      </c>
      <c r="DS40" s="330">
        <v>0</v>
      </c>
      <c r="DT40" s="326">
        <v>0</v>
      </c>
      <c r="DU40" s="327">
        <v>0</v>
      </c>
      <c r="DV40" s="328">
        <v>0</v>
      </c>
      <c r="DW40" s="326">
        <v>0</v>
      </c>
      <c r="DX40" s="327">
        <v>0</v>
      </c>
      <c r="DY40" s="327">
        <v>0</v>
      </c>
      <c r="DZ40" s="327">
        <v>0</v>
      </c>
      <c r="EA40" s="327">
        <v>0</v>
      </c>
      <c r="EB40" s="327">
        <v>0</v>
      </c>
      <c r="EC40" s="328">
        <v>0</v>
      </c>
      <c r="ED40" s="330">
        <v>0</v>
      </c>
      <c r="EE40" s="326">
        <v>0</v>
      </c>
      <c r="EF40" s="331">
        <v>0</v>
      </c>
      <c r="EG40" s="328">
        <v>0</v>
      </c>
      <c r="EH40" s="326">
        <v>0</v>
      </c>
      <c r="EI40" s="327">
        <v>0</v>
      </c>
      <c r="EJ40" s="327">
        <v>0</v>
      </c>
      <c r="EK40" s="327">
        <v>0</v>
      </c>
      <c r="EL40" s="327">
        <v>0</v>
      </c>
      <c r="EM40" s="327">
        <v>0</v>
      </c>
      <c r="EN40" s="331">
        <v>0</v>
      </c>
      <c r="EO40" s="330">
        <v>0</v>
      </c>
      <c r="EP40" s="326">
        <v>0</v>
      </c>
      <c r="EQ40" s="327">
        <v>0</v>
      </c>
      <c r="ER40" s="331">
        <v>0</v>
      </c>
      <c r="ES40" s="332">
        <v>0</v>
      </c>
      <c r="ET40" s="327">
        <v>0</v>
      </c>
      <c r="EU40" s="327">
        <v>0</v>
      </c>
      <c r="EV40" s="327">
        <v>0</v>
      </c>
      <c r="EW40" s="327">
        <v>0</v>
      </c>
      <c r="EX40" s="327">
        <v>0</v>
      </c>
      <c r="EY40" s="328">
        <v>0</v>
      </c>
      <c r="EZ40" s="330">
        <v>0</v>
      </c>
      <c r="FA40" s="326">
        <v>0</v>
      </c>
      <c r="FB40" s="327">
        <v>0</v>
      </c>
      <c r="FC40" s="331">
        <v>0</v>
      </c>
      <c r="FD40" s="332">
        <v>0</v>
      </c>
      <c r="FE40" s="327">
        <v>0</v>
      </c>
      <c r="FF40" s="327">
        <v>0</v>
      </c>
      <c r="FG40" s="327">
        <v>0</v>
      </c>
      <c r="FH40" s="327">
        <v>0</v>
      </c>
      <c r="FI40" s="327">
        <v>0</v>
      </c>
      <c r="FJ40" s="328">
        <v>0</v>
      </c>
      <c r="FK40" s="330">
        <v>0</v>
      </c>
      <c r="FL40" s="326">
        <v>5680</v>
      </c>
      <c r="FM40" s="327">
        <v>0</v>
      </c>
      <c r="FN40" s="328">
        <v>5680</v>
      </c>
      <c r="FO40" s="326">
        <v>0</v>
      </c>
      <c r="FP40" s="327">
        <v>20800</v>
      </c>
      <c r="FQ40" s="327">
        <v>150816</v>
      </c>
      <c r="FR40" s="327">
        <v>68584</v>
      </c>
      <c r="FS40" s="327">
        <v>18000</v>
      </c>
      <c r="FT40" s="327">
        <v>41480</v>
      </c>
      <c r="FU40" s="328">
        <v>299680</v>
      </c>
      <c r="FV40" s="330">
        <v>305360</v>
      </c>
      <c r="FW40" s="333">
        <v>5680</v>
      </c>
      <c r="FX40" s="327">
        <v>0</v>
      </c>
      <c r="FY40" s="331">
        <v>5680</v>
      </c>
      <c r="FZ40" s="332">
        <v>0</v>
      </c>
      <c r="GA40" s="327">
        <v>20800</v>
      </c>
      <c r="GB40" s="327">
        <v>150816</v>
      </c>
      <c r="GC40" s="327">
        <v>68584</v>
      </c>
      <c r="GD40" s="327">
        <v>18000</v>
      </c>
      <c r="GE40" s="327">
        <v>41480</v>
      </c>
      <c r="GF40" s="328">
        <v>299680</v>
      </c>
      <c r="GG40" s="334">
        <v>305360</v>
      </c>
      <c r="GH40" s="333">
        <v>0</v>
      </c>
      <c r="GI40" s="327">
        <v>0</v>
      </c>
      <c r="GJ40" s="331">
        <v>0</v>
      </c>
      <c r="GK40" s="332">
        <v>0</v>
      </c>
      <c r="GL40" s="327">
        <v>0</v>
      </c>
      <c r="GM40" s="327">
        <v>0</v>
      </c>
      <c r="GN40" s="327">
        <v>0</v>
      </c>
      <c r="GO40" s="327">
        <v>0</v>
      </c>
      <c r="GP40" s="327">
        <v>0</v>
      </c>
      <c r="GQ40" s="328">
        <v>0</v>
      </c>
      <c r="GR40" s="330">
        <v>0</v>
      </c>
      <c r="GS40" s="326">
        <v>0</v>
      </c>
      <c r="GT40" s="327">
        <v>0</v>
      </c>
      <c r="GU40" s="328">
        <v>0</v>
      </c>
      <c r="GV40" s="326">
        <v>0</v>
      </c>
      <c r="GW40" s="327">
        <v>0</v>
      </c>
      <c r="GX40" s="327">
        <v>0</v>
      </c>
      <c r="GY40" s="327">
        <v>0</v>
      </c>
      <c r="GZ40" s="327">
        <v>0</v>
      </c>
      <c r="HA40" s="327">
        <v>0</v>
      </c>
      <c r="HB40" s="331">
        <v>0</v>
      </c>
      <c r="HC40" s="330">
        <v>0</v>
      </c>
      <c r="HD40" s="326">
        <v>62056</v>
      </c>
      <c r="HE40" s="327">
        <v>0</v>
      </c>
      <c r="HF40" s="331">
        <v>62056</v>
      </c>
      <c r="HG40" s="332">
        <v>0</v>
      </c>
      <c r="HH40" s="327">
        <v>618960</v>
      </c>
      <c r="HI40" s="327">
        <v>193628</v>
      </c>
      <c r="HJ40" s="327">
        <v>0</v>
      </c>
      <c r="HK40" s="327">
        <v>658044</v>
      </c>
      <c r="HL40" s="327">
        <v>0</v>
      </c>
      <c r="HM40" s="328">
        <v>1470632</v>
      </c>
      <c r="HN40" s="329">
        <v>1532688</v>
      </c>
      <c r="HO40" s="333">
        <v>0</v>
      </c>
      <c r="HP40" s="327">
        <v>0</v>
      </c>
      <c r="HQ40" s="328">
        <v>0</v>
      </c>
      <c r="HR40" s="326">
        <v>0</v>
      </c>
      <c r="HS40" s="327">
        <v>0</v>
      </c>
      <c r="HT40" s="327">
        <v>0</v>
      </c>
      <c r="HU40" s="327">
        <v>0</v>
      </c>
      <c r="HV40" s="327">
        <v>0</v>
      </c>
      <c r="HW40" s="327">
        <v>0</v>
      </c>
      <c r="HX40" s="331">
        <v>0</v>
      </c>
      <c r="HY40" s="330">
        <v>0</v>
      </c>
      <c r="HZ40" s="358">
        <v>0</v>
      </c>
      <c r="IA40" s="356">
        <v>0</v>
      </c>
      <c r="IB40" s="358">
        <v>0</v>
      </c>
      <c r="IC40" s="338">
        <v>0</v>
      </c>
      <c r="ID40" s="336">
        <v>0</v>
      </c>
      <c r="IE40" s="339">
        <v>491664</v>
      </c>
      <c r="IF40" s="337">
        <v>149280</v>
      </c>
      <c r="IG40" s="336">
        <v>0</v>
      </c>
      <c r="IH40" s="337">
        <v>0</v>
      </c>
      <c r="II40" s="340">
        <v>640944</v>
      </c>
      <c r="IJ40" s="358">
        <v>640944</v>
      </c>
      <c r="IK40" s="342">
        <v>0</v>
      </c>
      <c r="IL40" s="343">
        <v>0</v>
      </c>
      <c r="IM40" s="344">
        <v>0</v>
      </c>
      <c r="IN40" s="404">
        <v>0</v>
      </c>
      <c r="IO40" s="345">
        <v>0</v>
      </c>
      <c r="IP40" s="345">
        <v>0</v>
      </c>
      <c r="IQ40" s="345">
        <v>149280</v>
      </c>
      <c r="IR40" s="345">
        <v>0</v>
      </c>
      <c r="IS40" s="345">
        <v>0</v>
      </c>
      <c r="IT40" s="346">
        <v>149280</v>
      </c>
      <c r="IU40" s="347">
        <v>149280</v>
      </c>
      <c r="IV40" s="348">
        <v>0</v>
      </c>
      <c r="IW40" s="345">
        <v>0</v>
      </c>
      <c r="IX40" s="349">
        <v>0</v>
      </c>
      <c r="IY40" s="404">
        <v>0</v>
      </c>
      <c r="IZ40" s="345">
        <v>0</v>
      </c>
      <c r="JA40" s="345">
        <v>0</v>
      </c>
      <c r="JB40" s="345">
        <v>0</v>
      </c>
      <c r="JC40" s="345">
        <v>0</v>
      </c>
      <c r="JD40" s="345">
        <v>0</v>
      </c>
      <c r="JE40" s="349">
        <v>0</v>
      </c>
      <c r="JF40" s="350">
        <v>0</v>
      </c>
      <c r="JG40" s="348">
        <v>0</v>
      </c>
      <c r="JH40" s="345">
        <v>0</v>
      </c>
      <c r="JI40" s="346">
        <v>0</v>
      </c>
      <c r="JJ40" s="351">
        <v>0</v>
      </c>
      <c r="JK40" s="345">
        <v>0</v>
      </c>
      <c r="JL40" s="345">
        <v>0</v>
      </c>
      <c r="JM40" s="345">
        <v>0</v>
      </c>
      <c r="JN40" s="345">
        <v>0</v>
      </c>
      <c r="JO40" s="345">
        <v>0</v>
      </c>
      <c r="JP40" s="349">
        <v>0</v>
      </c>
      <c r="JQ40" s="347">
        <v>0</v>
      </c>
      <c r="JR40" s="348">
        <v>0</v>
      </c>
      <c r="JS40" s="345">
        <v>0</v>
      </c>
      <c r="JT40" s="346">
        <v>0</v>
      </c>
      <c r="JU40" s="351">
        <v>0</v>
      </c>
      <c r="JV40" s="345">
        <v>0</v>
      </c>
      <c r="JW40" s="345">
        <v>0</v>
      </c>
      <c r="JX40" s="345">
        <v>0</v>
      </c>
      <c r="JY40" s="345">
        <v>0</v>
      </c>
      <c r="JZ40" s="345">
        <v>0</v>
      </c>
      <c r="KA40" s="349">
        <v>0</v>
      </c>
      <c r="KB40" s="347">
        <v>0</v>
      </c>
      <c r="KC40" s="352">
        <v>0</v>
      </c>
      <c r="KD40" s="353">
        <v>0</v>
      </c>
      <c r="KE40" s="349">
        <v>0</v>
      </c>
      <c r="KF40" s="351">
        <v>0</v>
      </c>
      <c r="KG40" s="345">
        <v>0</v>
      </c>
      <c r="KH40" s="345">
        <v>0</v>
      </c>
      <c r="KI40" s="345">
        <v>0</v>
      </c>
      <c r="KJ40" s="345">
        <v>0</v>
      </c>
      <c r="KK40" s="345">
        <v>0</v>
      </c>
      <c r="KL40" s="349">
        <v>0</v>
      </c>
      <c r="KM40" s="354">
        <v>0</v>
      </c>
      <c r="KN40" s="342">
        <v>0</v>
      </c>
      <c r="KO40" s="343">
        <v>0</v>
      </c>
      <c r="KP40" s="344">
        <v>0</v>
      </c>
      <c r="KQ40" s="404">
        <v>0</v>
      </c>
      <c r="KR40" s="345">
        <v>0</v>
      </c>
      <c r="KS40" s="345">
        <v>491664</v>
      </c>
      <c r="KT40" s="345">
        <v>0</v>
      </c>
      <c r="KU40" s="345">
        <v>0</v>
      </c>
      <c r="KV40" s="345">
        <v>0</v>
      </c>
      <c r="KW40" s="349">
        <v>491664</v>
      </c>
      <c r="KX40" s="347">
        <v>491664</v>
      </c>
      <c r="KY40" s="348">
        <v>0</v>
      </c>
      <c r="KZ40" s="345">
        <v>0</v>
      </c>
      <c r="LA40" s="349">
        <v>0</v>
      </c>
      <c r="LB40" s="404">
        <v>0</v>
      </c>
      <c r="LC40" s="345">
        <v>0</v>
      </c>
      <c r="LD40" s="345">
        <v>0</v>
      </c>
      <c r="LE40" s="345">
        <v>0</v>
      </c>
      <c r="LF40" s="345">
        <v>0</v>
      </c>
      <c r="LG40" s="345">
        <v>0</v>
      </c>
      <c r="LH40" s="349">
        <v>0</v>
      </c>
      <c r="LI40" s="350">
        <v>0</v>
      </c>
      <c r="LJ40" s="348">
        <v>0</v>
      </c>
      <c r="LK40" s="345">
        <v>0</v>
      </c>
      <c r="LL40" s="349">
        <v>0</v>
      </c>
      <c r="LM40" s="404">
        <v>0</v>
      </c>
      <c r="LN40" s="345">
        <v>0</v>
      </c>
      <c r="LO40" s="345">
        <v>0</v>
      </c>
      <c r="LP40" s="345">
        <v>0</v>
      </c>
      <c r="LQ40" s="345">
        <v>0</v>
      </c>
      <c r="LR40" s="345">
        <v>0</v>
      </c>
      <c r="LS40" s="349">
        <v>0</v>
      </c>
      <c r="LT40" s="347">
        <v>0</v>
      </c>
      <c r="LU40" s="348">
        <v>0</v>
      </c>
      <c r="LV40" s="345">
        <v>0</v>
      </c>
      <c r="LW40" s="349">
        <v>0</v>
      </c>
      <c r="LX40" s="404">
        <v>0</v>
      </c>
      <c r="LY40" s="345">
        <v>0</v>
      </c>
      <c r="LZ40" s="345">
        <v>0</v>
      </c>
      <c r="MA40" s="345">
        <v>0</v>
      </c>
      <c r="MB40" s="345">
        <v>0</v>
      </c>
      <c r="MC40" s="345">
        <v>0</v>
      </c>
      <c r="MD40" s="349">
        <v>0</v>
      </c>
      <c r="ME40" s="350">
        <v>0</v>
      </c>
      <c r="MF40" s="348">
        <v>0</v>
      </c>
      <c r="MG40" s="345">
        <v>0</v>
      </c>
      <c r="MH40" s="349">
        <v>0</v>
      </c>
      <c r="MI40" s="404">
        <v>0</v>
      </c>
      <c r="MJ40" s="345">
        <v>219880</v>
      </c>
      <c r="MK40" s="345">
        <v>0</v>
      </c>
      <c r="ML40" s="345">
        <v>156608</v>
      </c>
      <c r="MM40" s="345">
        <v>275160</v>
      </c>
      <c r="MN40" s="345">
        <v>839426</v>
      </c>
      <c r="MO40" s="349">
        <v>1491074</v>
      </c>
      <c r="MP40" s="354">
        <v>1491074</v>
      </c>
      <c r="MQ40" s="348">
        <v>0</v>
      </c>
      <c r="MR40" s="345">
        <v>0</v>
      </c>
      <c r="MS40" s="349">
        <v>0</v>
      </c>
      <c r="MT40" s="404">
        <v>0</v>
      </c>
      <c r="MU40" s="345">
        <v>0</v>
      </c>
      <c r="MV40" s="345">
        <v>0</v>
      </c>
      <c r="MW40" s="345">
        <v>0</v>
      </c>
      <c r="MX40" s="345">
        <v>275160</v>
      </c>
      <c r="MY40" s="345">
        <v>839426</v>
      </c>
      <c r="MZ40" s="349">
        <v>1114586</v>
      </c>
      <c r="NA40" s="354">
        <v>1114586</v>
      </c>
      <c r="NB40" s="348">
        <v>0</v>
      </c>
      <c r="NC40" s="345">
        <v>0</v>
      </c>
      <c r="ND40" s="349">
        <v>0</v>
      </c>
      <c r="NE40" s="404">
        <v>0</v>
      </c>
      <c r="NF40" s="345">
        <v>219880</v>
      </c>
      <c r="NG40" s="345">
        <v>0</v>
      </c>
      <c r="NH40" s="345">
        <v>156608</v>
      </c>
      <c r="NI40" s="345">
        <v>0</v>
      </c>
      <c r="NJ40" s="345">
        <v>0</v>
      </c>
      <c r="NK40" s="349">
        <v>376488</v>
      </c>
      <c r="NL40" s="347">
        <v>376488</v>
      </c>
      <c r="NM40" s="348">
        <v>0</v>
      </c>
      <c r="NN40" s="345">
        <v>0</v>
      </c>
      <c r="NO40" s="349">
        <v>0</v>
      </c>
      <c r="NP40" s="404">
        <v>0</v>
      </c>
      <c r="NQ40" s="345">
        <v>0</v>
      </c>
      <c r="NR40" s="345">
        <v>0</v>
      </c>
      <c r="NS40" s="345">
        <v>0</v>
      </c>
      <c r="NT40" s="345">
        <v>0</v>
      </c>
      <c r="NU40" s="345">
        <v>0</v>
      </c>
      <c r="NV40" s="349">
        <v>0</v>
      </c>
      <c r="NW40" s="350">
        <v>0</v>
      </c>
      <c r="NX40" s="348">
        <v>0</v>
      </c>
      <c r="NY40" s="345">
        <v>0</v>
      </c>
      <c r="NZ40" s="349">
        <v>0</v>
      </c>
      <c r="OA40" s="404">
        <v>0</v>
      </c>
      <c r="OB40" s="345">
        <v>0</v>
      </c>
      <c r="OC40" s="345">
        <v>0</v>
      </c>
      <c r="OD40" s="345">
        <v>0</v>
      </c>
      <c r="OE40" s="345">
        <v>0</v>
      </c>
      <c r="OF40" s="345">
        <v>0</v>
      </c>
      <c r="OG40" s="349">
        <v>0</v>
      </c>
      <c r="OH40" s="350">
        <v>0</v>
      </c>
      <c r="OI40" s="348">
        <v>118664</v>
      </c>
      <c r="OJ40" s="345">
        <v>53616</v>
      </c>
      <c r="OK40" s="346">
        <v>172280</v>
      </c>
      <c r="OL40" s="351">
        <v>0</v>
      </c>
      <c r="OM40" s="345">
        <v>1493199</v>
      </c>
      <c r="ON40" s="345">
        <v>1752210</v>
      </c>
      <c r="OO40" s="345">
        <v>511216</v>
      </c>
      <c r="OP40" s="345">
        <v>1105276</v>
      </c>
      <c r="OQ40" s="345">
        <v>1344130</v>
      </c>
      <c r="OR40" s="349">
        <v>6206031</v>
      </c>
      <c r="OS40" s="354">
        <v>6378311</v>
      </c>
    </row>
    <row r="41" spans="2:409" s="70" customFormat="1" ht="21" customHeight="1" x14ac:dyDescent="0.2">
      <c r="B41" s="410" t="s">
        <v>36</v>
      </c>
      <c r="C41" s="326">
        <v>4000</v>
      </c>
      <c r="D41" s="327">
        <v>77633</v>
      </c>
      <c r="E41" s="328">
        <v>81633</v>
      </c>
      <c r="F41" s="329">
        <v>0</v>
      </c>
      <c r="G41" s="327">
        <v>847437</v>
      </c>
      <c r="H41" s="327">
        <v>662249</v>
      </c>
      <c r="I41" s="327">
        <v>19504</v>
      </c>
      <c r="J41" s="327">
        <v>664326</v>
      </c>
      <c r="K41" s="327">
        <v>335340</v>
      </c>
      <c r="L41" s="367">
        <v>2528856</v>
      </c>
      <c r="M41" s="330">
        <v>2610489</v>
      </c>
      <c r="N41" s="326">
        <v>0</v>
      </c>
      <c r="O41" s="327">
        <v>27392</v>
      </c>
      <c r="P41" s="328">
        <v>27392</v>
      </c>
      <c r="Q41" s="326">
        <v>0</v>
      </c>
      <c r="R41" s="327">
        <v>212078</v>
      </c>
      <c r="S41" s="327">
        <v>323178</v>
      </c>
      <c r="T41" s="327">
        <v>0</v>
      </c>
      <c r="U41" s="327">
        <v>392140</v>
      </c>
      <c r="V41" s="327">
        <v>335340</v>
      </c>
      <c r="W41" s="328">
        <v>1262736</v>
      </c>
      <c r="X41" s="330">
        <v>1290128</v>
      </c>
      <c r="Y41" s="326">
        <v>0</v>
      </c>
      <c r="Z41" s="327">
        <v>0</v>
      </c>
      <c r="AA41" s="328">
        <v>0</v>
      </c>
      <c r="AB41" s="326">
        <v>0</v>
      </c>
      <c r="AC41" s="327">
        <v>60490</v>
      </c>
      <c r="AD41" s="327">
        <v>280378</v>
      </c>
      <c r="AE41" s="327">
        <v>0</v>
      </c>
      <c r="AF41" s="327">
        <v>252716</v>
      </c>
      <c r="AG41" s="327">
        <v>313372</v>
      </c>
      <c r="AH41" s="328">
        <v>906956</v>
      </c>
      <c r="AI41" s="330">
        <v>906956</v>
      </c>
      <c r="AJ41" s="326">
        <v>0</v>
      </c>
      <c r="AK41" s="327">
        <v>0</v>
      </c>
      <c r="AL41" s="328">
        <v>0</v>
      </c>
      <c r="AM41" s="326">
        <v>0</v>
      </c>
      <c r="AN41" s="327">
        <v>0</v>
      </c>
      <c r="AO41" s="327">
        <v>0</v>
      </c>
      <c r="AP41" s="327">
        <v>0</v>
      </c>
      <c r="AQ41" s="327">
        <v>85804</v>
      </c>
      <c r="AR41" s="327">
        <v>0</v>
      </c>
      <c r="AS41" s="328">
        <v>85804</v>
      </c>
      <c r="AT41" s="330">
        <v>85804</v>
      </c>
      <c r="AU41" s="326">
        <v>0</v>
      </c>
      <c r="AV41" s="327">
        <v>27392</v>
      </c>
      <c r="AW41" s="328">
        <v>27392</v>
      </c>
      <c r="AX41" s="326">
        <v>0</v>
      </c>
      <c r="AY41" s="327">
        <v>101292</v>
      </c>
      <c r="AZ41" s="327">
        <v>0</v>
      </c>
      <c r="BA41" s="327">
        <v>0</v>
      </c>
      <c r="BB41" s="327">
        <v>30828</v>
      </c>
      <c r="BC41" s="327">
        <v>0</v>
      </c>
      <c r="BD41" s="328">
        <v>132120</v>
      </c>
      <c r="BE41" s="330">
        <v>159512</v>
      </c>
      <c r="BF41" s="326">
        <v>0</v>
      </c>
      <c r="BG41" s="327">
        <v>0</v>
      </c>
      <c r="BH41" s="331">
        <v>0</v>
      </c>
      <c r="BI41" s="332">
        <v>0</v>
      </c>
      <c r="BJ41" s="327">
        <v>0</v>
      </c>
      <c r="BK41" s="327">
        <v>21200</v>
      </c>
      <c r="BL41" s="327">
        <v>0</v>
      </c>
      <c r="BM41" s="327">
        <v>0</v>
      </c>
      <c r="BN41" s="327">
        <v>0</v>
      </c>
      <c r="BO41" s="328">
        <v>21200</v>
      </c>
      <c r="BP41" s="330">
        <v>21200</v>
      </c>
      <c r="BQ41" s="326">
        <v>0</v>
      </c>
      <c r="BR41" s="327">
        <v>0</v>
      </c>
      <c r="BS41" s="328">
        <v>0</v>
      </c>
      <c r="BT41" s="326">
        <v>0</v>
      </c>
      <c r="BU41" s="327">
        <v>50296</v>
      </c>
      <c r="BV41" s="327">
        <v>21600</v>
      </c>
      <c r="BW41" s="327">
        <v>0</v>
      </c>
      <c r="BX41" s="327">
        <v>22792</v>
      </c>
      <c r="BY41" s="327">
        <v>21968</v>
      </c>
      <c r="BZ41" s="328">
        <v>116656</v>
      </c>
      <c r="CA41" s="330">
        <v>116656</v>
      </c>
      <c r="CB41" s="326">
        <v>0</v>
      </c>
      <c r="CC41" s="327">
        <v>38241</v>
      </c>
      <c r="CD41" s="328">
        <v>38241</v>
      </c>
      <c r="CE41" s="326">
        <v>0</v>
      </c>
      <c r="CF41" s="327">
        <v>109000</v>
      </c>
      <c r="CG41" s="327">
        <v>86489</v>
      </c>
      <c r="CH41" s="327">
        <v>0</v>
      </c>
      <c r="CI41" s="327">
        <v>0</v>
      </c>
      <c r="CJ41" s="327">
        <v>0</v>
      </c>
      <c r="CK41" s="328">
        <v>195489</v>
      </c>
      <c r="CL41" s="330">
        <v>233730</v>
      </c>
      <c r="CM41" s="326">
        <v>0</v>
      </c>
      <c r="CN41" s="327">
        <v>0</v>
      </c>
      <c r="CO41" s="328">
        <v>0</v>
      </c>
      <c r="CP41" s="332">
        <v>0</v>
      </c>
      <c r="CQ41" s="327">
        <v>0</v>
      </c>
      <c r="CR41" s="327">
        <v>86489</v>
      </c>
      <c r="CS41" s="327">
        <v>0</v>
      </c>
      <c r="CT41" s="327">
        <v>0</v>
      </c>
      <c r="CU41" s="327">
        <v>0</v>
      </c>
      <c r="CV41" s="328">
        <v>86489</v>
      </c>
      <c r="CW41" s="330">
        <v>86489</v>
      </c>
      <c r="CX41" s="326">
        <v>0</v>
      </c>
      <c r="CY41" s="327">
        <v>38241</v>
      </c>
      <c r="CZ41" s="328">
        <v>38241</v>
      </c>
      <c r="DA41" s="326">
        <v>0</v>
      </c>
      <c r="DB41" s="327">
        <v>109000</v>
      </c>
      <c r="DC41" s="327">
        <v>0</v>
      </c>
      <c r="DD41" s="327">
        <v>0</v>
      </c>
      <c r="DE41" s="327">
        <v>0</v>
      </c>
      <c r="DF41" s="327">
        <v>0</v>
      </c>
      <c r="DG41" s="328">
        <v>109000</v>
      </c>
      <c r="DH41" s="330">
        <v>147241</v>
      </c>
      <c r="DI41" s="326">
        <v>0</v>
      </c>
      <c r="DJ41" s="327">
        <v>0</v>
      </c>
      <c r="DK41" s="331">
        <v>0</v>
      </c>
      <c r="DL41" s="332">
        <v>0</v>
      </c>
      <c r="DM41" s="327">
        <v>0</v>
      </c>
      <c r="DN41" s="327">
        <v>23572</v>
      </c>
      <c r="DO41" s="327">
        <v>0</v>
      </c>
      <c r="DP41" s="327">
        <v>0</v>
      </c>
      <c r="DQ41" s="327">
        <v>0</v>
      </c>
      <c r="DR41" s="328">
        <v>23572</v>
      </c>
      <c r="DS41" s="330">
        <v>23572</v>
      </c>
      <c r="DT41" s="326">
        <v>0</v>
      </c>
      <c r="DU41" s="327">
        <v>0</v>
      </c>
      <c r="DV41" s="328">
        <v>0</v>
      </c>
      <c r="DW41" s="326">
        <v>0</v>
      </c>
      <c r="DX41" s="327">
        <v>0</v>
      </c>
      <c r="DY41" s="327">
        <v>23572</v>
      </c>
      <c r="DZ41" s="327">
        <v>0</v>
      </c>
      <c r="EA41" s="327">
        <v>0</v>
      </c>
      <c r="EB41" s="327">
        <v>0</v>
      </c>
      <c r="EC41" s="328">
        <v>23572</v>
      </c>
      <c r="ED41" s="330">
        <v>23572</v>
      </c>
      <c r="EE41" s="326">
        <v>0</v>
      </c>
      <c r="EF41" s="331">
        <v>0</v>
      </c>
      <c r="EG41" s="328">
        <v>0</v>
      </c>
      <c r="EH41" s="326">
        <v>0</v>
      </c>
      <c r="EI41" s="327">
        <v>0</v>
      </c>
      <c r="EJ41" s="327">
        <v>0</v>
      </c>
      <c r="EK41" s="327">
        <v>0</v>
      </c>
      <c r="EL41" s="327">
        <v>0</v>
      </c>
      <c r="EM41" s="327">
        <v>0</v>
      </c>
      <c r="EN41" s="331">
        <v>0</v>
      </c>
      <c r="EO41" s="330">
        <v>0</v>
      </c>
      <c r="EP41" s="326">
        <v>0</v>
      </c>
      <c r="EQ41" s="327">
        <v>0</v>
      </c>
      <c r="ER41" s="331">
        <v>0</v>
      </c>
      <c r="ES41" s="332">
        <v>0</v>
      </c>
      <c r="ET41" s="327">
        <v>0</v>
      </c>
      <c r="EU41" s="327">
        <v>0</v>
      </c>
      <c r="EV41" s="327">
        <v>0</v>
      </c>
      <c r="EW41" s="327">
        <v>0</v>
      </c>
      <c r="EX41" s="327">
        <v>0</v>
      </c>
      <c r="EY41" s="328">
        <v>0</v>
      </c>
      <c r="EZ41" s="330">
        <v>0</v>
      </c>
      <c r="FA41" s="326">
        <v>0</v>
      </c>
      <c r="FB41" s="327">
        <v>0</v>
      </c>
      <c r="FC41" s="331">
        <v>0</v>
      </c>
      <c r="FD41" s="332">
        <v>0</v>
      </c>
      <c r="FE41" s="327">
        <v>0</v>
      </c>
      <c r="FF41" s="327">
        <v>0</v>
      </c>
      <c r="FG41" s="327">
        <v>0</v>
      </c>
      <c r="FH41" s="327">
        <v>0</v>
      </c>
      <c r="FI41" s="327">
        <v>0</v>
      </c>
      <c r="FJ41" s="328">
        <v>0</v>
      </c>
      <c r="FK41" s="330">
        <v>0</v>
      </c>
      <c r="FL41" s="326">
        <v>4000</v>
      </c>
      <c r="FM41" s="327">
        <v>12000</v>
      </c>
      <c r="FN41" s="328">
        <v>16000</v>
      </c>
      <c r="FO41" s="326">
        <v>0</v>
      </c>
      <c r="FP41" s="327">
        <v>55320</v>
      </c>
      <c r="FQ41" s="327">
        <v>49984</v>
      </c>
      <c r="FR41" s="327">
        <v>19504</v>
      </c>
      <c r="FS41" s="327">
        <v>50400</v>
      </c>
      <c r="FT41" s="327">
        <v>0</v>
      </c>
      <c r="FU41" s="328">
        <v>175208</v>
      </c>
      <c r="FV41" s="330">
        <v>191208</v>
      </c>
      <c r="FW41" s="333">
        <v>4000</v>
      </c>
      <c r="FX41" s="327">
        <v>12000</v>
      </c>
      <c r="FY41" s="331">
        <v>16000</v>
      </c>
      <c r="FZ41" s="332">
        <v>0</v>
      </c>
      <c r="GA41" s="327">
        <v>55320</v>
      </c>
      <c r="GB41" s="327">
        <v>49984</v>
      </c>
      <c r="GC41" s="327">
        <v>19504</v>
      </c>
      <c r="GD41" s="327">
        <v>50400</v>
      </c>
      <c r="GE41" s="327">
        <v>0</v>
      </c>
      <c r="GF41" s="328">
        <v>175208</v>
      </c>
      <c r="GG41" s="334">
        <v>191208</v>
      </c>
      <c r="GH41" s="333">
        <v>0</v>
      </c>
      <c r="GI41" s="327">
        <v>0</v>
      </c>
      <c r="GJ41" s="331">
        <v>0</v>
      </c>
      <c r="GK41" s="332">
        <v>0</v>
      </c>
      <c r="GL41" s="327">
        <v>0</v>
      </c>
      <c r="GM41" s="327">
        <v>0</v>
      </c>
      <c r="GN41" s="327">
        <v>0</v>
      </c>
      <c r="GO41" s="327">
        <v>0</v>
      </c>
      <c r="GP41" s="327">
        <v>0</v>
      </c>
      <c r="GQ41" s="328">
        <v>0</v>
      </c>
      <c r="GR41" s="330">
        <v>0</v>
      </c>
      <c r="GS41" s="326">
        <v>0</v>
      </c>
      <c r="GT41" s="327">
        <v>0</v>
      </c>
      <c r="GU41" s="328">
        <v>0</v>
      </c>
      <c r="GV41" s="326">
        <v>0</v>
      </c>
      <c r="GW41" s="327">
        <v>0</v>
      </c>
      <c r="GX41" s="327">
        <v>0</v>
      </c>
      <c r="GY41" s="327">
        <v>0</v>
      </c>
      <c r="GZ41" s="327">
        <v>0</v>
      </c>
      <c r="HA41" s="327">
        <v>0</v>
      </c>
      <c r="HB41" s="331">
        <v>0</v>
      </c>
      <c r="HC41" s="330">
        <v>0</v>
      </c>
      <c r="HD41" s="326">
        <v>0</v>
      </c>
      <c r="HE41" s="327">
        <v>0</v>
      </c>
      <c r="HF41" s="331">
        <v>0</v>
      </c>
      <c r="HG41" s="332">
        <v>0</v>
      </c>
      <c r="HH41" s="327">
        <v>471039</v>
      </c>
      <c r="HI41" s="327">
        <v>179026</v>
      </c>
      <c r="HJ41" s="327">
        <v>0</v>
      </c>
      <c r="HK41" s="327">
        <v>221786</v>
      </c>
      <c r="HL41" s="327">
        <v>0</v>
      </c>
      <c r="HM41" s="328">
        <v>871851</v>
      </c>
      <c r="HN41" s="329">
        <v>871851</v>
      </c>
      <c r="HO41" s="333">
        <v>0</v>
      </c>
      <c r="HP41" s="327">
        <v>0</v>
      </c>
      <c r="HQ41" s="328">
        <v>0</v>
      </c>
      <c r="HR41" s="326">
        <v>0</v>
      </c>
      <c r="HS41" s="327">
        <v>0</v>
      </c>
      <c r="HT41" s="327">
        <v>0</v>
      </c>
      <c r="HU41" s="327">
        <v>0</v>
      </c>
      <c r="HV41" s="327">
        <v>0</v>
      </c>
      <c r="HW41" s="327">
        <v>0</v>
      </c>
      <c r="HX41" s="331">
        <v>0</v>
      </c>
      <c r="HY41" s="330">
        <v>0</v>
      </c>
      <c r="HZ41" s="335">
        <v>0</v>
      </c>
      <c r="IA41" s="336">
        <v>0</v>
      </c>
      <c r="IB41" s="337">
        <v>0</v>
      </c>
      <c r="IC41" s="338">
        <v>0</v>
      </c>
      <c r="ID41" s="336">
        <v>73973</v>
      </c>
      <c r="IE41" s="339">
        <v>9638</v>
      </c>
      <c r="IF41" s="337">
        <v>0</v>
      </c>
      <c r="IG41" s="336">
        <v>0</v>
      </c>
      <c r="IH41" s="337">
        <v>0</v>
      </c>
      <c r="II41" s="340">
        <v>83611</v>
      </c>
      <c r="IJ41" s="341">
        <v>83611</v>
      </c>
      <c r="IK41" s="342">
        <v>0</v>
      </c>
      <c r="IL41" s="343">
        <v>0</v>
      </c>
      <c r="IM41" s="344">
        <v>0</v>
      </c>
      <c r="IN41" s="404">
        <v>0</v>
      </c>
      <c r="IO41" s="345">
        <v>0</v>
      </c>
      <c r="IP41" s="345">
        <v>0</v>
      </c>
      <c r="IQ41" s="345">
        <v>0</v>
      </c>
      <c r="IR41" s="345">
        <v>0</v>
      </c>
      <c r="IS41" s="345">
        <v>0</v>
      </c>
      <c r="IT41" s="346">
        <v>0</v>
      </c>
      <c r="IU41" s="347">
        <v>0</v>
      </c>
      <c r="IV41" s="348">
        <v>0</v>
      </c>
      <c r="IW41" s="345">
        <v>0</v>
      </c>
      <c r="IX41" s="349">
        <v>0</v>
      </c>
      <c r="IY41" s="404">
        <v>0</v>
      </c>
      <c r="IZ41" s="345">
        <v>0</v>
      </c>
      <c r="JA41" s="345">
        <v>0</v>
      </c>
      <c r="JB41" s="345">
        <v>0</v>
      </c>
      <c r="JC41" s="345">
        <v>0</v>
      </c>
      <c r="JD41" s="345">
        <v>0</v>
      </c>
      <c r="JE41" s="349">
        <v>0</v>
      </c>
      <c r="JF41" s="350">
        <v>0</v>
      </c>
      <c r="JG41" s="348">
        <v>0</v>
      </c>
      <c r="JH41" s="345">
        <v>0</v>
      </c>
      <c r="JI41" s="346">
        <v>0</v>
      </c>
      <c r="JJ41" s="351">
        <v>0</v>
      </c>
      <c r="JK41" s="345">
        <v>73973</v>
      </c>
      <c r="JL41" s="345">
        <v>9638</v>
      </c>
      <c r="JM41" s="345">
        <v>0</v>
      </c>
      <c r="JN41" s="345">
        <v>0</v>
      </c>
      <c r="JO41" s="345">
        <v>0</v>
      </c>
      <c r="JP41" s="349">
        <v>83611</v>
      </c>
      <c r="JQ41" s="347">
        <v>83611</v>
      </c>
      <c r="JR41" s="348">
        <v>0</v>
      </c>
      <c r="JS41" s="345">
        <v>0</v>
      </c>
      <c r="JT41" s="346">
        <v>0</v>
      </c>
      <c r="JU41" s="351">
        <v>0</v>
      </c>
      <c r="JV41" s="345">
        <v>0</v>
      </c>
      <c r="JW41" s="345">
        <v>0</v>
      </c>
      <c r="JX41" s="345">
        <v>0</v>
      </c>
      <c r="JY41" s="345">
        <v>0</v>
      </c>
      <c r="JZ41" s="345">
        <v>0</v>
      </c>
      <c r="KA41" s="349">
        <v>0</v>
      </c>
      <c r="KB41" s="347">
        <v>0</v>
      </c>
      <c r="KC41" s="352">
        <v>0</v>
      </c>
      <c r="KD41" s="353">
        <v>0</v>
      </c>
      <c r="KE41" s="349">
        <v>0</v>
      </c>
      <c r="KF41" s="351">
        <v>0</v>
      </c>
      <c r="KG41" s="345">
        <v>0</v>
      </c>
      <c r="KH41" s="345">
        <v>0</v>
      </c>
      <c r="KI41" s="345">
        <v>0</v>
      </c>
      <c r="KJ41" s="345">
        <v>0</v>
      </c>
      <c r="KK41" s="345">
        <v>0</v>
      </c>
      <c r="KL41" s="349">
        <v>0</v>
      </c>
      <c r="KM41" s="354">
        <v>0</v>
      </c>
      <c r="KN41" s="342">
        <v>0</v>
      </c>
      <c r="KO41" s="343">
        <v>0</v>
      </c>
      <c r="KP41" s="344">
        <v>0</v>
      </c>
      <c r="KQ41" s="404">
        <v>0</v>
      </c>
      <c r="KR41" s="345">
        <v>0</v>
      </c>
      <c r="KS41" s="345">
        <v>0</v>
      </c>
      <c r="KT41" s="345">
        <v>0</v>
      </c>
      <c r="KU41" s="345">
        <v>0</v>
      </c>
      <c r="KV41" s="345">
        <v>0</v>
      </c>
      <c r="KW41" s="349">
        <v>0</v>
      </c>
      <c r="KX41" s="347">
        <v>0</v>
      </c>
      <c r="KY41" s="348">
        <v>0</v>
      </c>
      <c r="KZ41" s="345">
        <v>0</v>
      </c>
      <c r="LA41" s="349">
        <v>0</v>
      </c>
      <c r="LB41" s="404">
        <v>0</v>
      </c>
      <c r="LC41" s="345">
        <v>0</v>
      </c>
      <c r="LD41" s="345">
        <v>0</v>
      </c>
      <c r="LE41" s="345">
        <v>0</v>
      </c>
      <c r="LF41" s="345">
        <v>0</v>
      </c>
      <c r="LG41" s="345">
        <v>0</v>
      </c>
      <c r="LH41" s="349">
        <v>0</v>
      </c>
      <c r="LI41" s="350">
        <v>0</v>
      </c>
      <c r="LJ41" s="348">
        <v>0</v>
      </c>
      <c r="LK41" s="345">
        <v>0</v>
      </c>
      <c r="LL41" s="349">
        <v>0</v>
      </c>
      <c r="LM41" s="404">
        <v>0</v>
      </c>
      <c r="LN41" s="345">
        <v>0</v>
      </c>
      <c r="LO41" s="345">
        <v>0</v>
      </c>
      <c r="LP41" s="345">
        <v>0</v>
      </c>
      <c r="LQ41" s="345">
        <v>0</v>
      </c>
      <c r="LR41" s="345">
        <v>0</v>
      </c>
      <c r="LS41" s="349">
        <v>0</v>
      </c>
      <c r="LT41" s="347">
        <v>0</v>
      </c>
      <c r="LU41" s="348">
        <v>0</v>
      </c>
      <c r="LV41" s="345">
        <v>0</v>
      </c>
      <c r="LW41" s="349">
        <v>0</v>
      </c>
      <c r="LX41" s="404">
        <v>0</v>
      </c>
      <c r="LY41" s="345">
        <v>0</v>
      </c>
      <c r="LZ41" s="345">
        <v>0</v>
      </c>
      <c r="MA41" s="345">
        <v>0</v>
      </c>
      <c r="MB41" s="345">
        <v>0</v>
      </c>
      <c r="MC41" s="345">
        <v>0</v>
      </c>
      <c r="MD41" s="349">
        <v>0</v>
      </c>
      <c r="ME41" s="350">
        <v>0</v>
      </c>
      <c r="MF41" s="348">
        <v>0</v>
      </c>
      <c r="MG41" s="345">
        <v>0</v>
      </c>
      <c r="MH41" s="349">
        <v>0</v>
      </c>
      <c r="MI41" s="404">
        <v>0</v>
      </c>
      <c r="MJ41" s="345">
        <v>0</v>
      </c>
      <c r="MK41" s="345">
        <v>0</v>
      </c>
      <c r="ML41" s="345">
        <v>746093</v>
      </c>
      <c r="MM41" s="345">
        <v>900780</v>
      </c>
      <c r="MN41" s="345">
        <v>317818</v>
      </c>
      <c r="MO41" s="349">
        <v>1964691</v>
      </c>
      <c r="MP41" s="354">
        <v>1964691</v>
      </c>
      <c r="MQ41" s="348">
        <v>0</v>
      </c>
      <c r="MR41" s="345">
        <v>0</v>
      </c>
      <c r="MS41" s="349">
        <v>0</v>
      </c>
      <c r="MT41" s="404">
        <v>0</v>
      </c>
      <c r="MU41" s="345">
        <v>0</v>
      </c>
      <c r="MV41" s="345">
        <v>0</v>
      </c>
      <c r="MW41" s="345">
        <v>170495</v>
      </c>
      <c r="MX41" s="345">
        <v>553896</v>
      </c>
      <c r="MY41" s="345">
        <v>0</v>
      </c>
      <c r="MZ41" s="349">
        <v>724391</v>
      </c>
      <c r="NA41" s="354">
        <v>724391</v>
      </c>
      <c r="NB41" s="348">
        <v>0</v>
      </c>
      <c r="NC41" s="345">
        <v>0</v>
      </c>
      <c r="ND41" s="349">
        <v>0</v>
      </c>
      <c r="NE41" s="404">
        <v>0</v>
      </c>
      <c r="NF41" s="345">
        <v>0</v>
      </c>
      <c r="NG41" s="345">
        <v>0</v>
      </c>
      <c r="NH41" s="345">
        <v>575598</v>
      </c>
      <c r="NI41" s="345">
        <v>346884</v>
      </c>
      <c r="NJ41" s="345">
        <v>317818</v>
      </c>
      <c r="NK41" s="349">
        <v>1240300</v>
      </c>
      <c r="NL41" s="347">
        <v>1240300</v>
      </c>
      <c r="NM41" s="348">
        <v>0</v>
      </c>
      <c r="NN41" s="345">
        <v>0</v>
      </c>
      <c r="NO41" s="349">
        <v>0</v>
      </c>
      <c r="NP41" s="404">
        <v>0</v>
      </c>
      <c r="NQ41" s="345">
        <v>0</v>
      </c>
      <c r="NR41" s="345">
        <v>0</v>
      </c>
      <c r="NS41" s="345">
        <v>0</v>
      </c>
      <c r="NT41" s="345">
        <v>0</v>
      </c>
      <c r="NU41" s="345">
        <v>0</v>
      </c>
      <c r="NV41" s="349">
        <v>0</v>
      </c>
      <c r="NW41" s="350">
        <v>0</v>
      </c>
      <c r="NX41" s="348">
        <v>0</v>
      </c>
      <c r="NY41" s="345">
        <v>0</v>
      </c>
      <c r="NZ41" s="349">
        <v>0</v>
      </c>
      <c r="OA41" s="404">
        <v>0</v>
      </c>
      <c r="OB41" s="345">
        <v>0</v>
      </c>
      <c r="OC41" s="345">
        <v>0</v>
      </c>
      <c r="OD41" s="345">
        <v>0</v>
      </c>
      <c r="OE41" s="345">
        <v>0</v>
      </c>
      <c r="OF41" s="345">
        <v>0</v>
      </c>
      <c r="OG41" s="349">
        <v>0</v>
      </c>
      <c r="OH41" s="350">
        <v>0</v>
      </c>
      <c r="OI41" s="348">
        <v>4000</v>
      </c>
      <c r="OJ41" s="345">
        <v>77633</v>
      </c>
      <c r="OK41" s="346">
        <v>81633</v>
      </c>
      <c r="OL41" s="351">
        <v>0</v>
      </c>
      <c r="OM41" s="345">
        <v>921410</v>
      </c>
      <c r="ON41" s="345">
        <v>671887</v>
      </c>
      <c r="OO41" s="345">
        <v>765597</v>
      </c>
      <c r="OP41" s="345">
        <v>1565106</v>
      </c>
      <c r="OQ41" s="345">
        <v>653158</v>
      </c>
      <c r="OR41" s="349">
        <v>4577158</v>
      </c>
      <c r="OS41" s="354">
        <v>4658791</v>
      </c>
    </row>
    <row r="42" spans="2:409" s="70" customFormat="1" ht="21" customHeight="1" thickBot="1" x14ac:dyDescent="0.25">
      <c r="B42" s="411" t="s">
        <v>37</v>
      </c>
      <c r="C42" s="371">
        <v>0</v>
      </c>
      <c r="D42" s="372">
        <v>0</v>
      </c>
      <c r="E42" s="373">
        <v>0</v>
      </c>
      <c r="F42" s="374">
        <v>0</v>
      </c>
      <c r="G42" s="372">
        <v>19333</v>
      </c>
      <c r="H42" s="372">
        <v>105179</v>
      </c>
      <c r="I42" s="372">
        <v>0</v>
      </c>
      <c r="J42" s="372">
        <v>191732</v>
      </c>
      <c r="K42" s="372">
        <v>0</v>
      </c>
      <c r="L42" s="374">
        <v>316244</v>
      </c>
      <c r="M42" s="375">
        <v>316244</v>
      </c>
      <c r="N42" s="371">
        <v>0</v>
      </c>
      <c r="O42" s="372">
        <v>0</v>
      </c>
      <c r="P42" s="373">
        <v>0</v>
      </c>
      <c r="Q42" s="371">
        <v>0</v>
      </c>
      <c r="R42" s="372">
        <v>0</v>
      </c>
      <c r="S42" s="372">
        <v>0</v>
      </c>
      <c r="T42" s="372">
        <v>0</v>
      </c>
      <c r="U42" s="372">
        <v>46330</v>
      </c>
      <c r="V42" s="372">
        <v>0</v>
      </c>
      <c r="W42" s="373">
        <v>46330</v>
      </c>
      <c r="X42" s="375">
        <v>46330</v>
      </c>
      <c r="Y42" s="371">
        <v>0</v>
      </c>
      <c r="Z42" s="372">
        <v>0</v>
      </c>
      <c r="AA42" s="373">
        <v>0</v>
      </c>
      <c r="AB42" s="371">
        <v>0</v>
      </c>
      <c r="AC42" s="372">
        <v>0</v>
      </c>
      <c r="AD42" s="372">
        <v>0</v>
      </c>
      <c r="AE42" s="372">
        <v>0</v>
      </c>
      <c r="AF42" s="372">
        <v>0</v>
      </c>
      <c r="AG42" s="372">
        <v>0</v>
      </c>
      <c r="AH42" s="373">
        <v>0</v>
      </c>
      <c r="AI42" s="375">
        <v>0</v>
      </c>
      <c r="AJ42" s="371">
        <v>0</v>
      </c>
      <c r="AK42" s="372">
        <v>0</v>
      </c>
      <c r="AL42" s="373">
        <v>0</v>
      </c>
      <c r="AM42" s="371">
        <v>0</v>
      </c>
      <c r="AN42" s="372">
        <v>0</v>
      </c>
      <c r="AO42" s="372">
        <v>0</v>
      </c>
      <c r="AP42" s="372">
        <v>0</v>
      </c>
      <c r="AQ42" s="372">
        <v>0</v>
      </c>
      <c r="AR42" s="372">
        <v>0</v>
      </c>
      <c r="AS42" s="373">
        <v>0</v>
      </c>
      <c r="AT42" s="375">
        <v>0</v>
      </c>
      <c r="AU42" s="371">
        <v>0</v>
      </c>
      <c r="AV42" s="372">
        <v>0</v>
      </c>
      <c r="AW42" s="373">
        <v>0</v>
      </c>
      <c r="AX42" s="371">
        <v>0</v>
      </c>
      <c r="AY42" s="372">
        <v>0</v>
      </c>
      <c r="AZ42" s="372">
        <v>0</v>
      </c>
      <c r="BA42" s="372">
        <v>0</v>
      </c>
      <c r="BB42" s="372">
        <v>46330</v>
      </c>
      <c r="BC42" s="372">
        <v>0</v>
      </c>
      <c r="BD42" s="373">
        <v>46330</v>
      </c>
      <c r="BE42" s="375">
        <v>46330</v>
      </c>
      <c r="BF42" s="371">
        <v>0</v>
      </c>
      <c r="BG42" s="372">
        <v>0</v>
      </c>
      <c r="BH42" s="376">
        <v>0</v>
      </c>
      <c r="BI42" s="377">
        <v>0</v>
      </c>
      <c r="BJ42" s="372">
        <v>0</v>
      </c>
      <c r="BK42" s="372">
        <v>0</v>
      </c>
      <c r="BL42" s="372">
        <v>0</v>
      </c>
      <c r="BM42" s="372">
        <v>0</v>
      </c>
      <c r="BN42" s="372">
        <v>0</v>
      </c>
      <c r="BO42" s="373">
        <v>0</v>
      </c>
      <c r="BP42" s="375">
        <v>0</v>
      </c>
      <c r="BQ42" s="371">
        <v>0</v>
      </c>
      <c r="BR42" s="372">
        <v>0</v>
      </c>
      <c r="BS42" s="373">
        <v>0</v>
      </c>
      <c r="BT42" s="371">
        <v>0</v>
      </c>
      <c r="BU42" s="372">
        <v>0</v>
      </c>
      <c r="BV42" s="372">
        <v>0</v>
      </c>
      <c r="BW42" s="372">
        <v>0</v>
      </c>
      <c r="BX42" s="372">
        <v>0</v>
      </c>
      <c r="BY42" s="372">
        <v>0</v>
      </c>
      <c r="BZ42" s="373">
        <v>0</v>
      </c>
      <c r="CA42" s="375">
        <v>0</v>
      </c>
      <c r="CB42" s="371">
        <v>0</v>
      </c>
      <c r="CC42" s="372">
        <v>0</v>
      </c>
      <c r="CD42" s="373">
        <v>0</v>
      </c>
      <c r="CE42" s="371">
        <v>0</v>
      </c>
      <c r="CF42" s="372">
        <v>18133</v>
      </c>
      <c r="CG42" s="372">
        <v>62467</v>
      </c>
      <c r="CH42" s="372">
        <v>0</v>
      </c>
      <c r="CI42" s="372">
        <v>92972</v>
      </c>
      <c r="CJ42" s="372">
        <v>0</v>
      </c>
      <c r="CK42" s="373">
        <v>173572</v>
      </c>
      <c r="CL42" s="375">
        <v>173572</v>
      </c>
      <c r="CM42" s="371">
        <v>0</v>
      </c>
      <c r="CN42" s="372">
        <v>0</v>
      </c>
      <c r="CO42" s="373">
        <v>0</v>
      </c>
      <c r="CP42" s="377">
        <v>0</v>
      </c>
      <c r="CQ42" s="372">
        <v>0</v>
      </c>
      <c r="CR42" s="372">
        <v>0</v>
      </c>
      <c r="CS42" s="372">
        <v>0</v>
      </c>
      <c r="CT42" s="372">
        <v>0</v>
      </c>
      <c r="CU42" s="372">
        <v>0</v>
      </c>
      <c r="CV42" s="373">
        <v>0</v>
      </c>
      <c r="CW42" s="375">
        <v>0</v>
      </c>
      <c r="CX42" s="371">
        <v>0</v>
      </c>
      <c r="CY42" s="372">
        <v>0</v>
      </c>
      <c r="CZ42" s="373">
        <v>0</v>
      </c>
      <c r="DA42" s="371">
        <v>0</v>
      </c>
      <c r="DB42" s="372">
        <v>18133</v>
      </c>
      <c r="DC42" s="372">
        <v>62467</v>
      </c>
      <c r="DD42" s="372">
        <v>0</v>
      </c>
      <c r="DE42" s="372">
        <v>92972</v>
      </c>
      <c r="DF42" s="372">
        <v>0</v>
      </c>
      <c r="DG42" s="373">
        <v>173572</v>
      </c>
      <c r="DH42" s="375">
        <v>173572</v>
      </c>
      <c r="DI42" s="371">
        <v>0</v>
      </c>
      <c r="DJ42" s="372">
        <v>0</v>
      </c>
      <c r="DK42" s="376">
        <v>0</v>
      </c>
      <c r="DL42" s="377">
        <v>0</v>
      </c>
      <c r="DM42" s="372">
        <v>0</v>
      </c>
      <c r="DN42" s="372">
        <v>0</v>
      </c>
      <c r="DO42" s="372">
        <v>0</v>
      </c>
      <c r="DP42" s="372">
        <v>22222</v>
      </c>
      <c r="DQ42" s="372">
        <v>0</v>
      </c>
      <c r="DR42" s="373">
        <v>22222</v>
      </c>
      <c r="DS42" s="375">
        <v>22222</v>
      </c>
      <c r="DT42" s="371">
        <v>0</v>
      </c>
      <c r="DU42" s="372">
        <v>0</v>
      </c>
      <c r="DV42" s="373">
        <v>0</v>
      </c>
      <c r="DW42" s="371">
        <v>0</v>
      </c>
      <c r="DX42" s="372">
        <v>0</v>
      </c>
      <c r="DY42" s="372">
        <v>0</v>
      </c>
      <c r="DZ42" s="372">
        <v>0</v>
      </c>
      <c r="EA42" s="372">
        <v>22222</v>
      </c>
      <c r="EB42" s="372">
        <v>0</v>
      </c>
      <c r="EC42" s="373">
        <v>22222</v>
      </c>
      <c r="ED42" s="375">
        <v>22222</v>
      </c>
      <c r="EE42" s="371">
        <v>0</v>
      </c>
      <c r="EF42" s="376">
        <v>0</v>
      </c>
      <c r="EG42" s="373">
        <v>0</v>
      </c>
      <c r="EH42" s="371">
        <v>0</v>
      </c>
      <c r="EI42" s="372">
        <v>0</v>
      </c>
      <c r="EJ42" s="372">
        <v>0</v>
      </c>
      <c r="EK42" s="372">
        <v>0</v>
      </c>
      <c r="EL42" s="372">
        <v>0</v>
      </c>
      <c r="EM42" s="372">
        <v>0</v>
      </c>
      <c r="EN42" s="376">
        <v>0</v>
      </c>
      <c r="EO42" s="375">
        <v>0</v>
      </c>
      <c r="EP42" s="371">
        <v>0</v>
      </c>
      <c r="EQ42" s="372">
        <v>0</v>
      </c>
      <c r="ER42" s="376">
        <v>0</v>
      </c>
      <c r="ES42" s="377">
        <v>0</v>
      </c>
      <c r="ET42" s="372">
        <v>0</v>
      </c>
      <c r="EU42" s="372">
        <v>0</v>
      </c>
      <c r="EV42" s="372">
        <v>0</v>
      </c>
      <c r="EW42" s="372">
        <v>0</v>
      </c>
      <c r="EX42" s="372">
        <v>0</v>
      </c>
      <c r="EY42" s="373">
        <v>0</v>
      </c>
      <c r="EZ42" s="375">
        <v>0</v>
      </c>
      <c r="FA42" s="371">
        <v>0</v>
      </c>
      <c r="FB42" s="372">
        <v>0</v>
      </c>
      <c r="FC42" s="376">
        <v>0</v>
      </c>
      <c r="FD42" s="377">
        <v>0</v>
      </c>
      <c r="FE42" s="372">
        <v>0</v>
      </c>
      <c r="FF42" s="372">
        <v>0</v>
      </c>
      <c r="FG42" s="372">
        <v>0</v>
      </c>
      <c r="FH42" s="372">
        <v>0</v>
      </c>
      <c r="FI42" s="372">
        <v>0</v>
      </c>
      <c r="FJ42" s="373">
        <v>0</v>
      </c>
      <c r="FK42" s="375">
        <v>0</v>
      </c>
      <c r="FL42" s="371">
        <v>0</v>
      </c>
      <c r="FM42" s="372">
        <v>0</v>
      </c>
      <c r="FN42" s="373">
        <v>0</v>
      </c>
      <c r="FO42" s="371">
        <v>0</v>
      </c>
      <c r="FP42" s="372">
        <v>1200</v>
      </c>
      <c r="FQ42" s="372">
        <v>42712</v>
      </c>
      <c r="FR42" s="372">
        <v>0</v>
      </c>
      <c r="FS42" s="372">
        <v>30208</v>
      </c>
      <c r="FT42" s="372">
        <v>0</v>
      </c>
      <c r="FU42" s="373">
        <v>74120</v>
      </c>
      <c r="FV42" s="375">
        <v>74120</v>
      </c>
      <c r="FW42" s="378">
        <v>0</v>
      </c>
      <c r="FX42" s="372">
        <v>0</v>
      </c>
      <c r="FY42" s="376">
        <v>0</v>
      </c>
      <c r="FZ42" s="377">
        <v>0</v>
      </c>
      <c r="GA42" s="372">
        <v>1200</v>
      </c>
      <c r="GB42" s="372">
        <v>42712</v>
      </c>
      <c r="GC42" s="372">
        <v>0</v>
      </c>
      <c r="GD42" s="372">
        <v>30208</v>
      </c>
      <c r="GE42" s="372">
        <v>0</v>
      </c>
      <c r="GF42" s="373">
        <v>74120</v>
      </c>
      <c r="GG42" s="379">
        <v>74120</v>
      </c>
      <c r="GH42" s="378">
        <v>0</v>
      </c>
      <c r="GI42" s="372">
        <v>0</v>
      </c>
      <c r="GJ42" s="376">
        <v>0</v>
      </c>
      <c r="GK42" s="377">
        <v>0</v>
      </c>
      <c r="GL42" s="372">
        <v>0</v>
      </c>
      <c r="GM42" s="372">
        <v>0</v>
      </c>
      <c r="GN42" s="372">
        <v>0</v>
      </c>
      <c r="GO42" s="372">
        <v>0</v>
      </c>
      <c r="GP42" s="372">
        <v>0</v>
      </c>
      <c r="GQ42" s="373">
        <v>0</v>
      </c>
      <c r="GR42" s="375">
        <v>0</v>
      </c>
      <c r="GS42" s="371">
        <v>0</v>
      </c>
      <c r="GT42" s="372">
        <v>0</v>
      </c>
      <c r="GU42" s="373">
        <v>0</v>
      </c>
      <c r="GV42" s="371">
        <v>0</v>
      </c>
      <c r="GW42" s="372">
        <v>0</v>
      </c>
      <c r="GX42" s="372">
        <v>0</v>
      </c>
      <c r="GY42" s="372">
        <v>0</v>
      </c>
      <c r="GZ42" s="372">
        <v>0</v>
      </c>
      <c r="HA42" s="372">
        <v>0</v>
      </c>
      <c r="HB42" s="376">
        <v>0</v>
      </c>
      <c r="HC42" s="375">
        <v>0</v>
      </c>
      <c r="HD42" s="371">
        <v>0</v>
      </c>
      <c r="HE42" s="372">
        <v>0</v>
      </c>
      <c r="HF42" s="376">
        <v>0</v>
      </c>
      <c r="HG42" s="377">
        <v>0</v>
      </c>
      <c r="HH42" s="372">
        <v>0</v>
      </c>
      <c r="HI42" s="372">
        <v>0</v>
      </c>
      <c r="HJ42" s="372">
        <v>0</v>
      </c>
      <c r="HK42" s="372">
        <v>0</v>
      </c>
      <c r="HL42" s="372">
        <v>0</v>
      </c>
      <c r="HM42" s="373">
        <v>0</v>
      </c>
      <c r="HN42" s="374">
        <v>0</v>
      </c>
      <c r="HO42" s="378">
        <v>0</v>
      </c>
      <c r="HP42" s="372">
        <v>0</v>
      </c>
      <c r="HQ42" s="373">
        <v>0</v>
      </c>
      <c r="HR42" s="371">
        <v>0</v>
      </c>
      <c r="HS42" s="372">
        <v>0</v>
      </c>
      <c r="HT42" s="372">
        <v>0</v>
      </c>
      <c r="HU42" s="372">
        <v>0</v>
      </c>
      <c r="HV42" s="372">
        <v>0</v>
      </c>
      <c r="HW42" s="372">
        <v>0</v>
      </c>
      <c r="HX42" s="376">
        <v>0</v>
      </c>
      <c r="HY42" s="375">
        <v>0</v>
      </c>
      <c r="HZ42" s="380">
        <v>0</v>
      </c>
      <c r="IA42" s="381">
        <v>0</v>
      </c>
      <c r="IB42" s="382">
        <v>0</v>
      </c>
      <c r="IC42" s="383">
        <v>0</v>
      </c>
      <c r="ID42" s="384">
        <v>0</v>
      </c>
      <c r="IE42" s="385">
        <v>0</v>
      </c>
      <c r="IF42" s="386">
        <v>0</v>
      </c>
      <c r="IG42" s="384">
        <v>0</v>
      </c>
      <c r="IH42" s="386">
        <v>0</v>
      </c>
      <c r="II42" s="387">
        <v>0</v>
      </c>
      <c r="IJ42" s="388">
        <v>0</v>
      </c>
      <c r="IK42" s="389">
        <v>0</v>
      </c>
      <c r="IL42" s="390">
        <v>0</v>
      </c>
      <c r="IM42" s="391">
        <v>0</v>
      </c>
      <c r="IN42" s="405">
        <v>0</v>
      </c>
      <c r="IO42" s="392">
        <v>0</v>
      </c>
      <c r="IP42" s="392">
        <v>0</v>
      </c>
      <c r="IQ42" s="392">
        <v>0</v>
      </c>
      <c r="IR42" s="392">
        <v>0</v>
      </c>
      <c r="IS42" s="392">
        <v>0</v>
      </c>
      <c r="IT42" s="393">
        <v>0</v>
      </c>
      <c r="IU42" s="394">
        <v>0</v>
      </c>
      <c r="IV42" s="395">
        <v>0</v>
      </c>
      <c r="IW42" s="392">
        <v>0</v>
      </c>
      <c r="IX42" s="396">
        <v>0</v>
      </c>
      <c r="IY42" s="405">
        <v>0</v>
      </c>
      <c r="IZ42" s="392">
        <v>0</v>
      </c>
      <c r="JA42" s="392">
        <v>0</v>
      </c>
      <c r="JB42" s="392">
        <v>0</v>
      </c>
      <c r="JC42" s="392">
        <v>0</v>
      </c>
      <c r="JD42" s="392">
        <v>0</v>
      </c>
      <c r="JE42" s="396">
        <v>0</v>
      </c>
      <c r="JF42" s="397">
        <v>0</v>
      </c>
      <c r="JG42" s="395">
        <v>0</v>
      </c>
      <c r="JH42" s="392">
        <v>0</v>
      </c>
      <c r="JI42" s="393">
        <v>0</v>
      </c>
      <c r="JJ42" s="398">
        <v>0</v>
      </c>
      <c r="JK42" s="392">
        <v>0</v>
      </c>
      <c r="JL42" s="392">
        <v>0</v>
      </c>
      <c r="JM42" s="392">
        <v>0</v>
      </c>
      <c r="JN42" s="392">
        <v>0</v>
      </c>
      <c r="JO42" s="392">
        <v>0</v>
      </c>
      <c r="JP42" s="396">
        <v>0</v>
      </c>
      <c r="JQ42" s="394">
        <v>0</v>
      </c>
      <c r="JR42" s="395">
        <v>0</v>
      </c>
      <c r="JS42" s="392">
        <v>0</v>
      </c>
      <c r="JT42" s="393">
        <v>0</v>
      </c>
      <c r="JU42" s="398">
        <v>0</v>
      </c>
      <c r="JV42" s="392">
        <v>0</v>
      </c>
      <c r="JW42" s="392">
        <v>0</v>
      </c>
      <c r="JX42" s="392">
        <v>0</v>
      </c>
      <c r="JY42" s="392">
        <v>0</v>
      </c>
      <c r="JZ42" s="392">
        <v>0</v>
      </c>
      <c r="KA42" s="396">
        <v>0</v>
      </c>
      <c r="KB42" s="394">
        <v>0</v>
      </c>
      <c r="KC42" s="399">
        <v>0</v>
      </c>
      <c r="KD42" s="400">
        <v>0</v>
      </c>
      <c r="KE42" s="396">
        <v>0</v>
      </c>
      <c r="KF42" s="398">
        <v>0</v>
      </c>
      <c r="KG42" s="392">
        <v>0</v>
      </c>
      <c r="KH42" s="392">
        <v>0</v>
      </c>
      <c r="KI42" s="392">
        <v>0</v>
      </c>
      <c r="KJ42" s="392">
        <v>0</v>
      </c>
      <c r="KK42" s="392">
        <v>0</v>
      </c>
      <c r="KL42" s="396">
        <v>0</v>
      </c>
      <c r="KM42" s="401">
        <v>0</v>
      </c>
      <c r="KN42" s="389">
        <v>0</v>
      </c>
      <c r="KO42" s="390">
        <v>0</v>
      </c>
      <c r="KP42" s="391">
        <v>0</v>
      </c>
      <c r="KQ42" s="405">
        <v>0</v>
      </c>
      <c r="KR42" s="392">
        <v>0</v>
      </c>
      <c r="KS42" s="392">
        <v>0</v>
      </c>
      <c r="KT42" s="392">
        <v>0</v>
      </c>
      <c r="KU42" s="392">
        <v>0</v>
      </c>
      <c r="KV42" s="392">
        <v>0</v>
      </c>
      <c r="KW42" s="396">
        <v>0</v>
      </c>
      <c r="KX42" s="394">
        <v>0</v>
      </c>
      <c r="KY42" s="395">
        <v>0</v>
      </c>
      <c r="KZ42" s="392">
        <v>0</v>
      </c>
      <c r="LA42" s="396">
        <v>0</v>
      </c>
      <c r="LB42" s="405">
        <v>0</v>
      </c>
      <c r="LC42" s="392">
        <v>0</v>
      </c>
      <c r="LD42" s="392">
        <v>0</v>
      </c>
      <c r="LE42" s="392">
        <v>0</v>
      </c>
      <c r="LF42" s="392">
        <v>0</v>
      </c>
      <c r="LG42" s="392">
        <v>0</v>
      </c>
      <c r="LH42" s="396">
        <v>0</v>
      </c>
      <c r="LI42" s="397">
        <v>0</v>
      </c>
      <c r="LJ42" s="395">
        <v>0</v>
      </c>
      <c r="LK42" s="392">
        <v>0</v>
      </c>
      <c r="LL42" s="396">
        <v>0</v>
      </c>
      <c r="LM42" s="405">
        <v>0</v>
      </c>
      <c r="LN42" s="392">
        <v>0</v>
      </c>
      <c r="LO42" s="392">
        <v>0</v>
      </c>
      <c r="LP42" s="392">
        <v>0</v>
      </c>
      <c r="LQ42" s="392">
        <v>0</v>
      </c>
      <c r="LR42" s="392">
        <v>0</v>
      </c>
      <c r="LS42" s="396">
        <v>0</v>
      </c>
      <c r="LT42" s="394">
        <v>0</v>
      </c>
      <c r="LU42" s="395">
        <v>0</v>
      </c>
      <c r="LV42" s="392">
        <v>0</v>
      </c>
      <c r="LW42" s="396">
        <v>0</v>
      </c>
      <c r="LX42" s="405">
        <v>0</v>
      </c>
      <c r="LY42" s="392">
        <v>0</v>
      </c>
      <c r="LZ42" s="392">
        <v>0</v>
      </c>
      <c r="MA42" s="392">
        <v>0</v>
      </c>
      <c r="MB42" s="392">
        <v>0</v>
      </c>
      <c r="MC42" s="392">
        <v>0</v>
      </c>
      <c r="MD42" s="396">
        <v>0</v>
      </c>
      <c r="ME42" s="397">
        <v>0</v>
      </c>
      <c r="MF42" s="395">
        <v>0</v>
      </c>
      <c r="MG42" s="392">
        <v>0</v>
      </c>
      <c r="MH42" s="396">
        <v>0</v>
      </c>
      <c r="MI42" s="405">
        <v>0</v>
      </c>
      <c r="MJ42" s="392">
        <v>0</v>
      </c>
      <c r="MK42" s="392">
        <v>0</v>
      </c>
      <c r="ML42" s="392">
        <v>241905</v>
      </c>
      <c r="MM42" s="392">
        <v>0</v>
      </c>
      <c r="MN42" s="392">
        <v>0</v>
      </c>
      <c r="MO42" s="396">
        <v>241905</v>
      </c>
      <c r="MP42" s="401">
        <v>241905</v>
      </c>
      <c r="MQ42" s="395">
        <v>0</v>
      </c>
      <c r="MR42" s="392">
        <v>0</v>
      </c>
      <c r="MS42" s="396">
        <v>0</v>
      </c>
      <c r="MT42" s="405">
        <v>0</v>
      </c>
      <c r="MU42" s="392">
        <v>0</v>
      </c>
      <c r="MV42" s="392">
        <v>0</v>
      </c>
      <c r="MW42" s="392">
        <v>241905</v>
      </c>
      <c r="MX42" s="392">
        <v>0</v>
      </c>
      <c r="MY42" s="392">
        <v>0</v>
      </c>
      <c r="MZ42" s="396">
        <v>241905</v>
      </c>
      <c r="NA42" s="401">
        <v>241905</v>
      </c>
      <c r="NB42" s="395">
        <v>0</v>
      </c>
      <c r="NC42" s="392">
        <v>0</v>
      </c>
      <c r="ND42" s="396">
        <v>0</v>
      </c>
      <c r="NE42" s="405">
        <v>0</v>
      </c>
      <c r="NF42" s="392">
        <v>0</v>
      </c>
      <c r="NG42" s="392">
        <v>0</v>
      </c>
      <c r="NH42" s="392">
        <v>0</v>
      </c>
      <c r="NI42" s="392">
        <v>0</v>
      </c>
      <c r="NJ42" s="392">
        <v>0</v>
      </c>
      <c r="NK42" s="396">
        <v>0</v>
      </c>
      <c r="NL42" s="394">
        <v>0</v>
      </c>
      <c r="NM42" s="395">
        <v>0</v>
      </c>
      <c r="NN42" s="392">
        <v>0</v>
      </c>
      <c r="NO42" s="396">
        <v>0</v>
      </c>
      <c r="NP42" s="405">
        <v>0</v>
      </c>
      <c r="NQ42" s="392">
        <v>0</v>
      </c>
      <c r="NR42" s="392">
        <v>0</v>
      </c>
      <c r="NS42" s="392">
        <v>0</v>
      </c>
      <c r="NT42" s="392">
        <v>0</v>
      </c>
      <c r="NU42" s="392">
        <v>0</v>
      </c>
      <c r="NV42" s="396">
        <v>0</v>
      </c>
      <c r="NW42" s="397">
        <v>0</v>
      </c>
      <c r="NX42" s="395">
        <v>0</v>
      </c>
      <c r="NY42" s="392">
        <v>0</v>
      </c>
      <c r="NZ42" s="396">
        <v>0</v>
      </c>
      <c r="OA42" s="405">
        <v>0</v>
      </c>
      <c r="OB42" s="392">
        <v>0</v>
      </c>
      <c r="OC42" s="392">
        <v>0</v>
      </c>
      <c r="OD42" s="392">
        <v>0</v>
      </c>
      <c r="OE42" s="392">
        <v>0</v>
      </c>
      <c r="OF42" s="392">
        <v>0</v>
      </c>
      <c r="OG42" s="396">
        <v>0</v>
      </c>
      <c r="OH42" s="397">
        <v>0</v>
      </c>
      <c r="OI42" s="395">
        <v>0</v>
      </c>
      <c r="OJ42" s="392">
        <v>0</v>
      </c>
      <c r="OK42" s="393">
        <v>0</v>
      </c>
      <c r="OL42" s="398">
        <v>0</v>
      </c>
      <c r="OM42" s="392">
        <v>19333</v>
      </c>
      <c r="ON42" s="392">
        <v>105179</v>
      </c>
      <c r="OO42" s="392">
        <v>241905</v>
      </c>
      <c r="OP42" s="392">
        <v>191732</v>
      </c>
      <c r="OQ42" s="392">
        <v>0</v>
      </c>
      <c r="OR42" s="396">
        <v>558149</v>
      </c>
      <c r="OS42" s="401">
        <v>558149</v>
      </c>
    </row>
    <row r="43" spans="2:409" x14ac:dyDescent="0.2">
      <c r="B43" s="71" t="s">
        <v>84</v>
      </c>
    </row>
  </sheetData>
  <mergeCells count="158">
    <mergeCell ref="OH7:OH8"/>
    <mergeCell ref="OI7:OK7"/>
    <mergeCell ref="OL7:OR7"/>
    <mergeCell ref="OS7:OS8"/>
    <mergeCell ref="NL7:NL8"/>
    <mergeCell ref="NM7:NO7"/>
    <mergeCell ref="NP7:NV7"/>
    <mergeCell ref="NW7:NW8"/>
    <mergeCell ref="NX7:NZ7"/>
    <mergeCell ref="NA7:NA8"/>
    <mergeCell ref="NB7:ND7"/>
    <mergeCell ref="NE7:NK7"/>
    <mergeCell ref="LX7:MD7"/>
    <mergeCell ref="ME7:ME8"/>
    <mergeCell ref="MF7:MH7"/>
    <mergeCell ref="MI7:MO7"/>
    <mergeCell ref="MP7:MP8"/>
    <mergeCell ref="OA7:OG7"/>
    <mergeCell ref="LT7:LT8"/>
    <mergeCell ref="LU7:LW7"/>
    <mergeCell ref="KN7:KP7"/>
    <mergeCell ref="KQ7:KW7"/>
    <mergeCell ref="KX7:KX8"/>
    <mergeCell ref="KY7:LA7"/>
    <mergeCell ref="LB7:LH7"/>
    <mergeCell ref="MQ7:MS7"/>
    <mergeCell ref="MT7:MZ7"/>
    <mergeCell ref="JU7:KA7"/>
    <mergeCell ref="KB7:KB8"/>
    <mergeCell ref="KC7:KE7"/>
    <mergeCell ref="KF7:KL7"/>
    <mergeCell ref="KM7:KM8"/>
    <mergeCell ref="NB5:NL6"/>
    <mergeCell ref="NM5:NW6"/>
    <mergeCell ref="NX5:OH6"/>
    <mergeCell ref="HZ7:IB7"/>
    <mergeCell ref="IC7:II7"/>
    <mergeCell ref="IJ7:IJ8"/>
    <mergeCell ref="IK7:IM7"/>
    <mergeCell ref="IN7:IT7"/>
    <mergeCell ref="IU7:IU8"/>
    <mergeCell ref="IV7:IX7"/>
    <mergeCell ref="IY7:JE7"/>
    <mergeCell ref="JF7:JF8"/>
    <mergeCell ref="JG7:JI7"/>
    <mergeCell ref="JJ7:JP7"/>
    <mergeCell ref="JQ7:JQ8"/>
    <mergeCell ref="JR7:JT7"/>
    <mergeCell ref="LI7:LI8"/>
    <mergeCell ref="LJ7:LL7"/>
    <mergeCell ref="LM7:LS7"/>
    <mergeCell ref="ID1:IE1"/>
    <mergeCell ref="HZ4:ME4"/>
    <mergeCell ref="MF4:OH4"/>
    <mergeCell ref="OI4:OS6"/>
    <mergeCell ref="HZ5:IJ6"/>
    <mergeCell ref="IK5:IU6"/>
    <mergeCell ref="IV5:JF6"/>
    <mergeCell ref="JG5:JQ6"/>
    <mergeCell ref="JR5:KB6"/>
    <mergeCell ref="KC5:KM6"/>
    <mergeCell ref="KN5:KX6"/>
    <mergeCell ref="KY5:LI6"/>
    <mergeCell ref="LJ5:LT6"/>
    <mergeCell ref="LU5:ME6"/>
    <mergeCell ref="MF5:MP6"/>
    <mergeCell ref="MQ5:NA6"/>
    <mergeCell ref="DI5:FK5"/>
    <mergeCell ref="B4:B8"/>
    <mergeCell ref="C4:M6"/>
    <mergeCell ref="N4:HY4"/>
    <mergeCell ref="N5:CA5"/>
    <mergeCell ref="CB5:DH5"/>
    <mergeCell ref="FL5:HC5"/>
    <mergeCell ref="HD5:HN6"/>
    <mergeCell ref="HO5:HY6"/>
    <mergeCell ref="EE6:EO6"/>
    <mergeCell ref="N6:X6"/>
    <mergeCell ref="Y6:AI6"/>
    <mergeCell ref="AJ6:AT6"/>
    <mergeCell ref="AU6:BE6"/>
    <mergeCell ref="BF6:BP6"/>
    <mergeCell ref="BQ6:CA6"/>
    <mergeCell ref="CB6:CL6"/>
    <mergeCell ref="CM6:CW6"/>
    <mergeCell ref="CX6:DH6"/>
    <mergeCell ref="DI6:DS6"/>
    <mergeCell ref="DT6:ED6"/>
    <mergeCell ref="C7:E7"/>
    <mergeCell ref="F7:L7"/>
    <mergeCell ref="M7:M8"/>
    <mergeCell ref="N7:P7"/>
    <mergeCell ref="Q7:W7"/>
    <mergeCell ref="BI7:BO7"/>
    <mergeCell ref="X7:X8"/>
    <mergeCell ref="Y7:AA7"/>
    <mergeCell ref="AB7:AH7"/>
    <mergeCell ref="AI7:AI8"/>
    <mergeCell ref="AJ7:AL7"/>
    <mergeCell ref="AM7:AS7"/>
    <mergeCell ref="AT7:AT8"/>
    <mergeCell ref="AU7:AW7"/>
    <mergeCell ref="AX7:BD7"/>
    <mergeCell ref="EP7:ER7"/>
    <mergeCell ref="BE7:BE8"/>
    <mergeCell ref="BF7:BH7"/>
    <mergeCell ref="DA7:DG7"/>
    <mergeCell ref="BP7:BP8"/>
    <mergeCell ref="BQ7:BS7"/>
    <mergeCell ref="BT7:BZ7"/>
    <mergeCell ref="CA7:CA8"/>
    <mergeCell ref="CB7:CD7"/>
    <mergeCell ref="CE7:CK7"/>
    <mergeCell ref="CL7:CL8"/>
    <mergeCell ref="CM7:CO7"/>
    <mergeCell ref="CP7:CV7"/>
    <mergeCell ref="CW7:CW8"/>
    <mergeCell ref="CX7:CZ7"/>
    <mergeCell ref="DW7:EC7"/>
    <mergeCell ref="ED7:ED8"/>
    <mergeCell ref="EE7:EG7"/>
    <mergeCell ref="DH7:DH8"/>
    <mergeCell ref="DI7:DK7"/>
    <mergeCell ref="DL7:DR7"/>
    <mergeCell ref="DS7:DS8"/>
    <mergeCell ref="GH6:GR6"/>
    <mergeCell ref="GR7:GR8"/>
    <mergeCell ref="GS7:GU7"/>
    <mergeCell ref="ES7:EY7"/>
    <mergeCell ref="FA7:FC7"/>
    <mergeCell ref="FD7:FJ7"/>
    <mergeCell ref="FK7:FK8"/>
    <mergeCell ref="GS6:HC6"/>
    <mergeCell ref="FA6:FK6"/>
    <mergeCell ref="G1:H1"/>
    <mergeCell ref="HY7:HY8"/>
    <mergeCell ref="HC7:HC8"/>
    <mergeCell ref="HD7:HF7"/>
    <mergeCell ref="HG7:HM7"/>
    <mergeCell ref="HN7:HN8"/>
    <mergeCell ref="HO7:HQ7"/>
    <mergeCell ref="HR7:HX7"/>
    <mergeCell ref="GV7:HB7"/>
    <mergeCell ref="EZ7:EZ8"/>
    <mergeCell ref="FL7:FN7"/>
    <mergeCell ref="FO7:FU7"/>
    <mergeCell ref="FV7:FV8"/>
    <mergeCell ref="FW7:FY7"/>
    <mergeCell ref="FZ7:GF7"/>
    <mergeCell ref="GG7:GG8"/>
    <mergeCell ref="EH7:EN7"/>
    <mergeCell ref="EO7:EO8"/>
    <mergeCell ref="DT7:DV7"/>
    <mergeCell ref="GH7:GJ7"/>
    <mergeCell ref="GK7:GQ7"/>
    <mergeCell ref="EP6:EZ6"/>
    <mergeCell ref="FL6:FV6"/>
    <mergeCell ref="FW6:GG6"/>
  </mergeCells>
  <phoneticPr fontId="4"/>
  <pageMargins left="0.78740157480314965" right="0.78740157480314965" top="0.39370078740157483" bottom="0.43307086614173229" header="0.19685039370078741" footer="0.19685039370078741"/>
  <pageSetup paperSize="9" scale="55" orientation="landscape" r:id="rId1"/>
  <headerFooter alignWithMargins="0">
    <oddFooter>&amp;L&amp;20&amp;A&amp;C&amp;P/&amp;N</oddFooter>
  </headerFooter>
  <colBreaks count="9" manualBreakCount="9">
    <brk id="24" max="1048575" man="1"/>
    <brk id="46" max="1048575" man="1"/>
    <brk id="68" max="1048575" man="1"/>
    <brk id="90" max="1048575" man="1"/>
    <brk id="112" max="1048575" man="1"/>
    <brk id="134" max="1048575" man="1"/>
    <brk id="167" max="1048575" man="1"/>
    <brk id="189" max="1048575" man="1"/>
    <brk id="211" max="1048575" man="1"/>
  </col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OS43"/>
  <sheetViews>
    <sheetView zoomScaleNormal="100" workbookViewId="0">
      <pane xSplit="2" ySplit="9" topLeftCell="C10" activePane="bottomRight" state="frozen"/>
      <selection activeCell="F37" sqref="F37"/>
      <selection pane="topRight" activeCell="F37" sqref="F37"/>
      <selection pane="bottomLeft" activeCell="F37" sqref="F37"/>
      <selection pane="bottomRight" activeCell="C9" sqref="C9"/>
    </sheetView>
  </sheetViews>
  <sheetFormatPr defaultColWidth="8.21875" defaultRowHeight="13.2" x14ac:dyDescent="0.2"/>
  <cols>
    <col min="1" max="1" width="3.77734375" style="71" customWidth="1"/>
    <col min="2" max="2" width="9.77734375" style="71" customWidth="1"/>
    <col min="3" max="3" width="8.21875" style="71" customWidth="1"/>
    <col min="4" max="5" width="10" style="71" customWidth="1"/>
    <col min="6" max="6" width="7.77734375" style="71" customWidth="1"/>
    <col min="7" max="8" width="10" style="71" customWidth="1"/>
    <col min="9" max="9" width="9.88671875" style="71" customWidth="1"/>
    <col min="10" max="10" width="9.77734375" style="71" customWidth="1"/>
    <col min="11" max="11" width="9.88671875" style="71" customWidth="1"/>
    <col min="12" max="12" width="10.88671875" style="71" customWidth="1"/>
    <col min="13" max="13" width="11.109375" style="71" customWidth="1"/>
    <col min="14" max="16" width="8.21875" style="71" customWidth="1"/>
    <col min="17" max="17" width="7.21875" style="71" customWidth="1"/>
    <col min="18" max="18" width="8.21875" style="71" customWidth="1"/>
    <col min="19" max="19" width="10.109375" style="71" customWidth="1"/>
    <col min="20" max="20" width="9.109375" style="71" customWidth="1"/>
    <col min="21" max="21" width="9.77734375" style="71" customWidth="1"/>
    <col min="22" max="22" width="10.33203125" style="71" customWidth="1"/>
    <col min="23" max="23" width="10.44140625" style="71" customWidth="1"/>
    <col min="24" max="24" width="11" style="71" customWidth="1"/>
    <col min="25" max="27" width="8.21875" style="71" customWidth="1"/>
    <col min="28" max="28" width="7" style="71" customWidth="1"/>
    <col min="29" max="33" width="8.21875" style="71" customWidth="1"/>
    <col min="34" max="34" width="10.6640625" style="71" customWidth="1"/>
    <col min="35" max="35" width="10" style="71" customWidth="1"/>
    <col min="36" max="38" width="8.21875" style="71" customWidth="1"/>
    <col min="39" max="39" width="7" style="71" customWidth="1"/>
    <col min="40" max="49" width="8.21875" style="71" customWidth="1"/>
    <col min="50" max="50" width="7.21875" style="71" customWidth="1"/>
    <col min="51" max="55" width="8.21875" style="71" customWidth="1"/>
    <col min="56" max="57" width="9.33203125" style="71" customWidth="1"/>
    <col min="58" max="60" width="8.21875" style="71" customWidth="1"/>
    <col min="61" max="61" width="6.88671875" style="71" customWidth="1"/>
    <col min="62" max="71" width="8.21875" style="71" customWidth="1"/>
    <col min="72" max="72" width="7.21875" style="71" customWidth="1"/>
    <col min="73" max="79" width="8.21875" style="71" customWidth="1"/>
    <col min="80" max="82" width="8.21875" style="247" customWidth="1"/>
    <col min="83" max="83" width="7.6640625" style="247" customWidth="1"/>
    <col min="84" max="84" width="9.88671875" style="247" customWidth="1"/>
    <col min="85" max="85" width="10" style="247" customWidth="1"/>
    <col min="86" max="86" width="9.77734375" style="247" customWidth="1"/>
    <col min="87" max="87" width="9.21875" style="247" customWidth="1"/>
    <col min="88" max="88" width="8.77734375" style="247" customWidth="1"/>
    <col min="89" max="89" width="9.88671875" style="247" customWidth="1"/>
    <col min="90" max="90" width="9.77734375" style="247" customWidth="1"/>
    <col min="91" max="93" width="8.21875" style="71" customWidth="1"/>
    <col min="94" max="94" width="7.33203125" style="71" customWidth="1"/>
    <col min="95" max="95" width="9.88671875" style="71" bestFit="1" customWidth="1"/>
    <col min="96" max="96" width="10" style="71" customWidth="1"/>
    <col min="97" max="97" width="9.6640625" style="71" customWidth="1"/>
    <col min="98" max="99" width="8.21875" style="71" customWidth="1"/>
    <col min="100" max="101" width="9.88671875" style="71" customWidth="1"/>
    <col min="102" max="104" width="8.21875" style="71" customWidth="1"/>
    <col min="105" max="105" width="7.44140625" style="71" customWidth="1"/>
    <col min="106" max="110" width="8.21875" style="71" customWidth="1"/>
    <col min="111" max="111" width="10" style="71" customWidth="1"/>
    <col min="112" max="112" width="9.88671875" style="71" customWidth="1"/>
    <col min="113" max="115" width="8.21875" style="247" customWidth="1"/>
    <col min="116" max="116" width="7.21875" style="247" customWidth="1"/>
    <col min="117" max="121" width="8.21875" style="247" customWidth="1"/>
    <col min="122" max="122" width="10.109375" style="247" customWidth="1"/>
    <col min="123" max="123" width="9.77734375" style="247" customWidth="1"/>
    <col min="124" max="126" width="8.21875" style="71" customWidth="1"/>
    <col min="127" max="127" width="7.33203125" style="71" customWidth="1"/>
    <col min="128" max="132" width="8.21875" style="71" customWidth="1"/>
    <col min="133" max="133" width="10.33203125" style="71" customWidth="1"/>
    <col min="134" max="134" width="10.109375" style="71" customWidth="1"/>
    <col min="135" max="137" width="8.21875" style="71" customWidth="1"/>
    <col min="138" max="138" width="7.109375" style="71" customWidth="1"/>
    <col min="139" max="148" width="8.21875" style="71" customWidth="1"/>
    <col min="149" max="149" width="7.21875" style="71" customWidth="1"/>
    <col min="150" max="159" width="8.21875" style="71" customWidth="1"/>
    <col min="160" max="160" width="7.21875" style="71" customWidth="1"/>
    <col min="161" max="167" width="8.21875" style="71" customWidth="1"/>
    <col min="168" max="170" width="8.21875" style="247" customWidth="1"/>
    <col min="171" max="171" width="6.6640625" style="247" customWidth="1"/>
    <col min="172" max="176" width="8.21875" style="247" customWidth="1"/>
    <col min="177" max="177" width="10.109375" style="247" customWidth="1"/>
    <col min="178" max="178" width="9.88671875" style="247" customWidth="1"/>
    <col min="179" max="181" width="8.21875" style="71" customWidth="1"/>
    <col min="182" max="182" width="7.33203125" style="71" customWidth="1"/>
    <col min="183" max="187" width="8.21875" style="71" customWidth="1"/>
    <col min="188" max="188" width="10" style="71" customWidth="1"/>
    <col min="189" max="189" width="10.6640625" style="71" customWidth="1"/>
    <col min="190" max="192" width="8.21875" style="71" customWidth="1"/>
    <col min="193" max="193" width="7.21875" style="71" customWidth="1"/>
    <col min="194" max="203" width="8.21875" style="71" customWidth="1"/>
    <col min="204" max="204" width="7.109375" style="71" customWidth="1"/>
    <col min="205" max="214" width="8.21875" style="71" customWidth="1"/>
    <col min="215" max="215" width="7.109375" style="71" customWidth="1"/>
    <col min="216" max="220" width="8.21875" style="71" customWidth="1"/>
    <col min="221" max="222" width="9.77734375" style="71" customWidth="1"/>
    <col min="223" max="225" width="8.21875" style="71" customWidth="1"/>
    <col min="226" max="226" width="7.21875" style="71" customWidth="1"/>
    <col min="227" max="231" width="8.21875" style="71" customWidth="1"/>
    <col min="232" max="233" width="10" style="71" customWidth="1"/>
    <col min="234" max="235" width="7.44140625" style="247" customWidth="1"/>
    <col min="236" max="236" width="9.33203125" style="247" customWidth="1"/>
    <col min="237" max="237" width="7.44140625" style="247" customWidth="1"/>
    <col min="238" max="244" width="10.109375" style="247" customWidth="1"/>
    <col min="245" max="247" width="10.109375" style="71" customWidth="1"/>
    <col min="248" max="248" width="7.109375" style="71" customWidth="1"/>
    <col min="249" max="258" width="10.109375" style="71" customWidth="1"/>
    <col min="259" max="259" width="7.33203125" style="71" customWidth="1"/>
    <col min="260" max="269" width="10.109375" style="71" customWidth="1"/>
    <col min="270" max="270" width="7.21875" style="71" customWidth="1"/>
    <col min="271" max="280" width="10.109375" style="71" customWidth="1"/>
    <col min="281" max="281" width="7.6640625" style="71" customWidth="1"/>
    <col min="282" max="291" width="10.109375" style="71" customWidth="1"/>
    <col min="292" max="292" width="6.33203125" style="71" customWidth="1"/>
    <col min="293" max="302" width="10.109375" style="71" customWidth="1"/>
    <col min="303" max="303" width="7.44140625" style="71" customWidth="1"/>
    <col min="304" max="310" width="10.109375" style="71" customWidth="1"/>
    <col min="311" max="313" width="10.109375" style="247" customWidth="1"/>
    <col min="314" max="314" width="7.109375" style="247" customWidth="1"/>
    <col min="315" max="324" width="10.109375" style="247" customWidth="1"/>
    <col min="325" max="325" width="7.44140625" style="247" customWidth="1"/>
    <col min="326" max="335" width="10.109375" style="247" customWidth="1"/>
    <col min="336" max="336" width="6.88671875" style="247" customWidth="1"/>
    <col min="337" max="343" width="10.109375" style="247" customWidth="1"/>
    <col min="344" max="346" width="10.109375" style="71" customWidth="1"/>
    <col min="347" max="347" width="7.21875" style="71" customWidth="1"/>
    <col min="348" max="357" width="10.109375" style="71" customWidth="1"/>
    <col min="358" max="358" width="7.21875" style="71" customWidth="1"/>
    <col min="359" max="368" width="10.109375" style="71" customWidth="1"/>
    <col min="369" max="369" width="7" style="71" customWidth="1"/>
    <col min="370" max="379" width="10.109375" style="71" customWidth="1"/>
    <col min="380" max="380" width="6.88671875" style="71" customWidth="1"/>
    <col min="381" max="385" width="10.109375" style="71" customWidth="1"/>
    <col min="386" max="387" width="10.33203125" style="71" customWidth="1"/>
    <col min="388" max="390" width="10.109375" style="71" customWidth="1"/>
    <col min="391" max="391" width="6.88671875" style="71" customWidth="1"/>
    <col min="392" max="396" width="10.109375" style="71" customWidth="1"/>
    <col min="397" max="398" width="10.33203125" style="71" customWidth="1"/>
    <col min="399" max="401" width="9.21875" style="71" customWidth="1"/>
    <col min="402" max="402" width="7" style="71" customWidth="1"/>
    <col min="403" max="404" width="9.21875" style="71" customWidth="1"/>
    <col min="405" max="405" width="10.44140625" style="71" customWidth="1"/>
    <col min="406" max="406" width="12.109375" style="71" customWidth="1"/>
    <col min="407" max="407" width="10.109375" style="71" customWidth="1"/>
    <col min="408" max="409" width="10.33203125" style="71" customWidth="1"/>
    <col min="410" max="16384" width="8.21875" style="71"/>
  </cols>
  <sheetData>
    <row r="1" spans="2:409" ht="24" customHeight="1" x14ac:dyDescent="0.2">
      <c r="B1" s="10" t="s">
        <v>132</v>
      </c>
      <c r="E1" s="63">
        <f>第１表!F2</f>
        <v>7</v>
      </c>
      <c r="F1" s="16">
        <f>第１表!G2</f>
        <v>3</v>
      </c>
      <c r="G1" s="531">
        <f>IF(F1&lt;3,F1-2+12,F1-2)</f>
        <v>1</v>
      </c>
      <c r="H1" s="531"/>
      <c r="IB1" s="42"/>
      <c r="IC1" s="22"/>
      <c r="ID1" s="542"/>
      <c r="IE1" s="542"/>
    </row>
    <row r="2" spans="2:409" ht="24" customHeight="1" x14ac:dyDescent="0.2">
      <c r="B2" s="10" t="s">
        <v>143</v>
      </c>
      <c r="E2" s="19"/>
      <c r="F2" s="20"/>
      <c r="G2" s="248"/>
      <c r="H2" s="248"/>
      <c r="IB2" s="21"/>
      <c r="IC2" s="22"/>
      <c r="ID2" s="248"/>
      <c r="IE2" s="248"/>
    </row>
    <row r="3" spans="2:409" ht="24" customHeight="1" thickBot="1" x14ac:dyDescent="0.25">
      <c r="B3" s="10" t="s">
        <v>152</v>
      </c>
    </row>
    <row r="4" spans="2:409" ht="21" customHeight="1" thickBot="1" x14ac:dyDescent="0.25">
      <c r="B4" s="547" t="s">
        <v>42</v>
      </c>
      <c r="C4" s="550" t="s">
        <v>63</v>
      </c>
      <c r="D4" s="550"/>
      <c r="E4" s="550"/>
      <c r="F4" s="550"/>
      <c r="G4" s="550"/>
      <c r="H4" s="550"/>
      <c r="I4" s="550"/>
      <c r="J4" s="550"/>
      <c r="K4" s="550"/>
      <c r="L4" s="550"/>
      <c r="M4" s="550"/>
      <c r="N4" s="508"/>
      <c r="O4" s="508"/>
      <c r="P4" s="508"/>
      <c r="Q4" s="508"/>
      <c r="R4" s="508"/>
      <c r="S4" s="508"/>
      <c r="T4" s="508"/>
      <c r="U4" s="508"/>
      <c r="V4" s="508"/>
      <c r="W4" s="508"/>
      <c r="X4" s="508"/>
      <c r="Y4" s="508"/>
      <c r="Z4" s="508"/>
      <c r="AA4" s="508"/>
      <c r="AB4" s="508"/>
      <c r="AC4" s="508"/>
      <c r="AD4" s="508"/>
      <c r="AE4" s="508"/>
      <c r="AF4" s="508"/>
      <c r="AG4" s="508"/>
      <c r="AH4" s="508"/>
      <c r="AI4" s="508"/>
      <c r="AJ4" s="508"/>
      <c r="AK4" s="508"/>
      <c r="AL4" s="508"/>
      <c r="AM4" s="508"/>
      <c r="AN4" s="508"/>
      <c r="AO4" s="508"/>
      <c r="AP4" s="508"/>
      <c r="AQ4" s="508"/>
      <c r="AR4" s="508"/>
      <c r="AS4" s="508"/>
      <c r="AT4" s="508"/>
      <c r="AU4" s="508"/>
      <c r="AV4" s="508"/>
      <c r="AW4" s="508"/>
      <c r="AX4" s="508"/>
      <c r="AY4" s="508"/>
      <c r="AZ4" s="508"/>
      <c r="BA4" s="508"/>
      <c r="BB4" s="508"/>
      <c r="BC4" s="508"/>
      <c r="BD4" s="508"/>
      <c r="BE4" s="508"/>
      <c r="BF4" s="508"/>
      <c r="BG4" s="508"/>
      <c r="BH4" s="508"/>
      <c r="BI4" s="508"/>
      <c r="BJ4" s="508"/>
      <c r="BK4" s="508"/>
      <c r="BL4" s="508"/>
      <c r="BM4" s="508"/>
      <c r="BN4" s="508"/>
      <c r="BO4" s="508"/>
      <c r="BP4" s="508"/>
      <c r="BQ4" s="508"/>
      <c r="BR4" s="508"/>
      <c r="BS4" s="508"/>
      <c r="BT4" s="508"/>
      <c r="BU4" s="508"/>
      <c r="BV4" s="508"/>
      <c r="BW4" s="508"/>
      <c r="BX4" s="508"/>
      <c r="BY4" s="508"/>
      <c r="BZ4" s="508"/>
      <c r="CA4" s="508"/>
      <c r="CB4" s="508"/>
      <c r="CC4" s="508"/>
      <c r="CD4" s="508"/>
      <c r="CE4" s="508"/>
      <c r="CF4" s="508"/>
      <c r="CG4" s="508"/>
      <c r="CH4" s="508"/>
      <c r="CI4" s="508"/>
      <c r="CJ4" s="508"/>
      <c r="CK4" s="508"/>
      <c r="CL4" s="508"/>
      <c r="CM4" s="508"/>
      <c r="CN4" s="508"/>
      <c r="CO4" s="508"/>
      <c r="CP4" s="508"/>
      <c r="CQ4" s="508"/>
      <c r="CR4" s="508"/>
      <c r="CS4" s="508"/>
      <c r="CT4" s="508"/>
      <c r="CU4" s="508"/>
      <c r="CV4" s="508"/>
      <c r="CW4" s="508"/>
      <c r="CX4" s="508"/>
      <c r="CY4" s="508"/>
      <c r="CZ4" s="508"/>
      <c r="DA4" s="508"/>
      <c r="DB4" s="508"/>
      <c r="DC4" s="508"/>
      <c r="DD4" s="508"/>
      <c r="DE4" s="508"/>
      <c r="DF4" s="508"/>
      <c r="DG4" s="508"/>
      <c r="DH4" s="508"/>
      <c r="DI4" s="508"/>
      <c r="DJ4" s="508"/>
      <c r="DK4" s="508"/>
      <c r="DL4" s="508"/>
      <c r="DM4" s="508"/>
      <c r="DN4" s="508"/>
      <c r="DO4" s="508"/>
      <c r="DP4" s="508"/>
      <c r="DQ4" s="508"/>
      <c r="DR4" s="508"/>
      <c r="DS4" s="508"/>
      <c r="DT4" s="508"/>
      <c r="DU4" s="508"/>
      <c r="DV4" s="508"/>
      <c r="DW4" s="508"/>
      <c r="DX4" s="508"/>
      <c r="DY4" s="508"/>
      <c r="DZ4" s="508"/>
      <c r="EA4" s="508"/>
      <c r="EB4" s="508"/>
      <c r="EC4" s="508"/>
      <c r="ED4" s="508"/>
      <c r="EE4" s="508"/>
      <c r="EF4" s="508"/>
      <c r="EG4" s="508"/>
      <c r="EH4" s="508"/>
      <c r="EI4" s="508"/>
      <c r="EJ4" s="508"/>
      <c r="EK4" s="508"/>
      <c r="EL4" s="508"/>
      <c r="EM4" s="508"/>
      <c r="EN4" s="508"/>
      <c r="EO4" s="508"/>
      <c r="EP4" s="508"/>
      <c r="EQ4" s="508"/>
      <c r="ER4" s="508"/>
      <c r="ES4" s="508"/>
      <c r="ET4" s="508"/>
      <c r="EU4" s="508"/>
      <c r="EV4" s="508"/>
      <c r="EW4" s="508"/>
      <c r="EX4" s="508"/>
      <c r="EY4" s="508"/>
      <c r="EZ4" s="508"/>
      <c r="FA4" s="508"/>
      <c r="FB4" s="508"/>
      <c r="FC4" s="508"/>
      <c r="FD4" s="508"/>
      <c r="FE4" s="508"/>
      <c r="FF4" s="508"/>
      <c r="FG4" s="508"/>
      <c r="FH4" s="508"/>
      <c r="FI4" s="508"/>
      <c r="FJ4" s="508"/>
      <c r="FK4" s="508"/>
      <c r="FL4" s="508"/>
      <c r="FM4" s="508"/>
      <c r="FN4" s="508"/>
      <c r="FO4" s="508"/>
      <c r="FP4" s="508"/>
      <c r="FQ4" s="508"/>
      <c r="FR4" s="508"/>
      <c r="FS4" s="508"/>
      <c r="FT4" s="508"/>
      <c r="FU4" s="508"/>
      <c r="FV4" s="508"/>
      <c r="FW4" s="508"/>
      <c r="FX4" s="508"/>
      <c r="FY4" s="508"/>
      <c r="FZ4" s="508"/>
      <c r="GA4" s="508"/>
      <c r="GB4" s="508"/>
      <c r="GC4" s="508"/>
      <c r="GD4" s="508"/>
      <c r="GE4" s="508"/>
      <c r="GF4" s="508"/>
      <c r="GG4" s="508"/>
      <c r="GH4" s="508"/>
      <c r="GI4" s="508"/>
      <c r="GJ4" s="508"/>
      <c r="GK4" s="508"/>
      <c r="GL4" s="508"/>
      <c r="GM4" s="508"/>
      <c r="GN4" s="508"/>
      <c r="GO4" s="508"/>
      <c r="GP4" s="508"/>
      <c r="GQ4" s="508"/>
      <c r="GR4" s="508"/>
      <c r="GS4" s="508"/>
      <c r="GT4" s="508"/>
      <c r="GU4" s="508"/>
      <c r="GV4" s="508"/>
      <c r="GW4" s="508"/>
      <c r="GX4" s="508"/>
      <c r="GY4" s="508"/>
      <c r="GZ4" s="508"/>
      <c r="HA4" s="508"/>
      <c r="HB4" s="508"/>
      <c r="HC4" s="508"/>
      <c r="HD4" s="508"/>
      <c r="HE4" s="508"/>
      <c r="HF4" s="508"/>
      <c r="HG4" s="508"/>
      <c r="HH4" s="508"/>
      <c r="HI4" s="508"/>
      <c r="HJ4" s="508"/>
      <c r="HK4" s="508"/>
      <c r="HL4" s="508"/>
      <c r="HM4" s="508"/>
      <c r="HN4" s="508"/>
      <c r="HO4" s="508"/>
      <c r="HP4" s="508"/>
      <c r="HQ4" s="508"/>
      <c r="HR4" s="508"/>
      <c r="HS4" s="508"/>
      <c r="HT4" s="508"/>
      <c r="HU4" s="508"/>
      <c r="HV4" s="508"/>
      <c r="HW4" s="508"/>
      <c r="HX4" s="508"/>
      <c r="HY4" s="509"/>
      <c r="HZ4" s="439" t="s">
        <v>85</v>
      </c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0"/>
      <c r="JR4" s="440"/>
      <c r="JS4" s="440"/>
      <c r="JT4" s="440"/>
      <c r="JU4" s="440"/>
      <c r="JV4" s="440"/>
      <c r="JW4" s="440"/>
      <c r="JX4" s="440"/>
      <c r="JY4" s="440"/>
      <c r="JZ4" s="440"/>
      <c r="KA4" s="440"/>
      <c r="KB4" s="440"/>
      <c r="KC4" s="440"/>
      <c r="KD4" s="440"/>
      <c r="KE4" s="440"/>
      <c r="KF4" s="440"/>
      <c r="KG4" s="440"/>
      <c r="KH4" s="440"/>
      <c r="KI4" s="440"/>
      <c r="KJ4" s="440"/>
      <c r="KK4" s="440"/>
      <c r="KL4" s="440"/>
      <c r="KM4" s="440"/>
      <c r="KN4" s="440"/>
      <c r="KO4" s="440"/>
      <c r="KP4" s="440"/>
      <c r="KQ4" s="440"/>
      <c r="KR4" s="440"/>
      <c r="KS4" s="440"/>
      <c r="KT4" s="440"/>
      <c r="KU4" s="440"/>
      <c r="KV4" s="440"/>
      <c r="KW4" s="440"/>
      <c r="KX4" s="440"/>
      <c r="KY4" s="440"/>
      <c r="KZ4" s="440"/>
      <c r="LA4" s="440"/>
      <c r="LB4" s="440"/>
      <c r="LC4" s="440"/>
      <c r="LD4" s="440"/>
      <c r="LE4" s="440"/>
      <c r="LF4" s="440"/>
      <c r="LG4" s="440"/>
      <c r="LH4" s="440"/>
      <c r="LI4" s="440"/>
      <c r="LJ4" s="440"/>
      <c r="LK4" s="440"/>
      <c r="LL4" s="440"/>
      <c r="LM4" s="440"/>
      <c r="LN4" s="440"/>
      <c r="LO4" s="440"/>
      <c r="LP4" s="440"/>
      <c r="LQ4" s="440"/>
      <c r="LR4" s="440"/>
      <c r="LS4" s="440"/>
      <c r="LT4" s="440"/>
      <c r="LU4" s="440"/>
      <c r="LV4" s="440"/>
      <c r="LW4" s="440"/>
      <c r="LX4" s="440"/>
      <c r="LY4" s="440"/>
      <c r="LZ4" s="440"/>
      <c r="MA4" s="440"/>
      <c r="MB4" s="440"/>
      <c r="MC4" s="440"/>
      <c r="MD4" s="440"/>
      <c r="ME4" s="441"/>
      <c r="MF4" s="439" t="s">
        <v>86</v>
      </c>
      <c r="MG4" s="440"/>
      <c r="MH4" s="440"/>
      <c r="MI4" s="440"/>
      <c r="MJ4" s="440"/>
      <c r="MK4" s="440"/>
      <c r="ML4" s="440"/>
      <c r="MM4" s="440"/>
      <c r="MN4" s="440"/>
      <c r="MO4" s="440"/>
      <c r="MP4" s="440"/>
      <c r="MQ4" s="440"/>
      <c r="MR4" s="440"/>
      <c r="MS4" s="440"/>
      <c r="MT4" s="440"/>
      <c r="MU4" s="440"/>
      <c r="MV4" s="440"/>
      <c r="MW4" s="440"/>
      <c r="MX4" s="440"/>
      <c r="MY4" s="440"/>
      <c r="MZ4" s="440"/>
      <c r="NA4" s="440"/>
      <c r="NB4" s="440"/>
      <c r="NC4" s="440"/>
      <c r="ND4" s="440"/>
      <c r="NE4" s="440"/>
      <c r="NF4" s="440"/>
      <c r="NG4" s="440"/>
      <c r="NH4" s="440"/>
      <c r="NI4" s="440"/>
      <c r="NJ4" s="440"/>
      <c r="NK4" s="440"/>
      <c r="NL4" s="440"/>
      <c r="NM4" s="440"/>
      <c r="NN4" s="440"/>
      <c r="NO4" s="440"/>
      <c r="NP4" s="440"/>
      <c r="NQ4" s="440"/>
      <c r="NR4" s="440"/>
      <c r="NS4" s="440"/>
      <c r="NT4" s="440"/>
      <c r="NU4" s="440"/>
      <c r="NV4" s="440"/>
      <c r="NW4" s="440"/>
      <c r="NX4" s="440"/>
      <c r="NY4" s="440"/>
      <c r="NZ4" s="440"/>
      <c r="OA4" s="440"/>
      <c r="OB4" s="440"/>
      <c r="OC4" s="440"/>
      <c r="OD4" s="440"/>
      <c r="OE4" s="440"/>
      <c r="OF4" s="440"/>
      <c r="OG4" s="440"/>
      <c r="OH4" s="441"/>
      <c r="OI4" s="425" t="s">
        <v>60</v>
      </c>
      <c r="OJ4" s="426"/>
      <c r="OK4" s="426"/>
      <c r="OL4" s="426"/>
      <c r="OM4" s="426"/>
      <c r="ON4" s="426"/>
      <c r="OO4" s="426"/>
      <c r="OP4" s="426"/>
      <c r="OQ4" s="426"/>
      <c r="OR4" s="426"/>
      <c r="OS4" s="427"/>
    </row>
    <row r="5" spans="2:409" ht="21" customHeight="1" thickBot="1" x14ac:dyDescent="0.25">
      <c r="B5" s="548"/>
      <c r="C5" s="551"/>
      <c r="D5" s="551"/>
      <c r="E5" s="551"/>
      <c r="F5" s="551"/>
      <c r="G5" s="551"/>
      <c r="H5" s="551"/>
      <c r="I5" s="551"/>
      <c r="J5" s="551"/>
      <c r="K5" s="551"/>
      <c r="L5" s="551"/>
      <c r="M5" s="551"/>
      <c r="N5" s="553" t="s">
        <v>64</v>
      </c>
      <c r="O5" s="554"/>
      <c r="P5" s="554"/>
      <c r="Q5" s="554"/>
      <c r="R5" s="554"/>
      <c r="S5" s="554"/>
      <c r="T5" s="554"/>
      <c r="U5" s="554"/>
      <c r="V5" s="554"/>
      <c r="W5" s="554"/>
      <c r="X5" s="554"/>
      <c r="Y5" s="554"/>
      <c r="Z5" s="554"/>
      <c r="AA5" s="554"/>
      <c r="AB5" s="554"/>
      <c r="AC5" s="554"/>
      <c r="AD5" s="554"/>
      <c r="AE5" s="554"/>
      <c r="AF5" s="554"/>
      <c r="AG5" s="554"/>
      <c r="AH5" s="554"/>
      <c r="AI5" s="554"/>
      <c r="AJ5" s="554"/>
      <c r="AK5" s="554"/>
      <c r="AL5" s="554"/>
      <c r="AM5" s="554"/>
      <c r="AN5" s="554"/>
      <c r="AO5" s="554"/>
      <c r="AP5" s="554"/>
      <c r="AQ5" s="554"/>
      <c r="AR5" s="554"/>
      <c r="AS5" s="554"/>
      <c r="AT5" s="554"/>
      <c r="AU5" s="554"/>
      <c r="AV5" s="554"/>
      <c r="AW5" s="554"/>
      <c r="AX5" s="554"/>
      <c r="AY5" s="554"/>
      <c r="AZ5" s="554"/>
      <c r="BA5" s="554"/>
      <c r="BB5" s="554"/>
      <c r="BC5" s="554"/>
      <c r="BD5" s="554"/>
      <c r="BE5" s="554"/>
      <c r="BF5" s="554"/>
      <c r="BG5" s="554"/>
      <c r="BH5" s="554"/>
      <c r="BI5" s="554"/>
      <c r="BJ5" s="554"/>
      <c r="BK5" s="554"/>
      <c r="BL5" s="554"/>
      <c r="BM5" s="554"/>
      <c r="BN5" s="554"/>
      <c r="BO5" s="554"/>
      <c r="BP5" s="554"/>
      <c r="BQ5" s="554"/>
      <c r="BR5" s="554"/>
      <c r="BS5" s="554"/>
      <c r="BT5" s="554"/>
      <c r="BU5" s="554"/>
      <c r="BV5" s="554"/>
      <c r="BW5" s="554"/>
      <c r="BX5" s="554"/>
      <c r="BY5" s="554"/>
      <c r="BZ5" s="554"/>
      <c r="CA5" s="555"/>
      <c r="CB5" s="553" t="s">
        <v>65</v>
      </c>
      <c r="CC5" s="554"/>
      <c r="CD5" s="554"/>
      <c r="CE5" s="554"/>
      <c r="CF5" s="554"/>
      <c r="CG5" s="554"/>
      <c r="CH5" s="554"/>
      <c r="CI5" s="554"/>
      <c r="CJ5" s="554"/>
      <c r="CK5" s="554"/>
      <c r="CL5" s="554"/>
      <c r="CM5" s="554"/>
      <c r="CN5" s="554"/>
      <c r="CO5" s="554"/>
      <c r="CP5" s="554"/>
      <c r="CQ5" s="554"/>
      <c r="CR5" s="554"/>
      <c r="CS5" s="554"/>
      <c r="CT5" s="554"/>
      <c r="CU5" s="554"/>
      <c r="CV5" s="554"/>
      <c r="CW5" s="554"/>
      <c r="CX5" s="554"/>
      <c r="CY5" s="554"/>
      <c r="CZ5" s="554"/>
      <c r="DA5" s="554"/>
      <c r="DB5" s="554"/>
      <c r="DC5" s="554"/>
      <c r="DD5" s="554"/>
      <c r="DE5" s="554"/>
      <c r="DF5" s="554"/>
      <c r="DG5" s="554"/>
      <c r="DH5" s="555"/>
      <c r="DI5" s="439" t="s">
        <v>66</v>
      </c>
      <c r="DJ5" s="440"/>
      <c r="DK5" s="440"/>
      <c r="DL5" s="440"/>
      <c r="DM5" s="440"/>
      <c r="DN5" s="440"/>
      <c r="DO5" s="440"/>
      <c r="DP5" s="440"/>
      <c r="DQ5" s="440"/>
      <c r="DR5" s="440"/>
      <c r="DS5" s="440"/>
      <c r="DT5" s="440"/>
      <c r="DU5" s="440"/>
      <c r="DV5" s="440"/>
      <c r="DW5" s="440"/>
      <c r="DX5" s="440"/>
      <c r="DY5" s="440"/>
      <c r="DZ5" s="440"/>
      <c r="EA5" s="440"/>
      <c r="EB5" s="440"/>
      <c r="EC5" s="440"/>
      <c r="ED5" s="440"/>
      <c r="EE5" s="440"/>
      <c r="EF5" s="440"/>
      <c r="EG5" s="440"/>
      <c r="EH5" s="440"/>
      <c r="EI5" s="440"/>
      <c r="EJ5" s="440"/>
      <c r="EK5" s="440"/>
      <c r="EL5" s="440"/>
      <c r="EM5" s="440"/>
      <c r="EN5" s="440"/>
      <c r="EO5" s="440"/>
      <c r="EP5" s="440"/>
      <c r="EQ5" s="440"/>
      <c r="ER5" s="440"/>
      <c r="ES5" s="440"/>
      <c r="ET5" s="440"/>
      <c r="EU5" s="440"/>
      <c r="EV5" s="440"/>
      <c r="EW5" s="440"/>
      <c r="EX5" s="440"/>
      <c r="EY5" s="440"/>
      <c r="EZ5" s="440"/>
      <c r="FA5" s="440"/>
      <c r="FB5" s="440"/>
      <c r="FC5" s="440"/>
      <c r="FD5" s="440"/>
      <c r="FE5" s="440"/>
      <c r="FF5" s="440"/>
      <c r="FG5" s="440"/>
      <c r="FH5" s="440"/>
      <c r="FI5" s="440"/>
      <c r="FJ5" s="440"/>
      <c r="FK5" s="441"/>
      <c r="FL5" s="553" t="s">
        <v>67</v>
      </c>
      <c r="FM5" s="554"/>
      <c r="FN5" s="554"/>
      <c r="FO5" s="554"/>
      <c r="FP5" s="554"/>
      <c r="FQ5" s="554"/>
      <c r="FR5" s="554"/>
      <c r="FS5" s="554"/>
      <c r="FT5" s="554"/>
      <c r="FU5" s="554"/>
      <c r="FV5" s="554"/>
      <c r="FW5" s="554"/>
      <c r="FX5" s="554"/>
      <c r="FY5" s="554"/>
      <c r="FZ5" s="554"/>
      <c r="GA5" s="554"/>
      <c r="GB5" s="554"/>
      <c r="GC5" s="554"/>
      <c r="GD5" s="554"/>
      <c r="GE5" s="554"/>
      <c r="GF5" s="554"/>
      <c r="GG5" s="554"/>
      <c r="GH5" s="554"/>
      <c r="GI5" s="554"/>
      <c r="GJ5" s="554"/>
      <c r="GK5" s="554"/>
      <c r="GL5" s="554"/>
      <c r="GM5" s="554"/>
      <c r="GN5" s="554"/>
      <c r="GO5" s="554"/>
      <c r="GP5" s="554"/>
      <c r="GQ5" s="554"/>
      <c r="GR5" s="554"/>
      <c r="GS5" s="554"/>
      <c r="GT5" s="554"/>
      <c r="GU5" s="554"/>
      <c r="GV5" s="554"/>
      <c r="GW5" s="554"/>
      <c r="GX5" s="554"/>
      <c r="GY5" s="554"/>
      <c r="GZ5" s="554"/>
      <c r="HA5" s="554"/>
      <c r="HB5" s="554"/>
      <c r="HC5" s="555"/>
      <c r="HD5" s="539" t="s">
        <v>68</v>
      </c>
      <c r="HE5" s="540"/>
      <c r="HF5" s="540"/>
      <c r="HG5" s="540"/>
      <c r="HH5" s="540"/>
      <c r="HI5" s="540"/>
      <c r="HJ5" s="540"/>
      <c r="HK5" s="540"/>
      <c r="HL5" s="540"/>
      <c r="HM5" s="540"/>
      <c r="HN5" s="541"/>
      <c r="HO5" s="539" t="s">
        <v>69</v>
      </c>
      <c r="HP5" s="540"/>
      <c r="HQ5" s="540"/>
      <c r="HR5" s="540"/>
      <c r="HS5" s="540"/>
      <c r="HT5" s="540"/>
      <c r="HU5" s="540"/>
      <c r="HV5" s="540"/>
      <c r="HW5" s="540"/>
      <c r="HX5" s="540"/>
      <c r="HY5" s="541"/>
      <c r="HZ5" s="572"/>
      <c r="IA5" s="573"/>
      <c r="IB5" s="573"/>
      <c r="IC5" s="573"/>
      <c r="ID5" s="573"/>
      <c r="IE5" s="573"/>
      <c r="IF5" s="573"/>
      <c r="IG5" s="573"/>
      <c r="IH5" s="573"/>
      <c r="II5" s="573"/>
      <c r="IJ5" s="574"/>
      <c r="IK5" s="425" t="s">
        <v>94</v>
      </c>
      <c r="IL5" s="426"/>
      <c r="IM5" s="426"/>
      <c r="IN5" s="426"/>
      <c r="IO5" s="426"/>
      <c r="IP5" s="426"/>
      <c r="IQ5" s="426"/>
      <c r="IR5" s="426"/>
      <c r="IS5" s="426"/>
      <c r="IT5" s="426"/>
      <c r="IU5" s="427"/>
      <c r="IV5" s="425" t="s">
        <v>88</v>
      </c>
      <c r="IW5" s="426"/>
      <c r="IX5" s="426"/>
      <c r="IY5" s="426"/>
      <c r="IZ5" s="426"/>
      <c r="JA5" s="426"/>
      <c r="JB5" s="426"/>
      <c r="JC5" s="426"/>
      <c r="JD5" s="426"/>
      <c r="JE5" s="426"/>
      <c r="JF5" s="427"/>
      <c r="JG5" s="425" t="s">
        <v>140</v>
      </c>
      <c r="JH5" s="426"/>
      <c r="JI5" s="426"/>
      <c r="JJ5" s="426"/>
      <c r="JK5" s="426"/>
      <c r="JL5" s="426"/>
      <c r="JM5" s="426"/>
      <c r="JN5" s="426"/>
      <c r="JO5" s="426"/>
      <c r="JP5" s="426"/>
      <c r="JQ5" s="427"/>
      <c r="JR5" s="425" t="s">
        <v>90</v>
      </c>
      <c r="JS5" s="426"/>
      <c r="JT5" s="426"/>
      <c r="JU5" s="426"/>
      <c r="JV5" s="426"/>
      <c r="JW5" s="426"/>
      <c r="JX5" s="426"/>
      <c r="JY5" s="426"/>
      <c r="JZ5" s="426"/>
      <c r="KA5" s="426"/>
      <c r="KB5" s="427"/>
      <c r="KC5" s="425" t="s">
        <v>89</v>
      </c>
      <c r="KD5" s="426"/>
      <c r="KE5" s="426"/>
      <c r="KF5" s="426"/>
      <c r="KG5" s="426"/>
      <c r="KH5" s="426"/>
      <c r="KI5" s="426"/>
      <c r="KJ5" s="426"/>
      <c r="KK5" s="426"/>
      <c r="KL5" s="426"/>
      <c r="KM5" s="427"/>
      <c r="KN5" s="425" t="s">
        <v>91</v>
      </c>
      <c r="KO5" s="426"/>
      <c r="KP5" s="426"/>
      <c r="KQ5" s="426"/>
      <c r="KR5" s="426"/>
      <c r="KS5" s="426"/>
      <c r="KT5" s="426"/>
      <c r="KU5" s="426"/>
      <c r="KV5" s="426"/>
      <c r="KW5" s="426"/>
      <c r="KX5" s="427"/>
      <c r="KY5" s="425" t="s">
        <v>92</v>
      </c>
      <c r="KZ5" s="426"/>
      <c r="LA5" s="426"/>
      <c r="LB5" s="426"/>
      <c r="LC5" s="426"/>
      <c r="LD5" s="426"/>
      <c r="LE5" s="426"/>
      <c r="LF5" s="426"/>
      <c r="LG5" s="426"/>
      <c r="LH5" s="426"/>
      <c r="LI5" s="427"/>
      <c r="LJ5" s="575" t="s">
        <v>93</v>
      </c>
      <c r="LK5" s="576"/>
      <c r="LL5" s="576"/>
      <c r="LM5" s="576"/>
      <c r="LN5" s="576"/>
      <c r="LO5" s="576"/>
      <c r="LP5" s="576"/>
      <c r="LQ5" s="576"/>
      <c r="LR5" s="576"/>
      <c r="LS5" s="576"/>
      <c r="LT5" s="577"/>
      <c r="LU5" s="575" t="s">
        <v>141</v>
      </c>
      <c r="LV5" s="576"/>
      <c r="LW5" s="576"/>
      <c r="LX5" s="576"/>
      <c r="LY5" s="576"/>
      <c r="LZ5" s="576"/>
      <c r="MA5" s="576"/>
      <c r="MB5" s="576"/>
      <c r="MC5" s="576"/>
      <c r="MD5" s="576"/>
      <c r="ME5" s="577"/>
      <c r="MF5" s="572"/>
      <c r="MG5" s="573"/>
      <c r="MH5" s="573"/>
      <c r="MI5" s="573"/>
      <c r="MJ5" s="573"/>
      <c r="MK5" s="573"/>
      <c r="ML5" s="573"/>
      <c r="MM5" s="573"/>
      <c r="MN5" s="573"/>
      <c r="MO5" s="573"/>
      <c r="MP5" s="574"/>
      <c r="MQ5" s="425" t="s">
        <v>57</v>
      </c>
      <c r="MR5" s="426"/>
      <c r="MS5" s="426"/>
      <c r="MT5" s="426"/>
      <c r="MU5" s="426"/>
      <c r="MV5" s="426"/>
      <c r="MW5" s="426"/>
      <c r="MX5" s="426"/>
      <c r="MY5" s="426"/>
      <c r="MZ5" s="426"/>
      <c r="NA5" s="427"/>
      <c r="NB5" s="425" t="s">
        <v>58</v>
      </c>
      <c r="NC5" s="426"/>
      <c r="ND5" s="426"/>
      <c r="NE5" s="426"/>
      <c r="NF5" s="426"/>
      <c r="NG5" s="426"/>
      <c r="NH5" s="426"/>
      <c r="NI5" s="426"/>
      <c r="NJ5" s="426"/>
      <c r="NK5" s="426"/>
      <c r="NL5" s="427"/>
      <c r="NM5" s="425" t="s">
        <v>59</v>
      </c>
      <c r="NN5" s="426"/>
      <c r="NO5" s="426"/>
      <c r="NP5" s="426"/>
      <c r="NQ5" s="426"/>
      <c r="NR5" s="426"/>
      <c r="NS5" s="426"/>
      <c r="NT5" s="426"/>
      <c r="NU5" s="426"/>
      <c r="NV5" s="426"/>
      <c r="NW5" s="427"/>
      <c r="NX5" s="425" t="s">
        <v>147</v>
      </c>
      <c r="NY5" s="426"/>
      <c r="NZ5" s="426"/>
      <c r="OA5" s="426"/>
      <c r="OB5" s="426"/>
      <c r="OC5" s="426"/>
      <c r="OD5" s="426"/>
      <c r="OE5" s="426"/>
      <c r="OF5" s="426"/>
      <c r="OG5" s="426"/>
      <c r="OH5" s="427"/>
      <c r="OI5" s="443"/>
      <c r="OJ5" s="570"/>
      <c r="OK5" s="570"/>
      <c r="OL5" s="570"/>
      <c r="OM5" s="570"/>
      <c r="ON5" s="570"/>
      <c r="OO5" s="570"/>
      <c r="OP5" s="570"/>
      <c r="OQ5" s="570"/>
      <c r="OR5" s="570"/>
      <c r="OS5" s="571"/>
    </row>
    <row r="6" spans="2:409" ht="21" customHeight="1" thickBot="1" x14ac:dyDescent="0.25">
      <c r="B6" s="548"/>
      <c r="C6" s="552"/>
      <c r="D6" s="552"/>
      <c r="E6" s="552"/>
      <c r="F6" s="552"/>
      <c r="G6" s="552"/>
      <c r="H6" s="552"/>
      <c r="I6" s="552"/>
      <c r="J6" s="552"/>
      <c r="K6" s="552"/>
      <c r="L6" s="552"/>
      <c r="M6" s="552"/>
      <c r="N6" s="431"/>
      <c r="O6" s="432"/>
      <c r="P6" s="432"/>
      <c r="Q6" s="432"/>
      <c r="R6" s="432"/>
      <c r="S6" s="432"/>
      <c r="T6" s="432"/>
      <c r="U6" s="432"/>
      <c r="V6" s="432"/>
      <c r="W6" s="432"/>
      <c r="X6" s="433"/>
      <c r="Y6" s="434" t="s">
        <v>70</v>
      </c>
      <c r="Z6" s="435"/>
      <c r="AA6" s="435"/>
      <c r="AB6" s="435"/>
      <c r="AC6" s="435"/>
      <c r="AD6" s="435"/>
      <c r="AE6" s="435"/>
      <c r="AF6" s="435"/>
      <c r="AG6" s="435"/>
      <c r="AH6" s="435"/>
      <c r="AI6" s="436"/>
      <c r="AJ6" s="536" t="s">
        <v>71</v>
      </c>
      <c r="AK6" s="537"/>
      <c r="AL6" s="537"/>
      <c r="AM6" s="537"/>
      <c r="AN6" s="537"/>
      <c r="AO6" s="537"/>
      <c r="AP6" s="537"/>
      <c r="AQ6" s="537"/>
      <c r="AR6" s="537"/>
      <c r="AS6" s="537"/>
      <c r="AT6" s="538"/>
      <c r="AU6" s="536" t="s">
        <v>72</v>
      </c>
      <c r="AV6" s="537"/>
      <c r="AW6" s="537"/>
      <c r="AX6" s="537"/>
      <c r="AY6" s="537"/>
      <c r="AZ6" s="537"/>
      <c r="BA6" s="537"/>
      <c r="BB6" s="537"/>
      <c r="BC6" s="537"/>
      <c r="BD6" s="537"/>
      <c r="BE6" s="538"/>
      <c r="BF6" s="536" t="s">
        <v>73</v>
      </c>
      <c r="BG6" s="537"/>
      <c r="BH6" s="537"/>
      <c r="BI6" s="537"/>
      <c r="BJ6" s="537"/>
      <c r="BK6" s="537"/>
      <c r="BL6" s="537"/>
      <c r="BM6" s="537"/>
      <c r="BN6" s="537"/>
      <c r="BO6" s="537"/>
      <c r="BP6" s="538"/>
      <c r="BQ6" s="536" t="s">
        <v>74</v>
      </c>
      <c r="BR6" s="537"/>
      <c r="BS6" s="537"/>
      <c r="BT6" s="537"/>
      <c r="BU6" s="537"/>
      <c r="BV6" s="537"/>
      <c r="BW6" s="537"/>
      <c r="BX6" s="537"/>
      <c r="BY6" s="537"/>
      <c r="BZ6" s="537"/>
      <c r="CA6" s="538"/>
      <c r="CB6" s="533"/>
      <c r="CC6" s="534"/>
      <c r="CD6" s="534"/>
      <c r="CE6" s="534"/>
      <c r="CF6" s="534"/>
      <c r="CG6" s="534"/>
      <c r="CH6" s="534"/>
      <c r="CI6" s="534"/>
      <c r="CJ6" s="534"/>
      <c r="CK6" s="534"/>
      <c r="CL6" s="535"/>
      <c r="CM6" s="536" t="s">
        <v>75</v>
      </c>
      <c r="CN6" s="537"/>
      <c r="CO6" s="537"/>
      <c r="CP6" s="537"/>
      <c r="CQ6" s="537"/>
      <c r="CR6" s="537"/>
      <c r="CS6" s="537"/>
      <c r="CT6" s="537"/>
      <c r="CU6" s="537"/>
      <c r="CV6" s="537"/>
      <c r="CW6" s="538"/>
      <c r="CX6" s="536" t="s">
        <v>76</v>
      </c>
      <c r="CY6" s="537"/>
      <c r="CZ6" s="537"/>
      <c r="DA6" s="537"/>
      <c r="DB6" s="537"/>
      <c r="DC6" s="537"/>
      <c r="DD6" s="537"/>
      <c r="DE6" s="537"/>
      <c r="DF6" s="537"/>
      <c r="DG6" s="537"/>
      <c r="DH6" s="538"/>
      <c r="DI6" s="533"/>
      <c r="DJ6" s="534"/>
      <c r="DK6" s="534"/>
      <c r="DL6" s="534"/>
      <c r="DM6" s="534"/>
      <c r="DN6" s="534"/>
      <c r="DO6" s="534"/>
      <c r="DP6" s="534"/>
      <c r="DQ6" s="534"/>
      <c r="DR6" s="534"/>
      <c r="DS6" s="534"/>
      <c r="DT6" s="536" t="s">
        <v>77</v>
      </c>
      <c r="DU6" s="537"/>
      <c r="DV6" s="537"/>
      <c r="DW6" s="537"/>
      <c r="DX6" s="537"/>
      <c r="DY6" s="537"/>
      <c r="DZ6" s="537"/>
      <c r="EA6" s="537"/>
      <c r="EB6" s="537"/>
      <c r="EC6" s="537"/>
      <c r="ED6" s="538"/>
      <c r="EE6" s="536" t="s">
        <v>78</v>
      </c>
      <c r="EF6" s="537"/>
      <c r="EG6" s="537"/>
      <c r="EH6" s="537"/>
      <c r="EI6" s="537"/>
      <c r="EJ6" s="537"/>
      <c r="EK6" s="537"/>
      <c r="EL6" s="537"/>
      <c r="EM6" s="537"/>
      <c r="EN6" s="537"/>
      <c r="EO6" s="538"/>
      <c r="EP6" s="536" t="s">
        <v>79</v>
      </c>
      <c r="EQ6" s="537"/>
      <c r="ER6" s="537"/>
      <c r="ES6" s="537"/>
      <c r="ET6" s="537"/>
      <c r="EU6" s="537"/>
      <c r="EV6" s="537"/>
      <c r="EW6" s="537"/>
      <c r="EX6" s="537"/>
      <c r="EY6" s="537"/>
      <c r="EZ6" s="538"/>
      <c r="FA6" s="536" t="s">
        <v>148</v>
      </c>
      <c r="FB6" s="537"/>
      <c r="FC6" s="537"/>
      <c r="FD6" s="537"/>
      <c r="FE6" s="537"/>
      <c r="FF6" s="537"/>
      <c r="FG6" s="537"/>
      <c r="FH6" s="537"/>
      <c r="FI6" s="537"/>
      <c r="FJ6" s="537"/>
      <c r="FK6" s="538"/>
      <c r="FL6" s="533"/>
      <c r="FM6" s="534"/>
      <c r="FN6" s="534"/>
      <c r="FO6" s="534"/>
      <c r="FP6" s="534"/>
      <c r="FQ6" s="534"/>
      <c r="FR6" s="534"/>
      <c r="FS6" s="534"/>
      <c r="FT6" s="534"/>
      <c r="FU6" s="534"/>
      <c r="FV6" s="534"/>
      <c r="FW6" s="536" t="s">
        <v>80</v>
      </c>
      <c r="FX6" s="537"/>
      <c r="FY6" s="537"/>
      <c r="FZ6" s="537"/>
      <c r="GA6" s="537"/>
      <c r="GB6" s="537"/>
      <c r="GC6" s="537"/>
      <c r="GD6" s="537"/>
      <c r="GE6" s="537"/>
      <c r="GF6" s="537"/>
      <c r="GG6" s="538"/>
      <c r="GH6" s="434" t="s">
        <v>81</v>
      </c>
      <c r="GI6" s="435"/>
      <c r="GJ6" s="435"/>
      <c r="GK6" s="435"/>
      <c r="GL6" s="435"/>
      <c r="GM6" s="435"/>
      <c r="GN6" s="435"/>
      <c r="GO6" s="435"/>
      <c r="GP6" s="435"/>
      <c r="GQ6" s="435"/>
      <c r="GR6" s="436"/>
      <c r="GS6" s="434" t="s">
        <v>82</v>
      </c>
      <c r="GT6" s="435"/>
      <c r="GU6" s="435"/>
      <c r="GV6" s="435"/>
      <c r="GW6" s="435"/>
      <c r="GX6" s="435"/>
      <c r="GY6" s="435"/>
      <c r="GZ6" s="435"/>
      <c r="HA6" s="435"/>
      <c r="HB6" s="435"/>
      <c r="HC6" s="436"/>
      <c r="HD6" s="556"/>
      <c r="HE6" s="557"/>
      <c r="HF6" s="557"/>
      <c r="HG6" s="557"/>
      <c r="HH6" s="557"/>
      <c r="HI6" s="557"/>
      <c r="HJ6" s="557"/>
      <c r="HK6" s="557"/>
      <c r="HL6" s="557"/>
      <c r="HM6" s="557"/>
      <c r="HN6" s="558"/>
      <c r="HO6" s="556"/>
      <c r="HP6" s="557"/>
      <c r="HQ6" s="557"/>
      <c r="HR6" s="557"/>
      <c r="HS6" s="557"/>
      <c r="HT6" s="557"/>
      <c r="HU6" s="557"/>
      <c r="HV6" s="557"/>
      <c r="HW6" s="557"/>
      <c r="HX6" s="557"/>
      <c r="HY6" s="558"/>
      <c r="HZ6" s="533"/>
      <c r="IA6" s="534"/>
      <c r="IB6" s="534"/>
      <c r="IC6" s="534"/>
      <c r="ID6" s="534"/>
      <c r="IE6" s="534"/>
      <c r="IF6" s="534"/>
      <c r="IG6" s="534"/>
      <c r="IH6" s="534"/>
      <c r="II6" s="534"/>
      <c r="IJ6" s="535"/>
      <c r="IK6" s="431"/>
      <c r="IL6" s="432"/>
      <c r="IM6" s="432"/>
      <c r="IN6" s="432"/>
      <c r="IO6" s="432"/>
      <c r="IP6" s="432"/>
      <c r="IQ6" s="432"/>
      <c r="IR6" s="432"/>
      <c r="IS6" s="432"/>
      <c r="IT6" s="432"/>
      <c r="IU6" s="433"/>
      <c r="IV6" s="431"/>
      <c r="IW6" s="432"/>
      <c r="IX6" s="432"/>
      <c r="IY6" s="432"/>
      <c r="IZ6" s="432"/>
      <c r="JA6" s="432"/>
      <c r="JB6" s="432"/>
      <c r="JC6" s="432"/>
      <c r="JD6" s="432"/>
      <c r="JE6" s="432"/>
      <c r="JF6" s="433"/>
      <c r="JG6" s="431"/>
      <c r="JH6" s="432"/>
      <c r="JI6" s="432"/>
      <c r="JJ6" s="432"/>
      <c r="JK6" s="432"/>
      <c r="JL6" s="432"/>
      <c r="JM6" s="432"/>
      <c r="JN6" s="432"/>
      <c r="JO6" s="432"/>
      <c r="JP6" s="432"/>
      <c r="JQ6" s="433"/>
      <c r="JR6" s="431"/>
      <c r="JS6" s="432"/>
      <c r="JT6" s="432"/>
      <c r="JU6" s="432"/>
      <c r="JV6" s="432"/>
      <c r="JW6" s="432"/>
      <c r="JX6" s="432"/>
      <c r="JY6" s="432"/>
      <c r="JZ6" s="432"/>
      <c r="KA6" s="432"/>
      <c r="KB6" s="433"/>
      <c r="KC6" s="431"/>
      <c r="KD6" s="432"/>
      <c r="KE6" s="432"/>
      <c r="KF6" s="432"/>
      <c r="KG6" s="432"/>
      <c r="KH6" s="432"/>
      <c r="KI6" s="432"/>
      <c r="KJ6" s="432"/>
      <c r="KK6" s="432"/>
      <c r="KL6" s="432"/>
      <c r="KM6" s="433"/>
      <c r="KN6" s="431"/>
      <c r="KO6" s="432"/>
      <c r="KP6" s="432"/>
      <c r="KQ6" s="432"/>
      <c r="KR6" s="432"/>
      <c r="KS6" s="432"/>
      <c r="KT6" s="432"/>
      <c r="KU6" s="432"/>
      <c r="KV6" s="432"/>
      <c r="KW6" s="432"/>
      <c r="KX6" s="433"/>
      <c r="KY6" s="431"/>
      <c r="KZ6" s="432"/>
      <c r="LA6" s="432"/>
      <c r="LB6" s="432"/>
      <c r="LC6" s="432"/>
      <c r="LD6" s="432"/>
      <c r="LE6" s="432"/>
      <c r="LF6" s="432"/>
      <c r="LG6" s="432"/>
      <c r="LH6" s="432"/>
      <c r="LI6" s="433"/>
      <c r="LJ6" s="533"/>
      <c r="LK6" s="534"/>
      <c r="LL6" s="534"/>
      <c r="LM6" s="534"/>
      <c r="LN6" s="534"/>
      <c r="LO6" s="534"/>
      <c r="LP6" s="534"/>
      <c r="LQ6" s="534"/>
      <c r="LR6" s="534"/>
      <c r="LS6" s="534"/>
      <c r="LT6" s="535"/>
      <c r="LU6" s="533"/>
      <c r="LV6" s="534"/>
      <c r="LW6" s="534"/>
      <c r="LX6" s="534"/>
      <c r="LY6" s="534"/>
      <c r="LZ6" s="534"/>
      <c r="MA6" s="534"/>
      <c r="MB6" s="534"/>
      <c r="MC6" s="534"/>
      <c r="MD6" s="534"/>
      <c r="ME6" s="535"/>
      <c r="MF6" s="533"/>
      <c r="MG6" s="534"/>
      <c r="MH6" s="534"/>
      <c r="MI6" s="534"/>
      <c r="MJ6" s="534"/>
      <c r="MK6" s="534"/>
      <c r="ML6" s="534"/>
      <c r="MM6" s="534"/>
      <c r="MN6" s="534"/>
      <c r="MO6" s="534"/>
      <c r="MP6" s="535"/>
      <c r="MQ6" s="431"/>
      <c r="MR6" s="432"/>
      <c r="MS6" s="432"/>
      <c r="MT6" s="432"/>
      <c r="MU6" s="432"/>
      <c r="MV6" s="432"/>
      <c r="MW6" s="432"/>
      <c r="MX6" s="432"/>
      <c r="MY6" s="432"/>
      <c r="MZ6" s="432"/>
      <c r="NA6" s="433"/>
      <c r="NB6" s="431"/>
      <c r="NC6" s="432"/>
      <c r="ND6" s="432"/>
      <c r="NE6" s="432"/>
      <c r="NF6" s="432"/>
      <c r="NG6" s="432"/>
      <c r="NH6" s="432"/>
      <c r="NI6" s="432"/>
      <c r="NJ6" s="432"/>
      <c r="NK6" s="432"/>
      <c r="NL6" s="433"/>
      <c r="NM6" s="431"/>
      <c r="NN6" s="432"/>
      <c r="NO6" s="432"/>
      <c r="NP6" s="432"/>
      <c r="NQ6" s="432"/>
      <c r="NR6" s="432"/>
      <c r="NS6" s="432"/>
      <c r="NT6" s="432"/>
      <c r="NU6" s="432"/>
      <c r="NV6" s="432"/>
      <c r="NW6" s="433"/>
      <c r="NX6" s="431"/>
      <c r="NY6" s="432"/>
      <c r="NZ6" s="432"/>
      <c r="OA6" s="432"/>
      <c r="OB6" s="432"/>
      <c r="OC6" s="432"/>
      <c r="OD6" s="432"/>
      <c r="OE6" s="432"/>
      <c r="OF6" s="432"/>
      <c r="OG6" s="432"/>
      <c r="OH6" s="433"/>
      <c r="OI6" s="431"/>
      <c r="OJ6" s="432"/>
      <c r="OK6" s="432"/>
      <c r="OL6" s="432"/>
      <c r="OM6" s="432"/>
      <c r="ON6" s="432"/>
      <c r="OO6" s="432"/>
      <c r="OP6" s="432"/>
      <c r="OQ6" s="432"/>
      <c r="OR6" s="432"/>
      <c r="OS6" s="433"/>
    </row>
    <row r="7" spans="2:409" ht="21" customHeight="1" x14ac:dyDescent="0.2">
      <c r="B7" s="548"/>
      <c r="C7" s="516" t="s">
        <v>61</v>
      </c>
      <c r="D7" s="516"/>
      <c r="E7" s="516"/>
      <c r="F7" s="515" t="s">
        <v>62</v>
      </c>
      <c r="G7" s="516"/>
      <c r="H7" s="516"/>
      <c r="I7" s="516"/>
      <c r="J7" s="516"/>
      <c r="K7" s="516"/>
      <c r="L7" s="516"/>
      <c r="M7" s="515" t="s">
        <v>52</v>
      </c>
      <c r="N7" s="560" t="s">
        <v>61</v>
      </c>
      <c r="O7" s="516"/>
      <c r="P7" s="516"/>
      <c r="Q7" s="515" t="s">
        <v>62</v>
      </c>
      <c r="R7" s="516"/>
      <c r="S7" s="516"/>
      <c r="T7" s="516"/>
      <c r="U7" s="516"/>
      <c r="V7" s="516"/>
      <c r="W7" s="517"/>
      <c r="X7" s="545" t="s">
        <v>52</v>
      </c>
      <c r="Y7" s="431" t="s">
        <v>61</v>
      </c>
      <c r="Z7" s="432"/>
      <c r="AA7" s="524"/>
      <c r="AB7" s="523" t="s">
        <v>62</v>
      </c>
      <c r="AC7" s="432"/>
      <c r="AD7" s="432"/>
      <c r="AE7" s="432"/>
      <c r="AF7" s="432"/>
      <c r="AG7" s="432"/>
      <c r="AH7" s="524"/>
      <c r="AI7" s="433" t="s">
        <v>52</v>
      </c>
      <c r="AJ7" s="520" t="s">
        <v>61</v>
      </c>
      <c r="AK7" s="521"/>
      <c r="AL7" s="522"/>
      <c r="AM7" s="543" t="s">
        <v>62</v>
      </c>
      <c r="AN7" s="521"/>
      <c r="AO7" s="521"/>
      <c r="AP7" s="521"/>
      <c r="AQ7" s="521"/>
      <c r="AR7" s="521"/>
      <c r="AS7" s="544"/>
      <c r="AT7" s="433" t="s">
        <v>52</v>
      </c>
      <c r="AU7" s="520" t="s">
        <v>61</v>
      </c>
      <c r="AV7" s="521"/>
      <c r="AW7" s="522"/>
      <c r="AX7" s="543" t="s">
        <v>62</v>
      </c>
      <c r="AY7" s="521"/>
      <c r="AZ7" s="521"/>
      <c r="BA7" s="521"/>
      <c r="BB7" s="521"/>
      <c r="BC7" s="521"/>
      <c r="BD7" s="544"/>
      <c r="BE7" s="433" t="s">
        <v>52</v>
      </c>
      <c r="BF7" s="520" t="s">
        <v>61</v>
      </c>
      <c r="BG7" s="521"/>
      <c r="BH7" s="522"/>
      <c r="BI7" s="543" t="s">
        <v>62</v>
      </c>
      <c r="BJ7" s="521"/>
      <c r="BK7" s="521"/>
      <c r="BL7" s="521"/>
      <c r="BM7" s="521"/>
      <c r="BN7" s="521"/>
      <c r="BO7" s="544"/>
      <c r="BP7" s="433" t="s">
        <v>52</v>
      </c>
      <c r="BQ7" s="520" t="s">
        <v>61</v>
      </c>
      <c r="BR7" s="521"/>
      <c r="BS7" s="522"/>
      <c r="BT7" s="543" t="s">
        <v>62</v>
      </c>
      <c r="BU7" s="521"/>
      <c r="BV7" s="521"/>
      <c r="BW7" s="521"/>
      <c r="BX7" s="521"/>
      <c r="BY7" s="521"/>
      <c r="BZ7" s="544"/>
      <c r="CA7" s="433" t="s">
        <v>52</v>
      </c>
      <c r="CB7" s="512" t="s">
        <v>61</v>
      </c>
      <c r="CC7" s="513"/>
      <c r="CD7" s="514"/>
      <c r="CE7" s="561" t="s">
        <v>62</v>
      </c>
      <c r="CF7" s="513"/>
      <c r="CG7" s="513"/>
      <c r="CH7" s="513"/>
      <c r="CI7" s="513"/>
      <c r="CJ7" s="513"/>
      <c r="CK7" s="562"/>
      <c r="CL7" s="545" t="s">
        <v>52</v>
      </c>
      <c r="CM7" s="520" t="s">
        <v>61</v>
      </c>
      <c r="CN7" s="521"/>
      <c r="CO7" s="544"/>
      <c r="CP7" s="543" t="s">
        <v>62</v>
      </c>
      <c r="CQ7" s="521"/>
      <c r="CR7" s="521"/>
      <c r="CS7" s="521"/>
      <c r="CT7" s="521"/>
      <c r="CU7" s="521"/>
      <c r="CV7" s="544"/>
      <c r="CW7" s="567" t="s">
        <v>52</v>
      </c>
      <c r="CX7" s="520" t="s">
        <v>61</v>
      </c>
      <c r="CY7" s="521"/>
      <c r="CZ7" s="544"/>
      <c r="DA7" s="543" t="s">
        <v>62</v>
      </c>
      <c r="DB7" s="521"/>
      <c r="DC7" s="521"/>
      <c r="DD7" s="521"/>
      <c r="DE7" s="521"/>
      <c r="DF7" s="521"/>
      <c r="DG7" s="544"/>
      <c r="DH7" s="567" t="s">
        <v>52</v>
      </c>
      <c r="DI7" s="512" t="s">
        <v>61</v>
      </c>
      <c r="DJ7" s="513"/>
      <c r="DK7" s="562"/>
      <c r="DL7" s="561" t="s">
        <v>62</v>
      </c>
      <c r="DM7" s="513"/>
      <c r="DN7" s="513"/>
      <c r="DO7" s="513"/>
      <c r="DP7" s="513"/>
      <c r="DQ7" s="513"/>
      <c r="DR7" s="562"/>
      <c r="DS7" s="545" t="s">
        <v>52</v>
      </c>
      <c r="DT7" s="520" t="s">
        <v>61</v>
      </c>
      <c r="DU7" s="521"/>
      <c r="DV7" s="522"/>
      <c r="DW7" s="543" t="s">
        <v>62</v>
      </c>
      <c r="DX7" s="521"/>
      <c r="DY7" s="521"/>
      <c r="DZ7" s="521"/>
      <c r="EA7" s="521"/>
      <c r="EB7" s="521"/>
      <c r="EC7" s="544"/>
      <c r="ED7" s="433" t="s">
        <v>52</v>
      </c>
      <c r="EE7" s="520" t="s">
        <v>61</v>
      </c>
      <c r="EF7" s="521"/>
      <c r="EG7" s="522"/>
      <c r="EH7" s="543" t="s">
        <v>62</v>
      </c>
      <c r="EI7" s="521"/>
      <c r="EJ7" s="521"/>
      <c r="EK7" s="521"/>
      <c r="EL7" s="521"/>
      <c r="EM7" s="521"/>
      <c r="EN7" s="544"/>
      <c r="EO7" s="433" t="s">
        <v>52</v>
      </c>
      <c r="EP7" s="520" t="s">
        <v>61</v>
      </c>
      <c r="EQ7" s="521"/>
      <c r="ER7" s="522"/>
      <c r="ES7" s="543" t="s">
        <v>62</v>
      </c>
      <c r="ET7" s="521"/>
      <c r="EU7" s="521"/>
      <c r="EV7" s="521"/>
      <c r="EW7" s="521"/>
      <c r="EX7" s="521"/>
      <c r="EY7" s="544"/>
      <c r="EZ7" s="433" t="s">
        <v>52</v>
      </c>
      <c r="FA7" s="520" t="s">
        <v>61</v>
      </c>
      <c r="FB7" s="521"/>
      <c r="FC7" s="522"/>
      <c r="FD7" s="543" t="s">
        <v>62</v>
      </c>
      <c r="FE7" s="521"/>
      <c r="FF7" s="521"/>
      <c r="FG7" s="521"/>
      <c r="FH7" s="521"/>
      <c r="FI7" s="521"/>
      <c r="FJ7" s="544"/>
      <c r="FK7" s="433" t="s">
        <v>52</v>
      </c>
      <c r="FL7" s="512" t="s">
        <v>61</v>
      </c>
      <c r="FM7" s="513"/>
      <c r="FN7" s="514"/>
      <c r="FO7" s="561" t="s">
        <v>62</v>
      </c>
      <c r="FP7" s="513"/>
      <c r="FQ7" s="513"/>
      <c r="FR7" s="513"/>
      <c r="FS7" s="513"/>
      <c r="FT7" s="513"/>
      <c r="FU7" s="562"/>
      <c r="FV7" s="516" t="s">
        <v>52</v>
      </c>
      <c r="FW7" s="520" t="s">
        <v>61</v>
      </c>
      <c r="FX7" s="521"/>
      <c r="FY7" s="522"/>
      <c r="FZ7" s="543" t="s">
        <v>62</v>
      </c>
      <c r="GA7" s="521"/>
      <c r="GB7" s="521"/>
      <c r="GC7" s="521"/>
      <c r="GD7" s="521"/>
      <c r="GE7" s="521"/>
      <c r="GF7" s="544"/>
      <c r="GG7" s="433" t="s">
        <v>52</v>
      </c>
      <c r="GH7" s="431" t="s">
        <v>61</v>
      </c>
      <c r="GI7" s="432"/>
      <c r="GJ7" s="432"/>
      <c r="GK7" s="523" t="s">
        <v>62</v>
      </c>
      <c r="GL7" s="432"/>
      <c r="GM7" s="432"/>
      <c r="GN7" s="432"/>
      <c r="GO7" s="432"/>
      <c r="GP7" s="432"/>
      <c r="GQ7" s="524"/>
      <c r="GR7" s="564" t="s">
        <v>52</v>
      </c>
      <c r="GS7" s="431" t="s">
        <v>61</v>
      </c>
      <c r="GT7" s="432"/>
      <c r="GU7" s="524"/>
      <c r="GV7" s="523" t="s">
        <v>62</v>
      </c>
      <c r="GW7" s="432"/>
      <c r="GX7" s="432"/>
      <c r="GY7" s="432"/>
      <c r="GZ7" s="432"/>
      <c r="HA7" s="432"/>
      <c r="HB7" s="524"/>
      <c r="HC7" s="564" t="s">
        <v>52</v>
      </c>
      <c r="HD7" s="520" t="s">
        <v>61</v>
      </c>
      <c r="HE7" s="521"/>
      <c r="HF7" s="522"/>
      <c r="HG7" s="543" t="s">
        <v>62</v>
      </c>
      <c r="HH7" s="521"/>
      <c r="HI7" s="521"/>
      <c r="HJ7" s="521"/>
      <c r="HK7" s="521"/>
      <c r="HL7" s="521"/>
      <c r="HM7" s="544"/>
      <c r="HN7" s="433" t="s">
        <v>52</v>
      </c>
      <c r="HO7" s="520" t="s">
        <v>61</v>
      </c>
      <c r="HP7" s="521"/>
      <c r="HQ7" s="522"/>
      <c r="HR7" s="543" t="s">
        <v>62</v>
      </c>
      <c r="HS7" s="521"/>
      <c r="HT7" s="521"/>
      <c r="HU7" s="521"/>
      <c r="HV7" s="521"/>
      <c r="HW7" s="521"/>
      <c r="HX7" s="544"/>
      <c r="HY7" s="433" t="s">
        <v>52</v>
      </c>
      <c r="HZ7" s="512" t="s">
        <v>61</v>
      </c>
      <c r="IA7" s="513"/>
      <c r="IB7" s="514"/>
      <c r="IC7" s="561" t="s">
        <v>62</v>
      </c>
      <c r="ID7" s="513"/>
      <c r="IE7" s="513"/>
      <c r="IF7" s="513"/>
      <c r="IG7" s="513"/>
      <c r="IH7" s="513"/>
      <c r="II7" s="562"/>
      <c r="IJ7" s="516" t="s">
        <v>52</v>
      </c>
      <c r="IK7" s="520" t="s">
        <v>61</v>
      </c>
      <c r="IL7" s="521"/>
      <c r="IM7" s="522"/>
      <c r="IN7" s="543" t="s">
        <v>62</v>
      </c>
      <c r="IO7" s="521"/>
      <c r="IP7" s="521"/>
      <c r="IQ7" s="521"/>
      <c r="IR7" s="521"/>
      <c r="IS7" s="521"/>
      <c r="IT7" s="544"/>
      <c r="IU7" s="433" t="s">
        <v>52</v>
      </c>
      <c r="IV7" s="520" t="s">
        <v>61</v>
      </c>
      <c r="IW7" s="521"/>
      <c r="IX7" s="544"/>
      <c r="IY7" s="543" t="s">
        <v>62</v>
      </c>
      <c r="IZ7" s="521"/>
      <c r="JA7" s="521"/>
      <c r="JB7" s="521"/>
      <c r="JC7" s="521"/>
      <c r="JD7" s="521"/>
      <c r="JE7" s="544"/>
      <c r="JF7" s="433" t="s">
        <v>52</v>
      </c>
      <c r="JG7" s="520" t="s">
        <v>61</v>
      </c>
      <c r="JH7" s="521"/>
      <c r="JI7" s="522"/>
      <c r="JJ7" s="543" t="s">
        <v>62</v>
      </c>
      <c r="JK7" s="521"/>
      <c r="JL7" s="521"/>
      <c r="JM7" s="521"/>
      <c r="JN7" s="521"/>
      <c r="JO7" s="521"/>
      <c r="JP7" s="544"/>
      <c r="JQ7" s="567" t="s">
        <v>52</v>
      </c>
      <c r="JR7" s="520" t="s">
        <v>61</v>
      </c>
      <c r="JS7" s="521"/>
      <c r="JT7" s="522"/>
      <c r="JU7" s="543" t="s">
        <v>62</v>
      </c>
      <c r="JV7" s="521"/>
      <c r="JW7" s="521"/>
      <c r="JX7" s="521"/>
      <c r="JY7" s="521"/>
      <c r="JZ7" s="521"/>
      <c r="KA7" s="544"/>
      <c r="KB7" s="567" t="s">
        <v>52</v>
      </c>
      <c r="KC7" s="520" t="s">
        <v>61</v>
      </c>
      <c r="KD7" s="521"/>
      <c r="KE7" s="522"/>
      <c r="KF7" s="543" t="s">
        <v>62</v>
      </c>
      <c r="KG7" s="521"/>
      <c r="KH7" s="521"/>
      <c r="KI7" s="521"/>
      <c r="KJ7" s="521"/>
      <c r="KK7" s="521"/>
      <c r="KL7" s="544"/>
      <c r="KM7" s="567" t="s">
        <v>52</v>
      </c>
      <c r="KN7" s="520" t="s">
        <v>61</v>
      </c>
      <c r="KO7" s="521"/>
      <c r="KP7" s="522"/>
      <c r="KQ7" s="543" t="s">
        <v>62</v>
      </c>
      <c r="KR7" s="521"/>
      <c r="KS7" s="521"/>
      <c r="KT7" s="521"/>
      <c r="KU7" s="521"/>
      <c r="KV7" s="521"/>
      <c r="KW7" s="544"/>
      <c r="KX7" s="567" t="s">
        <v>52</v>
      </c>
      <c r="KY7" s="520" t="s">
        <v>61</v>
      </c>
      <c r="KZ7" s="521"/>
      <c r="LA7" s="522"/>
      <c r="LB7" s="543" t="s">
        <v>62</v>
      </c>
      <c r="LC7" s="521"/>
      <c r="LD7" s="521"/>
      <c r="LE7" s="521"/>
      <c r="LF7" s="521"/>
      <c r="LG7" s="521"/>
      <c r="LH7" s="544"/>
      <c r="LI7" s="567" t="s">
        <v>52</v>
      </c>
      <c r="LJ7" s="520" t="s">
        <v>61</v>
      </c>
      <c r="LK7" s="521"/>
      <c r="LL7" s="522"/>
      <c r="LM7" s="543" t="s">
        <v>62</v>
      </c>
      <c r="LN7" s="521"/>
      <c r="LO7" s="521"/>
      <c r="LP7" s="521"/>
      <c r="LQ7" s="521"/>
      <c r="LR7" s="521"/>
      <c r="LS7" s="544"/>
      <c r="LT7" s="567" t="s">
        <v>52</v>
      </c>
      <c r="LU7" s="520" t="s">
        <v>61</v>
      </c>
      <c r="LV7" s="521"/>
      <c r="LW7" s="522"/>
      <c r="LX7" s="543" t="s">
        <v>62</v>
      </c>
      <c r="LY7" s="521"/>
      <c r="LZ7" s="521"/>
      <c r="MA7" s="521"/>
      <c r="MB7" s="521"/>
      <c r="MC7" s="521"/>
      <c r="MD7" s="544"/>
      <c r="ME7" s="567" t="s">
        <v>52</v>
      </c>
      <c r="MF7" s="512" t="s">
        <v>61</v>
      </c>
      <c r="MG7" s="513"/>
      <c r="MH7" s="514"/>
      <c r="MI7" s="561" t="s">
        <v>62</v>
      </c>
      <c r="MJ7" s="513"/>
      <c r="MK7" s="513"/>
      <c r="ML7" s="513"/>
      <c r="MM7" s="513"/>
      <c r="MN7" s="513"/>
      <c r="MO7" s="562"/>
      <c r="MP7" s="545" t="s">
        <v>52</v>
      </c>
      <c r="MQ7" s="520" t="s">
        <v>61</v>
      </c>
      <c r="MR7" s="521"/>
      <c r="MS7" s="522"/>
      <c r="MT7" s="543" t="s">
        <v>62</v>
      </c>
      <c r="MU7" s="521"/>
      <c r="MV7" s="521"/>
      <c r="MW7" s="521"/>
      <c r="MX7" s="521"/>
      <c r="MY7" s="521"/>
      <c r="MZ7" s="544"/>
      <c r="NA7" s="567" t="s">
        <v>52</v>
      </c>
      <c r="NB7" s="520" t="s">
        <v>61</v>
      </c>
      <c r="NC7" s="521"/>
      <c r="ND7" s="522"/>
      <c r="NE7" s="543" t="s">
        <v>62</v>
      </c>
      <c r="NF7" s="521"/>
      <c r="NG7" s="521"/>
      <c r="NH7" s="521"/>
      <c r="NI7" s="521"/>
      <c r="NJ7" s="521"/>
      <c r="NK7" s="544"/>
      <c r="NL7" s="567" t="s">
        <v>52</v>
      </c>
      <c r="NM7" s="520" t="s">
        <v>61</v>
      </c>
      <c r="NN7" s="521"/>
      <c r="NO7" s="522"/>
      <c r="NP7" s="543" t="s">
        <v>62</v>
      </c>
      <c r="NQ7" s="521"/>
      <c r="NR7" s="521"/>
      <c r="NS7" s="521"/>
      <c r="NT7" s="521"/>
      <c r="NU7" s="521"/>
      <c r="NV7" s="544"/>
      <c r="NW7" s="567" t="s">
        <v>52</v>
      </c>
      <c r="NX7" s="520" t="s">
        <v>61</v>
      </c>
      <c r="NY7" s="521"/>
      <c r="NZ7" s="522"/>
      <c r="OA7" s="543" t="s">
        <v>62</v>
      </c>
      <c r="OB7" s="521"/>
      <c r="OC7" s="521"/>
      <c r="OD7" s="521"/>
      <c r="OE7" s="521"/>
      <c r="OF7" s="521"/>
      <c r="OG7" s="544"/>
      <c r="OH7" s="567" t="s">
        <v>52</v>
      </c>
      <c r="OI7" s="512" t="s">
        <v>61</v>
      </c>
      <c r="OJ7" s="513"/>
      <c r="OK7" s="514"/>
      <c r="OL7" s="561" t="s">
        <v>62</v>
      </c>
      <c r="OM7" s="513"/>
      <c r="ON7" s="513"/>
      <c r="OO7" s="513"/>
      <c r="OP7" s="513"/>
      <c r="OQ7" s="513"/>
      <c r="OR7" s="562"/>
      <c r="OS7" s="545" t="s">
        <v>52</v>
      </c>
    </row>
    <row r="8" spans="2:409" ht="30" customHeight="1" thickBot="1" x14ac:dyDescent="0.25">
      <c r="B8" s="549"/>
      <c r="C8" s="249" t="s">
        <v>43</v>
      </c>
      <c r="D8" s="74" t="s">
        <v>44</v>
      </c>
      <c r="E8" s="250" t="s">
        <v>45</v>
      </c>
      <c r="F8" s="76" t="s">
        <v>83</v>
      </c>
      <c r="G8" s="74" t="s">
        <v>47</v>
      </c>
      <c r="H8" s="74" t="s">
        <v>48</v>
      </c>
      <c r="I8" s="74" t="s">
        <v>49</v>
      </c>
      <c r="J8" s="74" t="s">
        <v>50</v>
      </c>
      <c r="K8" s="74" t="s">
        <v>51</v>
      </c>
      <c r="L8" s="75" t="s">
        <v>45</v>
      </c>
      <c r="M8" s="559"/>
      <c r="N8" s="73" t="s">
        <v>43</v>
      </c>
      <c r="O8" s="74" t="s">
        <v>44</v>
      </c>
      <c r="P8" s="75" t="s">
        <v>45</v>
      </c>
      <c r="Q8" s="76" t="s">
        <v>83</v>
      </c>
      <c r="R8" s="74" t="s">
        <v>47</v>
      </c>
      <c r="S8" s="74" t="s">
        <v>48</v>
      </c>
      <c r="T8" s="74" t="s">
        <v>49</v>
      </c>
      <c r="U8" s="74" t="s">
        <v>50</v>
      </c>
      <c r="V8" s="74" t="s">
        <v>51</v>
      </c>
      <c r="W8" s="75" t="s">
        <v>45</v>
      </c>
      <c r="X8" s="546"/>
      <c r="Y8" s="73" t="s">
        <v>43</v>
      </c>
      <c r="Z8" s="74" t="s">
        <v>44</v>
      </c>
      <c r="AA8" s="75" t="s">
        <v>45</v>
      </c>
      <c r="AB8" s="76" t="s">
        <v>83</v>
      </c>
      <c r="AC8" s="74" t="s">
        <v>47</v>
      </c>
      <c r="AD8" s="74" t="s">
        <v>48</v>
      </c>
      <c r="AE8" s="74" t="s">
        <v>49</v>
      </c>
      <c r="AF8" s="74" t="s">
        <v>50</v>
      </c>
      <c r="AG8" s="74" t="s">
        <v>51</v>
      </c>
      <c r="AH8" s="75" t="s">
        <v>45</v>
      </c>
      <c r="AI8" s="532"/>
      <c r="AJ8" s="73" t="s">
        <v>43</v>
      </c>
      <c r="AK8" s="74" t="s">
        <v>44</v>
      </c>
      <c r="AL8" s="250" t="s">
        <v>45</v>
      </c>
      <c r="AM8" s="76" t="s">
        <v>83</v>
      </c>
      <c r="AN8" s="74" t="s">
        <v>47</v>
      </c>
      <c r="AO8" s="74" t="s">
        <v>48</v>
      </c>
      <c r="AP8" s="74" t="s">
        <v>49</v>
      </c>
      <c r="AQ8" s="74" t="s">
        <v>50</v>
      </c>
      <c r="AR8" s="74" t="s">
        <v>51</v>
      </c>
      <c r="AS8" s="75" t="s">
        <v>45</v>
      </c>
      <c r="AT8" s="532"/>
      <c r="AU8" s="73" t="s">
        <v>43</v>
      </c>
      <c r="AV8" s="74" t="s">
        <v>44</v>
      </c>
      <c r="AW8" s="250" t="s">
        <v>45</v>
      </c>
      <c r="AX8" s="76" t="s">
        <v>83</v>
      </c>
      <c r="AY8" s="74" t="s">
        <v>47</v>
      </c>
      <c r="AZ8" s="74" t="s">
        <v>48</v>
      </c>
      <c r="BA8" s="74" t="s">
        <v>49</v>
      </c>
      <c r="BB8" s="74" t="s">
        <v>50</v>
      </c>
      <c r="BC8" s="74" t="s">
        <v>51</v>
      </c>
      <c r="BD8" s="75" t="s">
        <v>45</v>
      </c>
      <c r="BE8" s="532"/>
      <c r="BF8" s="251" t="s">
        <v>43</v>
      </c>
      <c r="BG8" s="74" t="s">
        <v>44</v>
      </c>
      <c r="BH8" s="250" t="s">
        <v>45</v>
      </c>
      <c r="BI8" s="76" t="s">
        <v>83</v>
      </c>
      <c r="BJ8" s="74" t="s">
        <v>47</v>
      </c>
      <c r="BK8" s="74" t="s">
        <v>48</v>
      </c>
      <c r="BL8" s="74" t="s">
        <v>49</v>
      </c>
      <c r="BM8" s="74" t="s">
        <v>50</v>
      </c>
      <c r="BN8" s="74" t="s">
        <v>51</v>
      </c>
      <c r="BO8" s="75" t="s">
        <v>45</v>
      </c>
      <c r="BP8" s="532"/>
      <c r="BQ8" s="73" t="s">
        <v>43</v>
      </c>
      <c r="BR8" s="74" t="s">
        <v>44</v>
      </c>
      <c r="BS8" s="250" t="s">
        <v>45</v>
      </c>
      <c r="BT8" s="76" t="s">
        <v>83</v>
      </c>
      <c r="BU8" s="74" t="s">
        <v>47</v>
      </c>
      <c r="BV8" s="74" t="s">
        <v>48</v>
      </c>
      <c r="BW8" s="74" t="s">
        <v>49</v>
      </c>
      <c r="BX8" s="74" t="s">
        <v>50</v>
      </c>
      <c r="BY8" s="74" t="s">
        <v>51</v>
      </c>
      <c r="BZ8" s="75" t="s">
        <v>45</v>
      </c>
      <c r="CA8" s="532"/>
      <c r="CB8" s="73" t="s">
        <v>43</v>
      </c>
      <c r="CC8" s="74" t="s">
        <v>44</v>
      </c>
      <c r="CD8" s="250" t="s">
        <v>45</v>
      </c>
      <c r="CE8" s="76" t="s">
        <v>83</v>
      </c>
      <c r="CF8" s="74" t="s">
        <v>47</v>
      </c>
      <c r="CG8" s="74" t="s">
        <v>48</v>
      </c>
      <c r="CH8" s="74" t="s">
        <v>49</v>
      </c>
      <c r="CI8" s="74" t="s">
        <v>50</v>
      </c>
      <c r="CJ8" s="74" t="s">
        <v>51</v>
      </c>
      <c r="CK8" s="75" t="s">
        <v>45</v>
      </c>
      <c r="CL8" s="546"/>
      <c r="CM8" s="73" t="s">
        <v>43</v>
      </c>
      <c r="CN8" s="74" t="s">
        <v>44</v>
      </c>
      <c r="CO8" s="75" t="s">
        <v>45</v>
      </c>
      <c r="CP8" s="76" t="s">
        <v>83</v>
      </c>
      <c r="CQ8" s="74" t="s">
        <v>47</v>
      </c>
      <c r="CR8" s="74" t="s">
        <v>48</v>
      </c>
      <c r="CS8" s="74" t="s">
        <v>49</v>
      </c>
      <c r="CT8" s="74" t="s">
        <v>50</v>
      </c>
      <c r="CU8" s="74" t="s">
        <v>51</v>
      </c>
      <c r="CV8" s="75" t="s">
        <v>45</v>
      </c>
      <c r="CW8" s="546"/>
      <c r="CX8" s="73" t="s">
        <v>43</v>
      </c>
      <c r="CY8" s="74" t="s">
        <v>44</v>
      </c>
      <c r="CZ8" s="75" t="s">
        <v>45</v>
      </c>
      <c r="DA8" s="76" t="s">
        <v>83</v>
      </c>
      <c r="DB8" s="74" t="s">
        <v>47</v>
      </c>
      <c r="DC8" s="74" t="s">
        <v>48</v>
      </c>
      <c r="DD8" s="74" t="s">
        <v>49</v>
      </c>
      <c r="DE8" s="74" t="s">
        <v>50</v>
      </c>
      <c r="DF8" s="74" t="s">
        <v>51</v>
      </c>
      <c r="DG8" s="75" t="s">
        <v>45</v>
      </c>
      <c r="DH8" s="546"/>
      <c r="DI8" s="73" t="s">
        <v>43</v>
      </c>
      <c r="DJ8" s="74" t="s">
        <v>44</v>
      </c>
      <c r="DK8" s="75" t="s">
        <v>45</v>
      </c>
      <c r="DL8" s="76" t="s">
        <v>83</v>
      </c>
      <c r="DM8" s="74" t="s">
        <v>47</v>
      </c>
      <c r="DN8" s="74" t="s">
        <v>48</v>
      </c>
      <c r="DO8" s="74" t="s">
        <v>49</v>
      </c>
      <c r="DP8" s="74" t="s">
        <v>50</v>
      </c>
      <c r="DQ8" s="74" t="s">
        <v>51</v>
      </c>
      <c r="DR8" s="75" t="s">
        <v>45</v>
      </c>
      <c r="DS8" s="546"/>
      <c r="DT8" s="73" t="s">
        <v>43</v>
      </c>
      <c r="DU8" s="74" t="s">
        <v>44</v>
      </c>
      <c r="DV8" s="250" t="s">
        <v>45</v>
      </c>
      <c r="DW8" s="76" t="s">
        <v>83</v>
      </c>
      <c r="DX8" s="74" t="s">
        <v>47</v>
      </c>
      <c r="DY8" s="74" t="s">
        <v>48</v>
      </c>
      <c r="DZ8" s="74" t="s">
        <v>49</v>
      </c>
      <c r="EA8" s="74" t="s">
        <v>50</v>
      </c>
      <c r="EB8" s="74" t="s">
        <v>51</v>
      </c>
      <c r="EC8" s="75" t="s">
        <v>45</v>
      </c>
      <c r="ED8" s="532"/>
      <c r="EE8" s="73" t="s">
        <v>43</v>
      </c>
      <c r="EF8" s="74" t="s">
        <v>44</v>
      </c>
      <c r="EG8" s="250" t="s">
        <v>45</v>
      </c>
      <c r="EH8" s="76" t="s">
        <v>83</v>
      </c>
      <c r="EI8" s="74" t="s">
        <v>47</v>
      </c>
      <c r="EJ8" s="74" t="s">
        <v>48</v>
      </c>
      <c r="EK8" s="74" t="s">
        <v>49</v>
      </c>
      <c r="EL8" s="74" t="s">
        <v>50</v>
      </c>
      <c r="EM8" s="74" t="s">
        <v>51</v>
      </c>
      <c r="EN8" s="75" t="s">
        <v>45</v>
      </c>
      <c r="EO8" s="532"/>
      <c r="EP8" s="73" t="s">
        <v>43</v>
      </c>
      <c r="EQ8" s="74" t="s">
        <v>44</v>
      </c>
      <c r="ER8" s="250" t="s">
        <v>45</v>
      </c>
      <c r="ES8" s="76" t="s">
        <v>83</v>
      </c>
      <c r="ET8" s="74" t="s">
        <v>47</v>
      </c>
      <c r="EU8" s="74" t="s">
        <v>48</v>
      </c>
      <c r="EV8" s="74" t="s">
        <v>49</v>
      </c>
      <c r="EW8" s="74" t="s">
        <v>50</v>
      </c>
      <c r="EX8" s="74" t="s">
        <v>51</v>
      </c>
      <c r="EY8" s="75" t="s">
        <v>45</v>
      </c>
      <c r="EZ8" s="532"/>
      <c r="FA8" s="73" t="s">
        <v>43</v>
      </c>
      <c r="FB8" s="74" t="s">
        <v>44</v>
      </c>
      <c r="FC8" s="250" t="s">
        <v>45</v>
      </c>
      <c r="FD8" s="76" t="s">
        <v>83</v>
      </c>
      <c r="FE8" s="74" t="s">
        <v>47</v>
      </c>
      <c r="FF8" s="74" t="s">
        <v>48</v>
      </c>
      <c r="FG8" s="74" t="s">
        <v>49</v>
      </c>
      <c r="FH8" s="74" t="s">
        <v>50</v>
      </c>
      <c r="FI8" s="74" t="s">
        <v>51</v>
      </c>
      <c r="FJ8" s="75" t="s">
        <v>45</v>
      </c>
      <c r="FK8" s="532"/>
      <c r="FL8" s="73" t="s">
        <v>43</v>
      </c>
      <c r="FM8" s="74" t="s">
        <v>44</v>
      </c>
      <c r="FN8" s="250" t="s">
        <v>45</v>
      </c>
      <c r="FO8" s="76" t="s">
        <v>83</v>
      </c>
      <c r="FP8" s="74" t="s">
        <v>47</v>
      </c>
      <c r="FQ8" s="74" t="s">
        <v>48</v>
      </c>
      <c r="FR8" s="74" t="s">
        <v>49</v>
      </c>
      <c r="FS8" s="74" t="s">
        <v>50</v>
      </c>
      <c r="FT8" s="74" t="s">
        <v>51</v>
      </c>
      <c r="FU8" s="75" t="s">
        <v>45</v>
      </c>
      <c r="FV8" s="566"/>
      <c r="FW8" s="73" t="s">
        <v>43</v>
      </c>
      <c r="FX8" s="74" t="s">
        <v>44</v>
      </c>
      <c r="FY8" s="250" t="s">
        <v>45</v>
      </c>
      <c r="FZ8" s="76" t="s">
        <v>83</v>
      </c>
      <c r="GA8" s="74" t="s">
        <v>47</v>
      </c>
      <c r="GB8" s="74" t="s">
        <v>48</v>
      </c>
      <c r="GC8" s="74" t="s">
        <v>49</v>
      </c>
      <c r="GD8" s="74" t="s">
        <v>50</v>
      </c>
      <c r="GE8" s="74" t="s">
        <v>51</v>
      </c>
      <c r="GF8" s="75" t="s">
        <v>45</v>
      </c>
      <c r="GG8" s="532"/>
      <c r="GH8" s="73" t="s">
        <v>43</v>
      </c>
      <c r="GI8" s="74" t="s">
        <v>44</v>
      </c>
      <c r="GJ8" s="250" t="s">
        <v>45</v>
      </c>
      <c r="GK8" s="76" t="s">
        <v>83</v>
      </c>
      <c r="GL8" s="74" t="s">
        <v>47</v>
      </c>
      <c r="GM8" s="74" t="s">
        <v>48</v>
      </c>
      <c r="GN8" s="74" t="s">
        <v>49</v>
      </c>
      <c r="GO8" s="74" t="s">
        <v>50</v>
      </c>
      <c r="GP8" s="74" t="s">
        <v>51</v>
      </c>
      <c r="GQ8" s="75" t="s">
        <v>45</v>
      </c>
      <c r="GR8" s="565"/>
      <c r="GS8" s="73" t="s">
        <v>43</v>
      </c>
      <c r="GT8" s="74" t="s">
        <v>44</v>
      </c>
      <c r="GU8" s="250" t="s">
        <v>45</v>
      </c>
      <c r="GV8" s="76" t="s">
        <v>83</v>
      </c>
      <c r="GW8" s="74" t="s">
        <v>47</v>
      </c>
      <c r="GX8" s="74" t="s">
        <v>48</v>
      </c>
      <c r="GY8" s="74" t="s">
        <v>49</v>
      </c>
      <c r="GZ8" s="74" t="s">
        <v>50</v>
      </c>
      <c r="HA8" s="74" t="s">
        <v>51</v>
      </c>
      <c r="HB8" s="75" t="s">
        <v>45</v>
      </c>
      <c r="HC8" s="565"/>
      <c r="HD8" s="73" t="s">
        <v>43</v>
      </c>
      <c r="HE8" s="74" t="s">
        <v>44</v>
      </c>
      <c r="HF8" s="250" t="s">
        <v>45</v>
      </c>
      <c r="HG8" s="76" t="s">
        <v>83</v>
      </c>
      <c r="HH8" s="74" t="s">
        <v>47</v>
      </c>
      <c r="HI8" s="74" t="s">
        <v>48</v>
      </c>
      <c r="HJ8" s="74" t="s">
        <v>49</v>
      </c>
      <c r="HK8" s="74" t="s">
        <v>50</v>
      </c>
      <c r="HL8" s="74" t="s">
        <v>51</v>
      </c>
      <c r="HM8" s="75" t="s">
        <v>45</v>
      </c>
      <c r="HN8" s="532"/>
      <c r="HO8" s="73" t="s">
        <v>43</v>
      </c>
      <c r="HP8" s="74" t="s">
        <v>44</v>
      </c>
      <c r="HQ8" s="250" t="s">
        <v>45</v>
      </c>
      <c r="HR8" s="76" t="s">
        <v>83</v>
      </c>
      <c r="HS8" s="74" t="s">
        <v>47</v>
      </c>
      <c r="HT8" s="74" t="s">
        <v>48</v>
      </c>
      <c r="HU8" s="74" t="s">
        <v>49</v>
      </c>
      <c r="HV8" s="74" t="s">
        <v>50</v>
      </c>
      <c r="HW8" s="74" t="s">
        <v>51</v>
      </c>
      <c r="HX8" s="75" t="s">
        <v>45</v>
      </c>
      <c r="HY8" s="532"/>
      <c r="HZ8" s="73" t="s">
        <v>43</v>
      </c>
      <c r="IA8" s="74" t="s">
        <v>44</v>
      </c>
      <c r="IB8" s="250" t="s">
        <v>45</v>
      </c>
      <c r="IC8" s="76" t="s">
        <v>83</v>
      </c>
      <c r="ID8" s="74" t="s">
        <v>47</v>
      </c>
      <c r="IE8" s="74" t="s">
        <v>48</v>
      </c>
      <c r="IF8" s="74" t="s">
        <v>49</v>
      </c>
      <c r="IG8" s="74" t="s">
        <v>50</v>
      </c>
      <c r="IH8" s="74" t="s">
        <v>51</v>
      </c>
      <c r="II8" s="75" t="s">
        <v>45</v>
      </c>
      <c r="IJ8" s="566"/>
      <c r="IK8" s="73" t="s">
        <v>43</v>
      </c>
      <c r="IL8" s="74" t="s">
        <v>44</v>
      </c>
      <c r="IM8" s="250" t="s">
        <v>45</v>
      </c>
      <c r="IN8" s="76" t="s">
        <v>83</v>
      </c>
      <c r="IO8" s="252" t="s">
        <v>47</v>
      </c>
      <c r="IP8" s="252" t="s">
        <v>48</v>
      </c>
      <c r="IQ8" s="252" t="s">
        <v>49</v>
      </c>
      <c r="IR8" s="252" t="s">
        <v>50</v>
      </c>
      <c r="IS8" s="252" t="s">
        <v>51</v>
      </c>
      <c r="IT8" s="253" t="s">
        <v>45</v>
      </c>
      <c r="IU8" s="569"/>
      <c r="IV8" s="251" t="s">
        <v>43</v>
      </c>
      <c r="IW8" s="252" t="s">
        <v>44</v>
      </c>
      <c r="IX8" s="253" t="s">
        <v>45</v>
      </c>
      <c r="IY8" s="76" t="s">
        <v>83</v>
      </c>
      <c r="IZ8" s="252" t="s">
        <v>47</v>
      </c>
      <c r="JA8" s="252" t="s">
        <v>48</v>
      </c>
      <c r="JB8" s="252" t="s">
        <v>49</v>
      </c>
      <c r="JC8" s="252" t="s">
        <v>50</v>
      </c>
      <c r="JD8" s="252" t="s">
        <v>51</v>
      </c>
      <c r="JE8" s="253" t="s">
        <v>45</v>
      </c>
      <c r="JF8" s="569"/>
      <c r="JG8" s="251" t="s">
        <v>43</v>
      </c>
      <c r="JH8" s="252" t="s">
        <v>44</v>
      </c>
      <c r="JI8" s="254" t="s">
        <v>45</v>
      </c>
      <c r="JJ8" s="231" t="s">
        <v>83</v>
      </c>
      <c r="JK8" s="252" t="s">
        <v>47</v>
      </c>
      <c r="JL8" s="252" t="s">
        <v>48</v>
      </c>
      <c r="JM8" s="252" t="s">
        <v>49</v>
      </c>
      <c r="JN8" s="252" t="s">
        <v>50</v>
      </c>
      <c r="JO8" s="252" t="s">
        <v>51</v>
      </c>
      <c r="JP8" s="253" t="s">
        <v>45</v>
      </c>
      <c r="JQ8" s="568"/>
      <c r="JR8" s="251" t="s">
        <v>43</v>
      </c>
      <c r="JS8" s="252" t="s">
        <v>44</v>
      </c>
      <c r="JT8" s="254" t="s">
        <v>45</v>
      </c>
      <c r="JU8" s="231" t="s">
        <v>83</v>
      </c>
      <c r="JV8" s="252" t="s">
        <v>47</v>
      </c>
      <c r="JW8" s="252" t="s">
        <v>48</v>
      </c>
      <c r="JX8" s="252" t="s">
        <v>49</v>
      </c>
      <c r="JY8" s="252" t="s">
        <v>50</v>
      </c>
      <c r="JZ8" s="252" t="s">
        <v>51</v>
      </c>
      <c r="KA8" s="253" t="s">
        <v>45</v>
      </c>
      <c r="KB8" s="568"/>
      <c r="KC8" s="251" t="s">
        <v>43</v>
      </c>
      <c r="KD8" s="252" t="s">
        <v>44</v>
      </c>
      <c r="KE8" s="254" t="s">
        <v>45</v>
      </c>
      <c r="KF8" s="231" t="s">
        <v>83</v>
      </c>
      <c r="KG8" s="252" t="s">
        <v>47</v>
      </c>
      <c r="KH8" s="252" t="s">
        <v>48</v>
      </c>
      <c r="KI8" s="252" t="s">
        <v>49</v>
      </c>
      <c r="KJ8" s="252" t="s">
        <v>50</v>
      </c>
      <c r="KK8" s="252" t="s">
        <v>51</v>
      </c>
      <c r="KL8" s="253" t="s">
        <v>45</v>
      </c>
      <c r="KM8" s="568"/>
      <c r="KN8" s="251" t="s">
        <v>43</v>
      </c>
      <c r="KO8" s="252" t="s">
        <v>44</v>
      </c>
      <c r="KP8" s="254" t="s">
        <v>45</v>
      </c>
      <c r="KQ8" s="76" t="s">
        <v>83</v>
      </c>
      <c r="KR8" s="252" t="s">
        <v>47</v>
      </c>
      <c r="KS8" s="252" t="s">
        <v>48</v>
      </c>
      <c r="KT8" s="252" t="s">
        <v>49</v>
      </c>
      <c r="KU8" s="252" t="s">
        <v>50</v>
      </c>
      <c r="KV8" s="252" t="s">
        <v>51</v>
      </c>
      <c r="KW8" s="253" t="s">
        <v>45</v>
      </c>
      <c r="KX8" s="568"/>
      <c r="KY8" s="251" t="s">
        <v>43</v>
      </c>
      <c r="KZ8" s="252" t="s">
        <v>44</v>
      </c>
      <c r="LA8" s="254" t="s">
        <v>45</v>
      </c>
      <c r="LB8" s="76" t="s">
        <v>83</v>
      </c>
      <c r="LC8" s="252" t="s">
        <v>47</v>
      </c>
      <c r="LD8" s="252" t="s">
        <v>48</v>
      </c>
      <c r="LE8" s="252" t="s">
        <v>49</v>
      </c>
      <c r="LF8" s="252" t="s">
        <v>50</v>
      </c>
      <c r="LG8" s="252" t="s">
        <v>51</v>
      </c>
      <c r="LH8" s="253" t="s">
        <v>45</v>
      </c>
      <c r="LI8" s="568"/>
      <c r="LJ8" s="251" t="s">
        <v>43</v>
      </c>
      <c r="LK8" s="252" t="s">
        <v>44</v>
      </c>
      <c r="LL8" s="254" t="s">
        <v>45</v>
      </c>
      <c r="LM8" s="76" t="s">
        <v>83</v>
      </c>
      <c r="LN8" s="252" t="s">
        <v>47</v>
      </c>
      <c r="LO8" s="252" t="s">
        <v>48</v>
      </c>
      <c r="LP8" s="252" t="s">
        <v>49</v>
      </c>
      <c r="LQ8" s="252" t="s">
        <v>50</v>
      </c>
      <c r="LR8" s="252" t="s">
        <v>51</v>
      </c>
      <c r="LS8" s="253" t="s">
        <v>45</v>
      </c>
      <c r="LT8" s="568"/>
      <c r="LU8" s="251" t="s">
        <v>43</v>
      </c>
      <c r="LV8" s="252" t="s">
        <v>44</v>
      </c>
      <c r="LW8" s="254" t="s">
        <v>45</v>
      </c>
      <c r="LX8" s="76" t="s">
        <v>83</v>
      </c>
      <c r="LY8" s="252" t="s">
        <v>47</v>
      </c>
      <c r="LZ8" s="252" t="s">
        <v>48</v>
      </c>
      <c r="MA8" s="252" t="s">
        <v>49</v>
      </c>
      <c r="MB8" s="252" t="s">
        <v>50</v>
      </c>
      <c r="MC8" s="252" t="s">
        <v>51</v>
      </c>
      <c r="MD8" s="253" t="s">
        <v>45</v>
      </c>
      <c r="ME8" s="568"/>
      <c r="MF8" s="251" t="s">
        <v>43</v>
      </c>
      <c r="MG8" s="252" t="s">
        <v>44</v>
      </c>
      <c r="MH8" s="254" t="s">
        <v>45</v>
      </c>
      <c r="MI8" s="76" t="s">
        <v>83</v>
      </c>
      <c r="MJ8" s="252" t="s">
        <v>47</v>
      </c>
      <c r="MK8" s="252" t="s">
        <v>48</v>
      </c>
      <c r="ML8" s="252" t="s">
        <v>49</v>
      </c>
      <c r="MM8" s="252" t="s">
        <v>50</v>
      </c>
      <c r="MN8" s="252" t="s">
        <v>51</v>
      </c>
      <c r="MO8" s="253" t="s">
        <v>45</v>
      </c>
      <c r="MP8" s="568"/>
      <c r="MQ8" s="251" t="s">
        <v>43</v>
      </c>
      <c r="MR8" s="252" t="s">
        <v>44</v>
      </c>
      <c r="MS8" s="254" t="s">
        <v>45</v>
      </c>
      <c r="MT8" s="76" t="s">
        <v>83</v>
      </c>
      <c r="MU8" s="252" t="s">
        <v>47</v>
      </c>
      <c r="MV8" s="252" t="s">
        <v>48</v>
      </c>
      <c r="MW8" s="252" t="s">
        <v>49</v>
      </c>
      <c r="MX8" s="252" t="s">
        <v>50</v>
      </c>
      <c r="MY8" s="252" t="s">
        <v>51</v>
      </c>
      <c r="MZ8" s="253" t="s">
        <v>45</v>
      </c>
      <c r="NA8" s="568"/>
      <c r="NB8" s="251" t="s">
        <v>43</v>
      </c>
      <c r="NC8" s="252" t="s">
        <v>44</v>
      </c>
      <c r="ND8" s="254" t="s">
        <v>45</v>
      </c>
      <c r="NE8" s="76" t="s">
        <v>83</v>
      </c>
      <c r="NF8" s="252" t="s">
        <v>47</v>
      </c>
      <c r="NG8" s="252" t="s">
        <v>48</v>
      </c>
      <c r="NH8" s="252" t="s">
        <v>49</v>
      </c>
      <c r="NI8" s="252" t="s">
        <v>50</v>
      </c>
      <c r="NJ8" s="252" t="s">
        <v>51</v>
      </c>
      <c r="NK8" s="253" t="s">
        <v>45</v>
      </c>
      <c r="NL8" s="568"/>
      <c r="NM8" s="251" t="s">
        <v>43</v>
      </c>
      <c r="NN8" s="252" t="s">
        <v>44</v>
      </c>
      <c r="NO8" s="254" t="s">
        <v>45</v>
      </c>
      <c r="NP8" s="76" t="s">
        <v>83</v>
      </c>
      <c r="NQ8" s="252" t="s">
        <v>47</v>
      </c>
      <c r="NR8" s="252" t="s">
        <v>48</v>
      </c>
      <c r="NS8" s="252" t="s">
        <v>49</v>
      </c>
      <c r="NT8" s="252" t="s">
        <v>50</v>
      </c>
      <c r="NU8" s="252" t="s">
        <v>51</v>
      </c>
      <c r="NV8" s="253" t="s">
        <v>45</v>
      </c>
      <c r="NW8" s="568"/>
      <c r="NX8" s="251" t="s">
        <v>43</v>
      </c>
      <c r="NY8" s="252" t="s">
        <v>44</v>
      </c>
      <c r="NZ8" s="254" t="s">
        <v>45</v>
      </c>
      <c r="OA8" s="76" t="s">
        <v>83</v>
      </c>
      <c r="OB8" s="252" t="s">
        <v>47</v>
      </c>
      <c r="OC8" s="252" t="s">
        <v>48</v>
      </c>
      <c r="OD8" s="252" t="s">
        <v>49</v>
      </c>
      <c r="OE8" s="252" t="s">
        <v>50</v>
      </c>
      <c r="OF8" s="252" t="s">
        <v>51</v>
      </c>
      <c r="OG8" s="253" t="s">
        <v>45</v>
      </c>
      <c r="OH8" s="568"/>
      <c r="OI8" s="251" t="s">
        <v>43</v>
      </c>
      <c r="OJ8" s="252" t="s">
        <v>44</v>
      </c>
      <c r="OK8" s="254" t="s">
        <v>45</v>
      </c>
      <c r="OL8" s="231" t="s">
        <v>83</v>
      </c>
      <c r="OM8" s="252" t="s">
        <v>47</v>
      </c>
      <c r="ON8" s="252" t="s">
        <v>48</v>
      </c>
      <c r="OO8" s="252" t="s">
        <v>49</v>
      </c>
      <c r="OP8" s="252" t="s">
        <v>50</v>
      </c>
      <c r="OQ8" s="252" t="s">
        <v>51</v>
      </c>
      <c r="OR8" s="253" t="s">
        <v>45</v>
      </c>
      <c r="OS8" s="568"/>
    </row>
    <row r="9" spans="2:409" s="407" customFormat="1" ht="21" customHeight="1" x14ac:dyDescent="0.2">
      <c r="B9" s="84" t="s">
        <v>4</v>
      </c>
      <c r="C9" s="255">
        <v>29836773</v>
      </c>
      <c r="D9" s="256">
        <v>53242090</v>
      </c>
      <c r="E9" s="257">
        <v>83078863</v>
      </c>
      <c r="F9" s="258">
        <v>0</v>
      </c>
      <c r="G9" s="256">
        <v>280465646</v>
      </c>
      <c r="H9" s="256">
        <v>387726864</v>
      </c>
      <c r="I9" s="256">
        <v>321173663</v>
      </c>
      <c r="J9" s="256">
        <v>315742517</v>
      </c>
      <c r="K9" s="256">
        <v>239191256</v>
      </c>
      <c r="L9" s="259">
        <v>1544299946</v>
      </c>
      <c r="M9" s="260">
        <v>1627378809</v>
      </c>
      <c r="N9" s="255">
        <v>9340790</v>
      </c>
      <c r="O9" s="256">
        <v>19701746</v>
      </c>
      <c r="P9" s="261">
        <v>29042536</v>
      </c>
      <c r="Q9" s="255">
        <v>0</v>
      </c>
      <c r="R9" s="256">
        <v>86536820</v>
      </c>
      <c r="S9" s="256">
        <v>133780556</v>
      </c>
      <c r="T9" s="256">
        <v>108962417</v>
      </c>
      <c r="U9" s="256">
        <v>115872667</v>
      </c>
      <c r="V9" s="256">
        <v>111286046</v>
      </c>
      <c r="W9" s="261">
        <v>556438506</v>
      </c>
      <c r="X9" s="260">
        <v>585481042</v>
      </c>
      <c r="Y9" s="255">
        <v>0</v>
      </c>
      <c r="Z9" s="256">
        <v>0</v>
      </c>
      <c r="AA9" s="261">
        <v>0</v>
      </c>
      <c r="AB9" s="262">
        <v>0</v>
      </c>
      <c r="AC9" s="263">
        <v>32537492</v>
      </c>
      <c r="AD9" s="263">
        <v>53784869</v>
      </c>
      <c r="AE9" s="263">
        <v>53906157</v>
      </c>
      <c r="AF9" s="263">
        <v>58883211</v>
      </c>
      <c r="AG9" s="263">
        <v>61541339</v>
      </c>
      <c r="AH9" s="261">
        <v>260653068</v>
      </c>
      <c r="AI9" s="260">
        <v>260653068</v>
      </c>
      <c r="AJ9" s="264">
        <v>0</v>
      </c>
      <c r="AK9" s="263">
        <v>89235</v>
      </c>
      <c r="AL9" s="261">
        <v>89235</v>
      </c>
      <c r="AM9" s="262">
        <v>0</v>
      </c>
      <c r="AN9" s="263">
        <v>318820</v>
      </c>
      <c r="AO9" s="259">
        <v>899252</v>
      </c>
      <c r="AP9" s="263">
        <v>2534003</v>
      </c>
      <c r="AQ9" s="263">
        <v>6781351</v>
      </c>
      <c r="AR9" s="263">
        <v>13395090</v>
      </c>
      <c r="AS9" s="261">
        <v>23928516</v>
      </c>
      <c r="AT9" s="260">
        <v>24017751</v>
      </c>
      <c r="AU9" s="264">
        <v>4989275</v>
      </c>
      <c r="AV9" s="263">
        <v>13744435</v>
      </c>
      <c r="AW9" s="261">
        <v>18733710</v>
      </c>
      <c r="AX9" s="262">
        <v>0</v>
      </c>
      <c r="AY9" s="263">
        <v>32932828</v>
      </c>
      <c r="AZ9" s="263">
        <v>53090938</v>
      </c>
      <c r="BA9" s="263">
        <v>31656295</v>
      </c>
      <c r="BB9" s="263">
        <v>28806461</v>
      </c>
      <c r="BC9" s="263">
        <v>20250099</v>
      </c>
      <c r="BD9" s="261">
        <v>166736621</v>
      </c>
      <c r="BE9" s="265">
        <v>185470331</v>
      </c>
      <c r="BF9" s="264">
        <v>456176</v>
      </c>
      <c r="BG9" s="259">
        <v>1632337</v>
      </c>
      <c r="BH9" s="266">
        <v>2088513</v>
      </c>
      <c r="BI9" s="262">
        <v>0</v>
      </c>
      <c r="BJ9" s="263">
        <v>2971663</v>
      </c>
      <c r="BK9" s="263">
        <v>4200847</v>
      </c>
      <c r="BL9" s="263">
        <v>2565984</v>
      </c>
      <c r="BM9" s="263">
        <v>2616966</v>
      </c>
      <c r="BN9" s="263">
        <v>1663774</v>
      </c>
      <c r="BO9" s="261">
        <v>14019234</v>
      </c>
      <c r="BP9" s="260">
        <v>16107747</v>
      </c>
      <c r="BQ9" s="264">
        <v>3895339</v>
      </c>
      <c r="BR9" s="263">
        <v>4235739</v>
      </c>
      <c r="BS9" s="261">
        <v>8131078</v>
      </c>
      <c r="BT9" s="262">
        <v>0</v>
      </c>
      <c r="BU9" s="263">
        <v>17776017</v>
      </c>
      <c r="BV9" s="263">
        <v>21804650</v>
      </c>
      <c r="BW9" s="263">
        <v>18299978</v>
      </c>
      <c r="BX9" s="263">
        <v>18784678</v>
      </c>
      <c r="BY9" s="263">
        <v>14435744</v>
      </c>
      <c r="BZ9" s="261">
        <v>91101067</v>
      </c>
      <c r="CA9" s="260">
        <v>99232145</v>
      </c>
      <c r="CB9" s="264">
        <v>2495957</v>
      </c>
      <c r="CC9" s="263">
        <v>6852233</v>
      </c>
      <c r="CD9" s="261">
        <v>9348190</v>
      </c>
      <c r="CE9" s="262">
        <v>0</v>
      </c>
      <c r="CF9" s="263">
        <v>65832844</v>
      </c>
      <c r="CG9" s="263">
        <v>81842865</v>
      </c>
      <c r="CH9" s="267">
        <v>54693318</v>
      </c>
      <c r="CI9" s="263">
        <v>34081714</v>
      </c>
      <c r="CJ9" s="263">
        <v>14938915</v>
      </c>
      <c r="CK9" s="261">
        <v>251389656</v>
      </c>
      <c r="CL9" s="260">
        <v>260737846</v>
      </c>
      <c r="CM9" s="255">
        <v>0</v>
      </c>
      <c r="CN9" s="256">
        <v>0</v>
      </c>
      <c r="CO9" s="261">
        <v>0</v>
      </c>
      <c r="CP9" s="262">
        <v>0</v>
      </c>
      <c r="CQ9" s="263">
        <v>52289743</v>
      </c>
      <c r="CR9" s="263">
        <v>60958014</v>
      </c>
      <c r="CS9" s="263">
        <v>37407142</v>
      </c>
      <c r="CT9" s="263">
        <v>22965135</v>
      </c>
      <c r="CU9" s="263">
        <v>10424639</v>
      </c>
      <c r="CV9" s="268">
        <v>184044673</v>
      </c>
      <c r="CW9" s="260">
        <v>184044673</v>
      </c>
      <c r="CX9" s="264">
        <v>2495957</v>
      </c>
      <c r="CY9" s="263">
        <v>6852233</v>
      </c>
      <c r="CZ9" s="261">
        <v>9348190</v>
      </c>
      <c r="DA9" s="262">
        <v>0</v>
      </c>
      <c r="DB9" s="263">
        <v>13543101</v>
      </c>
      <c r="DC9" s="263">
        <v>20884851</v>
      </c>
      <c r="DD9" s="263">
        <v>17286176</v>
      </c>
      <c r="DE9" s="263">
        <v>11116579</v>
      </c>
      <c r="DF9" s="263">
        <v>4514276</v>
      </c>
      <c r="DG9" s="261">
        <v>67344983</v>
      </c>
      <c r="DH9" s="260">
        <v>76693173</v>
      </c>
      <c r="DI9" s="264">
        <v>74287</v>
      </c>
      <c r="DJ9" s="263">
        <v>479113</v>
      </c>
      <c r="DK9" s="266">
        <v>553400</v>
      </c>
      <c r="DL9" s="262">
        <v>0</v>
      </c>
      <c r="DM9" s="263">
        <v>8199813</v>
      </c>
      <c r="DN9" s="263">
        <v>15672939</v>
      </c>
      <c r="DO9" s="263">
        <v>26204907</v>
      </c>
      <c r="DP9" s="263">
        <v>20608520</v>
      </c>
      <c r="DQ9" s="263">
        <v>12397713</v>
      </c>
      <c r="DR9" s="269">
        <v>83083892</v>
      </c>
      <c r="DS9" s="260">
        <v>83637292</v>
      </c>
      <c r="DT9" s="264">
        <v>52001</v>
      </c>
      <c r="DU9" s="263">
        <v>447612</v>
      </c>
      <c r="DV9" s="261">
        <v>499613</v>
      </c>
      <c r="DW9" s="262">
        <v>0</v>
      </c>
      <c r="DX9" s="263">
        <v>7389048</v>
      </c>
      <c r="DY9" s="263">
        <v>13120913</v>
      </c>
      <c r="DZ9" s="263">
        <v>22573179</v>
      </c>
      <c r="EA9" s="263">
        <v>16520617</v>
      </c>
      <c r="EB9" s="263">
        <v>9880736</v>
      </c>
      <c r="EC9" s="261">
        <v>69484493</v>
      </c>
      <c r="ED9" s="260">
        <v>69984106</v>
      </c>
      <c r="EE9" s="264">
        <v>22286</v>
      </c>
      <c r="EF9" s="259">
        <v>31501</v>
      </c>
      <c r="EG9" s="261">
        <v>53787</v>
      </c>
      <c r="EH9" s="265">
        <v>0</v>
      </c>
      <c r="EI9" s="263">
        <v>810765</v>
      </c>
      <c r="EJ9" s="263">
        <v>2552026</v>
      </c>
      <c r="EK9" s="263">
        <v>3631728</v>
      </c>
      <c r="EL9" s="263">
        <v>4087903</v>
      </c>
      <c r="EM9" s="267">
        <v>2516977</v>
      </c>
      <c r="EN9" s="259">
        <v>13599399</v>
      </c>
      <c r="EO9" s="260">
        <v>13653186</v>
      </c>
      <c r="EP9" s="264">
        <v>0</v>
      </c>
      <c r="EQ9" s="263">
        <v>0</v>
      </c>
      <c r="ER9" s="259">
        <v>0</v>
      </c>
      <c r="ES9" s="262">
        <v>0</v>
      </c>
      <c r="ET9" s="263">
        <v>0</v>
      </c>
      <c r="EU9" s="263">
        <v>0</v>
      </c>
      <c r="EV9" s="263">
        <v>0</v>
      </c>
      <c r="EW9" s="263">
        <v>0</v>
      </c>
      <c r="EX9" s="263">
        <v>0</v>
      </c>
      <c r="EY9" s="268">
        <v>0</v>
      </c>
      <c r="EZ9" s="260">
        <v>0</v>
      </c>
      <c r="FA9" s="264">
        <v>0</v>
      </c>
      <c r="FB9" s="263">
        <v>0</v>
      </c>
      <c r="FC9" s="259">
        <v>0</v>
      </c>
      <c r="FD9" s="402">
        <v>0</v>
      </c>
      <c r="FE9" s="263">
        <v>0</v>
      </c>
      <c r="FF9" s="263">
        <v>0</v>
      </c>
      <c r="FG9" s="263">
        <v>0</v>
      </c>
      <c r="FH9" s="263">
        <v>0</v>
      </c>
      <c r="FI9" s="263">
        <v>0</v>
      </c>
      <c r="FJ9" s="268">
        <v>0</v>
      </c>
      <c r="FK9" s="260">
        <v>0</v>
      </c>
      <c r="FL9" s="264">
        <v>4858573</v>
      </c>
      <c r="FM9" s="263">
        <v>9739513</v>
      </c>
      <c r="FN9" s="261">
        <v>14598086</v>
      </c>
      <c r="FO9" s="262">
        <v>0</v>
      </c>
      <c r="FP9" s="263">
        <v>13590864</v>
      </c>
      <c r="FQ9" s="263">
        <v>34693106</v>
      </c>
      <c r="FR9" s="263">
        <v>23834952</v>
      </c>
      <c r="FS9" s="263">
        <v>21764893</v>
      </c>
      <c r="FT9" s="263">
        <v>14419456</v>
      </c>
      <c r="FU9" s="261">
        <v>108303271</v>
      </c>
      <c r="FV9" s="260">
        <v>122901357</v>
      </c>
      <c r="FW9" s="264">
        <v>2722261</v>
      </c>
      <c r="FX9" s="263">
        <v>7240093</v>
      </c>
      <c r="FY9" s="259">
        <v>9962354</v>
      </c>
      <c r="FZ9" s="265">
        <v>0</v>
      </c>
      <c r="GA9" s="263">
        <v>10455312</v>
      </c>
      <c r="GB9" s="270">
        <v>31576812</v>
      </c>
      <c r="GC9" s="263">
        <v>22445125</v>
      </c>
      <c r="GD9" s="270">
        <v>20036193</v>
      </c>
      <c r="GE9" s="263">
        <v>13778321</v>
      </c>
      <c r="GF9" s="268">
        <v>98291763</v>
      </c>
      <c r="GG9" s="271">
        <v>108254117</v>
      </c>
      <c r="GH9" s="272">
        <v>334513</v>
      </c>
      <c r="GI9" s="263">
        <v>394848</v>
      </c>
      <c r="GJ9" s="270">
        <v>729361</v>
      </c>
      <c r="GK9" s="258">
        <v>0</v>
      </c>
      <c r="GL9" s="263">
        <v>1102903</v>
      </c>
      <c r="GM9" s="259">
        <v>1272796</v>
      </c>
      <c r="GN9" s="263">
        <v>579713</v>
      </c>
      <c r="GO9" s="259">
        <v>745130</v>
      </c>
      <c r="GP9" s="263">
        <v>197335</v>
      </c>
      <c r="GQ9" s="269">
        <v>3897877</v>
      </c>
      <c r="GR9" s="260">
        <v>4627238</v>
      </c>
      <c r="GS9" s="259">
        <v>1801799</v>
      </c>
      <c r="GT9" s="263">
        <v>2104572</v>
      </c>
      <c r="GU9" s="261">
        <v>3906371</v>
      </c>
      <c r="GV9" s="259">
        <v>0</v>
      </c>
      <c r="GW9" s="263">
        <v>2032649</v>
      </c>
      <c r="GX9" s="259">
        <v>1843498</v>
      </c>
      <c r="GY9" s="263">
        <v>810114</v>
      </c>
      <c r="GZ9" s="259">
        <v>983570</v>
      </c>
      <c r="HA9" s="263">
        <v>443800</v>
      </c>
      <c r="HB9" s="259">
        <v>6113631</v>
      </c>
      <c r="HC9" s="260">
        <v>10020002</v>
      </c>
      <c r="HD9" s="259">
        <v>13067166</v>
      </c>
      <c r="HE9" s="263">
        <v>16469485</v>
      </c>
      <c r="HF9" s="259">
        <v>29536651</v>
      </c>
      <c r="HG9" s="265">
        <v>0</v>
      </c>
      <c r="HH9" s="263">
        <v>106305305</v>
      </c>
      <c r="HI9" s="270">
        <v>121737398</v>
      </c>
      <c r="HJ9" s="263">
        <v>107478069</v>
      </c>
      <c r="HK9" s="270">
        <v>123414723</v>
      </c>
      <c r="HL9" s="263">
        <v>86149126</v>
      </c>
      <c r="HM9" s="268">
        <v>545084621</v>
      </c>
      <c r="HN9" s="259">
        <v>574621272</v>
      </c>
      <c r="HO9" s="272">
        <v>0</v>
      </c>
      <c r="HP9" s="263">
        <v>0</v>
      </c>
      <c r="HQ9" s="268">
        <v>0</v>
      </c>
      <c r="HR9" s="270">
        <v>0</v>
      </c>
      <c r="HS9" s="263">
        <v>0</v>
      </c>
      <c r="HT9" s="270">
        <v>0</v>
      </c>
      <c r="HU9" s="263">
        <v>0</v>
      </c>
      <c r="HV9" s="270">
        <v>0</v>
      </c>
      <c r="HW9" s="263">
        <v>0</v>
      </c>
      <c r="HX9" s="270">
        <v>0</v>
      </c>
      <c r="HY9" s="260">
        <v>0</v>
      </c>
      <c r="HZ9" s="273">
        <v>393139</v>
      </c>
      <c r="IA9" s="274">
        <v>1388598</v>
      </c>
      <c r="IB9" s="275">
        <v>1781737</v>
      </c>
      <c r="IC9" s="276">
        <v>0</v>
      </c>
      <c r="ID9" s="274">
        <v>57443203</v>
      </c>
      <c r="IE9" s="277">
        <v>77437624</v>
      </c>
      <c r="IF9" s="278">
        <v>84278386</v>
      </c>
      <c r="IG9" s="274">
        <v>60857139</v>
      </c>
      <c r="IH9" s="278">
        <v>47768994</v>
      </c>
      <c r="II9" s="279">
        <v>327785346</v>
      </c>
      <c r="IJ9" s="280">
        <v>329567083</v>
      </c>
      <c r="IK9" s="281">
        <v>0</v>
      </c>
      <c r="IL9" s="282">
        <v>0</v>
      </c>
      <c r="IM9" s="283">
        <v>0</v>
      </c>
      <c r="IN9" s="402">
        <v>0</v>
      </c>
      <c r="IO9" s="284">
        <v>1145146</v>
      </c>
      <c r="IP9" s="284">
        <v>3580941</v>
      </c>
      <c r="IQ9" s="284">
        <v>3530191</v>
      </c>
      <c r="IR9" s="284">
        <v>4954584</v>
      </c>
      <c r="IS9" s="284">
        <v>4625629</v>
      </c>
      <c r="IT9" s="285">
        <v>17836491</v>
      </c>
      <c r="IU9" s="286">
        <v>17836491</v>
      </c>
      <c r="IV9" s="287">
        <v>0</v>
      </c>
      <c r="IW9" s="284">
        <v>0</v>
      </c>
      <c r="IX9" s="288">
        <v>0</v>
      </c>
      <c r="IY9" s="402">
        <v>0</v>
      </c>
      <c r="IZ9" s="284">
        <v>198209</v>
      </c>
      <c r="JA9" s="284">
        <v>681799</v>
      </c>
      <c r="JB9" s="284">
        <v>595441</v>
      </c>
      <c r="JC9" s="284">
        <v>678547</v>
      </c>
      <c r="JD9" s="284">
        <v>1507470</v>
      </c>
      <c r="JE9" s="288">
        <v>3661466</v>
      </c>
      <c r="JF9" s="289">
        <v>3661466</v>
      </c>
      <c r="JG9" s="287">
        <v>0</v>
      </c>
      <c r="JH9" s="284">
        <v>0</v>
      </c>
      <c r="JI9" s="285">
        <v>0</v>
      </c>
      <c r="JJ9" s="290">
        <v>0</v>
      </c>
      <c r="JK9" s="284">
        <v>26603731</v>
      </c>
      <c r="JL9" s="284">
        <v>29654795</v>
      </c>
      <c r="JM9" s="284">
        <v>19292000</v>
      </c>
      <c r="JN9" s="284">
        <v>12285433</v>
      </c>
      <c r="JO9" s="284">
        <v>4218146</v>
      </c>
      <c r="JP9" s="288">
        <v>92054105</v>
      </c>
      <c r="JQ9" s="286">
        <v>92054105</v>
      </c>
      <c r="JR9" s="287">
        <v>19363</v>
      </c>
      <c r="JS9" s="284">
        <v>0</v>
      </c>
      <c r="JT9" s="285">
        <v>19363</v>
      </c>
      <c r="JU9" s="290">
        <v>0</v>
      </c>
      <c r="JV9" s="284">
        <v>3040147</v>
      </c>
      <c r="JW9" s="284">
        <v>4911176</v>
      </c>
      <c r="JX9" s="284">
        <v>5428311</v>
      </c>
      <c r="JY9" s="284">
        <v>2713978</v>
      </c>
      <c r="JZ9" s="284">
        <v>4053362</v>
      </c>
      <c r="KA9" s="288">
        <v>20146974</v>
      </c>
      <c r="KB9" s="286">
        <v>20166337</v>
      </c>
      <c r="KC9" s="291">
        <v>373776</v>
      </c>
      <c r="KD9" s="292">
        <v>1388598</v>
      </c>
      <c r="KE9" s="288">
        <v>1762374</v>
      </c>
      <c r="KF9" s="290">
        <v>0</v>
      </c>
      <c r="KG9" s="284">
        <v>7490222</v>
      </c>
      <c r="KH9" s="284">
        <v>8684546</v>
      </c>
      <c r="KI9" s="284">
        <v>14873942</v>
      </c>
      <c r="KJ9" s="284">
        <v>8161868</v>
      </c>
      <c r="KK9" s="284">
        <v>5468223</v>
      </c>
      <c r="KL9" s="288">
        <v>44678801</v>
      </c>
      <c r="KM9" s="293">
        <v>46441175</v>
      </c>
      <c r="KN9" s="281">
        <v>0</v>
      </c>
      <c r="KO9" s="282">
        <v>0</v>
      </c>
      <c r="KP9" s="283">
        <v>0</v>
      </c>
      <c r="KQ9" s="406">
        <v>0</v>
      </c>
      <c r="KR9" s="284">
        <v>16400975</v>
      </c>
      <c r="KS9" s="284">
        <v>26513026</v>
      </c>
      <c r="KT9" s="284">
        <v>33198537</v>
      </c>
      <c r="KU9" s="284">
        <v>17949202</v>
      </c>
      <c r="KV9" s="284">
        <v>17233368</v>
      </c>
      <c r="KW9" s="288">
        <v>111295108</v>
      </c>
      <c r="KX9" s="286">
        <v>111295108</v>
      </c>
      <c r="KY9" s="287">
        <v>0</v>
      </c>
      <c r="KZ9" s="284">
        <v>0</v>
      </c>
      <c r="LA9" s="288">
        <v>0</v>
      </c>
      <c r="LB9" s="406">
        <v>0</v>
      </c>
      <c r="LC9" s="284">
        <v>141273</v>
      </c>
      <c r="LD9" s="284">
        <v>359082</v>
      </c>
      <c r="LE9" s="284">
        <v>1503782</v>
      </c>
      <c r="LF9" s="284">
        <v>799514</v>
      </c>
      <c r="LG9" s="284">
        <v>932951</v>
      </c>
      <c r="LH9" s="288">
        <v>3736602</v>
      </c>
      <c r="LI9" s="289">
        <v>3736602</v>
      </c>
      <c r="LJ9" s="287">
        <v>0</v>
      </c>
      <c r="LK9" s="284">
        <v>0</v>
      </c>
      <c r="LL9" s="288">
        <v>0</v>
      </c>
      <c r="LM9" s="406">
        <v>0</v>
      </c>
      <c r="LN9" s="284">
        <v>0</v>
      </c>
      <c r="LO9" s="284">
        <v>228571</v>
      </c>
      <c r="LP9" s="284">
        <v>2148449</v>
      </c>
      <c r="LQ9" s="284">
        <v>5398906</v>
      </c>
      <c r="LR9" s="284">
        <v>655041</v>
      </c>
      <c r="LS9" s="288">
        <v>8430967</v>
      </c>
      <c r="LT9" s="286">
        <v>8430967</v>
      </c>
      <c r="LU9" s="287">
        <v>0</v>
      </c>
      <c r="LV9" s="284">
        <v>0</v>
      </c>
      <c r="LW9" s="288">
        <v>0</v>
      </c>
      <c r="LX9" s="406">
        <v>0</v>
      </c>
      <c r="LY9" s="284">
        <v>2423500</v>
      </c>
      <c r="LZ9" s="284">
        <v>2823688</v>
      </c>
      <c r="MA9" s="284">
        <v>3707733</v>
      </c>
      <c r="MB9" s="284">
        <v>7915107</v>
      </c>
      <c r="MC9" s="284">
        <v>9074804</v>
      </c>
      <c r="MD9" s="288">
        <v>25944832</v>
      </c>
      <c r="ME9" s="289">
        <v>25944832</v>
      </c>
      <c r="MF9" s="287">
        <v>0</v>
      </c>
      <c r="MG9" s="284">
        <v>0</v>
      </c>
      <c r="MH9" s="288">
        <v>0</v>
      </c>
      <c r="MI9" s="406">
        <v>0</v>
      </c>
      <c r="MJ9" s="284">
        <v>17454210</v>
      </c>
      <c r="MK9" s="284">
        <v>40808046</v>
      </c>
      <c r="ML9" s="284">
        <v>120483912</v>
      </c>
      <c r="MM9" s="284">
        <v>180860083</v>
      </c>
      <c r="MN9" s="284">
        <v>109539343</v>
      </c>
      <c r="MO9" s="288">
        <v>469145594</v>
      </c>
      <c r="MP9" s="293">
        <v>469145594</v>
      </c>
      <c r="MQ9" s="287">
        <v>0</v>
      </c>
      <c r="MR9" s="284">
        <v>0</v>
      </c>
      <c r="MS9" s="288">
        <v>0</v>
      </c>
      <c r="MT9" s="406">
        <v>0</v>
      </c>
      <c r="MU9" s="284">
        <v>2836907</v>
      </c>
      <c r="MV9" s="284">
        <v>8878193</v>
      </c>
      <c r="MW9" s="284">
        <v>72475103</v>
      </c>
      <c r="MX9" s="284">
        <v>103074352</v>
      </c>
      <c r="MY9" s="284">
        <v>63479082</v>
      </c>
      <c r="MZ9" s="288">
        <v>250743637</v>
      </c>
      <c r="NA9" s="293">
        <v>250743637</v>
      </c>
      <c r="NB9" s="287">
        <v>0</v>
      </c>
      <c r="NC9" s="284">
        <v>0</v>
      </c>
      <c r="ND9" s="288">
        <v>0</v>
      </c>
      <c r="NE9" s="406">
        <v>0</v>
      </c>
      <c r="NF9" s="284">
        <v>14434351</v>
      </c>
      <c r="NG9" s="284">
        <v>30461332</v>
      </c>
      <c r="NH9" s="284">
        <v>47678176</v>
      </c>
      <c r="NI9" s="284">
        <v>73944389</v>
      </c>
      <c r="NJ9" s="284">
        <v>39680730</v>
      </c>
      <c r="NK9" s="288">
        <v>206198978</v>
      </c>
      <c r="NL9" s="286">
        <v>206198978</v>
      </c>
      <c r="NM9" s="287">
        <v>0</v>
      </c>
      <c r="NN9" s="284">
        <v>0</v>
      </c>
      <c r="NO9" s="288">
        <v>0</v>
      </c>
      <c r="NP9" s="406">
        <v>0</v>
      </c>
      <c r="NQ9" s="284">
        <v>0</v>
      </c>
      <c r="NR9" s="284">
        <v>0</v>
      </c>
      <c r="NS9" s="284">
        <v>0</v>
      </c>
      <c r="NT9" s="284">
        <v>0</v>
      </c>
      <c r="NU9" s="284">
        <v>0</v>
      </c>
      <c r="NV9" s="288">
        <v>0</v>
      </c>
      <c r="NW9" s="289">
        <v>0</v>
      </c>
      <c r="NX9" s="287">
        <v>0</v>
      </c>
      <c r="NY9" s="284">
        <v>0</v>
      </c>
      <c r="NZ9" s="288">
        <v>0</v>
      </c>
      <c r="OA9" s="406">
        <v>0</v>
      </c>
      <c r="OB9" s="284">
        <v>182952</v>
      </c>
      <c r="OC9" s="284">
        <v>1468521</v>
      </c>
      <c r="OD9" s="284">
        <v>330633</v>
      </c>
      <c r="OE9" s="284">
        <v>3841342</v>
      </c>
      <c r="OF9" s="284">
        <v>6379531</v>
      </c>
      <c r="OG9" s="288">
        <v>12202979</v>
      </c>
      <c r="OH9" s="289">
        <v>12202979</v>
      </c>
      <c r="OI9" s="287">
        <v>30229912</v>
      </c>
      <c r="OJ9" s="284">
        <v>54630688</v>
      </c>
      <c r="OK9" s="285">
        <v>84860600</v>
      </c>
      <c r="OL9" s="290">
        <v>0</v>
      </c>
      <c r="OM9" s="284">
        <v>355363059</v>
      </c>
      <c r="ON9" s="284">
        <v>505972534</v>
      </c>
      <c r="OO9" s="284">
        <v>525935961</v>
      </c>
      <c r="OP9" s="284">
        <v>557459739</v>
      </c>
      <c r="OQ9" s="284">
        <v>396499593</v>
      </c>
      <c r="OR9" s="288">
        <v>2341230886</v>
      </c>
      <c r="OS9" s="293">
        <v>2426091486</v>
      </c>
    </row>
    <row r="10" spans="2:409" s="407" customFormat="1" ht="21" customHeight="1" x14ac:dyDescent="0.2">
      <c r="B10" s="95" t="s">
        <v>5</v>
      </c>
      <c r="C10" s="295">
        <v>13084628</v>
      </c>
      <c r="D10" s="296">
        <v>28080829</v>
      </c>
      <c r="E10" s="297">
        <v>41165457</v>
      </c>
      <c r="F10" s="298">
        <v>0</v>
      </c>
      <c r="G10" s="296">
        <v>108870175</v>
      </c>
      <c r="H10" s="296">
        <v>185729718</v>
      </c>
      <c r="I10" s="296">
        <v>145965885</v>
      </c>
      <c r="J10" s="296">
        <v>140981702</v>
      </c>
      <c r="K10" s="296">
        <v>108161494</v>
      </c>
      <c r="L10" s="298">
        <v>689708974</v>
      </c>
      <c r="M10" s="299">
        <v>730874431</v>
      </c>
      <c r="N10" s="295">
        <v>4486833</v>
      </c>
      <c r="O10" s="296">
        <v>11207602</v>
      </c>
      <c r="P10" s="297">
        <v>15694435</v>
      </c>
      <c r="Q10" s="295">
        <v>0</v>
      </c>
      <c r="R10" s="296">
        <v>34653769</v>
      </c>
      <c r="S10" s="296">
        <v>65713202</v>
      </c>
      <c r="T10" s="296">
        <v>48024755</v>
      </c>
      <c r="U10" s="296">
        <v>50065572</v>
      </c>
      <c r="V10" s="296">
        <v>52429688</v>
      </c>
      <c r="W10" s="297">
        <v>250886986</v>
      </c>
      <c r="X10" s="299">
        <v>266581421</v>
      </c>
      <c r="Y10" s="295">
        <v>0</v>
      </c>
      <c r="Z10" s="296">
        <v>0</v>
      </c>
      <c r="AA10" s="297">
        <v>0</v>
      </c>
      <c r="AB10" s="295">
        <v>0</v>
      </c>
      <c r="AC10" s="296">
        <v>12618061</v>
      </c>
      <c r="AD10" s="296">
        <v>24124448</v>
      </c>
      <c r="AE10" s="296">
        <v>21790164</v>
      </c>
      <c r="AF10" s="296">
        <v>24424687</v>
      </c>
      <c r="AG10" s="296">
        <v>28106160</v>
      </c>
      <c r="AH10" s="297">
        <v>111063520</v>
      </c>
      <c r="AI10" s="299">
        <v>111063520</v>
      </c>
      <c r="AJ10" s="295">
        <v>0</v>
      </c>
      <c r="AK10" s="296">
        <v>59538</v>
      </c>
      <c r="AL10" s="297">
        <v>59538</v>
      </c>
      <c r="AM10" s="295">
        <v>0</v>
      </c>
      <c r="AN10" s="296">
        <v>146601</v>
      </c>
      <c r="AO10" s="296">
        <v>336867</v>
      </c>
      <c r="AP10" s="296">
        <v>786101</v>
      </c>
      <c r="AQ10" s="296">
        <v>2552937</v>
      </c>
      <c r="AR10" s="296">
        <v>7380223</v>
      </c>
      <c r="AS10" s="297">
        <v>11202729</v>
      </c>
      <c r="AT10" s="299">
        <v>11262267</v>
      </c>
      <c r="AU10" s="295">
        <v>2357912</v>
      </c>
      <c r="AV10" s="296">
        <v>7929449</v>
      </c>
      <c r="AW10" s="297">
        <v>10287361</v>
      </c>
      <c r="AX10" s="295">
        <v>0</v>
      </c>
      <c r="AY10" s="296">
        <v>13696168</v>
      </c>
      <c r="AZ10" s="296">
        <v>28735270</v>
      </c>
      <c r="BA10" s="296">
        <v>16105583</v>
      </c>
      <c r="BB10" s="296">
        <v>13561255</v>
      </c>
      <c r="BC10" s="296">
        <v>9957381</v>
      </c>
      <c r="BD10" s="297">
        <v>82055657</v>
      </c>
      <c r="BE10" s="299">
        <v>92343018</v>
      </c>
      <c r="BF10" s="295">
        <v>201513</v>
      </c>
      <c r="BG10" s="296">
        <v>959115</v>
      </c>
      <c r="BH10" s="300">
        <v>1160628</v>
      </c>
      <c r="BI10" s="301">
        <v>0</v>
      </c>
      <c r="BJ10" s="296">
        <v>985942</v>
      </c>
      <c r="BK10" s="296">
        <v>2030127</v>
      </c>
      <c r="BL10" s="296">
        <v>1096596</v>
      </c>
      <c r="BM10" s="296">
        <v>1147256</v>
      </c>
      <c r="BN10" s="296">
        <v>772479</v>
      </c>
      <c r="BO10" s="297">
        <v>6032400</v>
      </c>
      <c r="BP10" s="299">
        <v>7193028</v>
      </c>
      <c r="BQ10" s="295">
        <v>1927408</v>
      </c>
      <c r="BR10" s="296">
        <v>2259500</v>
      </c>
      <c r="BS10" s="297">
        <v>4186908</v>
      </c>
      <c r="BT10" s="295">
        <v>0</v>
      </c>
      <c r="BU10" s="296">
        <v>7206997</v>
      </c>
      <c r="BV10" s="296">
        <v>10486490</v>
      </c>
      <c r="BW10" s="296">
        <v>8246311</v>
      </c>
      <c r="BX10" s="296">
        <v>8379437</v>
      </c>
      <c r="BY10" s="296">
        <v>6213445</v>
      </c>
      <c r="BZ10" s="297">
        <v>40532680</v>
      </c>
      <c r="CA10" s="299">
        <v>44719588</v>
      </c>
      <c r="CB10" s="295">
        <v>1074627</v>
      </c>
      <c r="CC10" s="296">
        <v>3436768</v>
      </c>
      <c r="CD10" s="297">
        <v>4511395</v>
      </c>
      <c r="CE10" s="295">
        <v>0</v>
      </c>
      <c r="CF10" s="296">
        <v>23009252</v>
      </c>
      <c r="CG10" s="296">
        <v>36810106</v>
      </c>
      <c r="CH10" s="296">
        <v>22075075</v>
      </c>
      <c r="CI10" s="296">
        <v>13885641</v>
      </c>
      <c r="CJ10" s="296">
        <v>6417709</v>
      </c>
      <c r="CK10" s="297">
        <v>102197783</v>
      </c>
      <c r="CL10" s="299">
        <v>106709178</v>
      </c>
      <c r="CM10" s="295">
        <v>0</v>
      </c>
      <c r="CN10" s="296">
        <v>0</v>
      </c>
      <c r="CO10" s="297">
        <v>0</v>
      </c>
      <c r="CP10" s="301">
        <v>0</v>
      </c>
      <c r="CQ10" s="296">
        <v>18569517</v>
      </c>
      <c r="CR10" s="296">
        <v>26788727</v>
      </c>
      <c r="CS10" s="296">
        <v>13649884</v>
      </c>
      <c r="CT10" s="296">
        <v>8503945</v>
      </c>
      <c r="CU10" s="296">
        <v>4335815</v>
      </c>
      <c r="CV10" s="297">
        <v>71847888</v>
      </c>
      <c r="CW10" s="299">
        <v>71847888</v>
      </c>
      <c r="CX10" s="295">
        <v>1074627</v>
      </c>
      <c r="CY10" s="296">
        <v>3436768</v>
      </c>
      <c r="CZ10" s="297">
        <v>4511395</v>
      </c>
      <c r="DA10" s="295">
        <v>0</v>
      </c>
      <c r="DB10" s="296">
        <v>4439735</v>
      </c>
      <c r="DC10" s="296">
        <v>10021379</v>
      </c>
      <c r="DD10" s="296">
        <v>8425191</v>
      </c>
      <c r="DE10" s="296">
        <v>5381696</v>
      </c>
      <c r="DF10" s="296">
        <v>2081894</v>
      </c>
      <c r="DG10" s="297">
        <v>30349895</v>
      </c>
      <c r="DH10" s="299">
        <v>34861290</v>
      </c>
      <c r="DI10" s="295">
        <v>47258</v>
      </c>
      <c r="DJ10" s="296">
        <v>245710</v>
      </c>
      <c r="DK10" s="300">
        <v>292968</v>
      </c>
      <c r="DL10" s="301">
        <v>0</v>
      </c>
      <c r="DM10" s="296">
        <v>3265116</v>
      </c>
      <c r="DN10" s="296">
        <v>7095202</v>
      </c>
      <c r="DO10" s="296">
        <v>13172836</v>
      </c>
      <c r="DP10" s="296">
        <v>9241935</v>
      </c>
      <c r="DQ10" s="296">
        <v>6036327</v>
      </c>
      <c r="DR10" s="297">
        <v>38811416</v>
      </c>
      <c r="DS10" s="299">
        <v>39104384</v>
      </c>
      <c r="DT10" s="295">
        <v>24972</v>
      </c>
      <c r="DU10" s="296">
        <v>214209</v>
      </c>
      <c r="DV10" s="297">
        <v>239181</v>
      </c>
      <c r="DW10" s="295">
        <v>0</v>
      </c>
      <c r="DX10" s="296">
        <v>2967850</v>
      </c>
      <c r="DY10" s="296">
        <v>5754459</v>
      </c>
      <c r="DZ10" s="296">
        <v>11072409</v>
      </c>
      <c r="EA10" s="296">
        <v>6262086</v>
      </c>
      <c r="EB10" s="296">
        <v>4491721</v>
      </c>
      <c r="EC10" s="297">
        <v>30548525</v>
      </c>
      <c r="ED10" s="299">
        <v>30787706</v>
      </c>
      <c r="EE10" s="295">
        <v>22286</v>
      </c>
      <c r="EF10" s="300">
        <v>31501</v>
      </c>
      <c r="EG10" s="297">
        <v>53787</v>
      </c>
      <c r="EH10" s="295">
        <v>0</v>
      </c>
      <c r="EI10" s="296">
        <v>297266</v>
      </c>
      <c r="EJ10" s="296">
        <v>1340743</v>
      </c>
      <c r="EK10" s="296">
        <v>2100427</v>
      </c>
      <c r="EL10" s="296">
        <v>2979849</v>
      </c>
      <c r="EM10" s="296">
        <v>1544606</v>
      </c>
      <c r="EN10" s="300">
        <v>8262891</v>
      </c>
      <c r="EO10" s="299">
        <v>8316678</v>
      </c>
      <c r="EP10" s="295">
        <v>0</v>
      </c>
      <c r="EQ10" s="296">
        <v>0</v>
      </c>
      <c r="ER10" s="300">
        <v>0</v>
      </c>
      <c r="ES10" s="301">
        <v>0</v>
      </c>
      <c r="ET10" s="296">
        <v>0</v>
      </c>
      <c r="EU10" s="296">
        <v>0</v>
      </c>
      <c r="EV10" s="296">
        <v>0</v>
      </c>
      <c r="EW10" s="296">
        <v>0</v>
      </c>
      <c r="EX10" s="296">
        <v>0</v>
      </c>
      <c r="EY10" s="297">
        <v>0</v>
      </c>
      <c r="EZ10" s="299">
        <v>0</v>
      </c>
      <c r="FA10" s="295">
        <v>0</v>
      </c>
      <c r="FB10" s="296">
        <v>0</v>
      </c>
      <c r="FC10" s="300">
        <v>0</v>
      </c>
      <c r="FD10" s="403">
        <v>0</v>
      </c>
      <c r="FE10" s="296">
        <v>0</v>
      </c>
      <c r="FF10" s="296">
        <v>0</v>
      </c>
      <c r="FG10" s="296">
        <v>0</v>
      </c>
      <c r="FH10" s="296">
        <v>0</v>
      </c>
      <c r="FI10" s="296">
        <v>0</v>
      </c>
      <c r="FJ10" s="297">
        <v>0</v>
      </c>
      <c r="FK10" s="299">
        <v>0</v>
      </c>
      <c r="FL10" s="295">
        <v>1679992</v>
      </c>
      <c r="FM10" s="296">
        <v>4440407</v>
      </c>
      <c r="FN10" s="297">
        <v>6120399</v>
      </c>
      <c r="FO10" s="295">
        <v>0</v>
      </c>
      <c r="FP10" s="296">
        <v>4035988</v>
      </c>
      <c r="FQ10" s="296">
        <v>15558163</v>
      </c>
      <c r="FR10" s="296">
        <v>10418258</v>
      </c>
      <c r="FS10" s="296">
        <v>9342372</v>
      </c>
      <c r="FT10" s="296">
        <v>6224420</v>
      </c>
      <c r="FU10" s="297">
        <v>45579201</v>
      </c>
      <c r="FV10" s="299">
        <v>51699600</v>
      </c>
      <c r="FW10" s="302">
        <v>895345</v>
      </c>
      <c r="FX10" s="296">
        <v>3325294</v>
      </c>
      <c r="FY10" s="300">
        <v>4220639</v>
      </c>
      <c r="FZ10" s="301">
        <v>0</v>
      </c>
      <c r="GA10" s="296">
        <v>3139451</v>
      </c>
      <c r="GB10" s="296">
        <v>14178084</v>
      </c>
      <c r="GC10" s="296">
        <v>9583304</v>
      </c>
      <c r="GD10" s="296">
        <v>8305482</v>
      </c>
      <c r="GE10" s="296">
        <v>5961221</v>
      </c>
      <c r="GF10" s="297">
        <v>41167542</v>
      </c>
      <c r="GG10" s="303">
        <v>45388181</v>
      </c>
      <c r="GH10" s="302">
        <v>17237</v>
      </c>
      <c r="GI10" s="296">
        <v>115443</v>
      </c>
      <c r="GJ10" s="300">
        <v>132680</v>
      </c>
      <c r="GK10" s="301">
        <v>0</v>
      </c>
      <c r="GL10" s="296">
        <v>372253</v>
      </c>
      <c r="GM10" s="296">
        <v>620341</v>
      </c>
      <c r="GN10" s="296">
        <v>314014</v>
      </c>
      <c r="GO10" s="296">
        <v>375040</v>
      </c>
      <c r="GP10" s="296">
        <v>123199</v>
      </c>
      <c r="GQ10" s="297">
        <v>1804847</v>
      </c>
      <c r="GR10" s="299">
        <v>1937527</v>
      </c>
      <c r="GS10" s="295">
        <v>767410</v>
      </c>
      <c r="GT10" s="296">
        <v>999670</v>
      </c>
      <c r="GU10" s="297">
        <v>1767080</v>
      </c>
      <c r="GV10" s="295">
        <v>0</v>
      </c>
      <c r="GW10" s="296">
        <v>524284</v>
      </c>
      <c r="GX10" s="296">
        <v>759738</v>
      </c>
      <c r="GY10" s="296">
        <v>520940</v>
      </c>
      <c r="GZ10" s="296">
        <v>661850</v>
      </c>
      <c r="HA10" s="296">
        <v>140000</v>
      </c>
      <c r="HB10" s="300">
        <v>2606812</v>
      </c>
      <c r="HC10" s="299">
        <v>4373892</v>
      </c>
      <c r="HD10" s="295">
        <v>5795918</v>
      </c>
      <c r="HE10" s="296">
        <v>8750342</v>
      </c>
      <c r="HF10" s="300">
        <v>14546260</v>
      </c>
      <c r="HG10" s="301">
        <v>0</v>
      </c>
      <c r="HH10" s="296">
        <v>43906050</v>
      </c>
      <c r="HI10" s="296">
        <v>60553045</v>
      </c>
      <c r="HJ10" s="296">
        <v>52274961</v>
      </c>
      <c r="HK10" s="296">
        <v>58446182</v>
      </c>
      <c r="HL10" s="296">
        <v>37053350</v>
      </c>
      <c r="HM10" s="297">
        <v>252233588</v>
      </c>
      <c r="HN10" s="298">
        <v>266779848</v>
      </c>
      <c r="HO10" s="302">
        <v>0</v>
      </c>
      <c r="HP10" s="296">
        <v>0</v>
      </c>
      <c r="HQ10" s="297">
        <v>0</v>
      </c>
      <c r="HR10" s="295">
        <v>0</v>
      </c>
      <c r="HS10" s="296">
        <v>0</v>
      </c>
      <c r="HT10" s="296">
        <v>0</v>
      </c>
      <c r="HU10" s="296">
        <v>0</v>
      </c>
      <c r="HV10" s="296">
        <v>0</v>
      </c>
      <c r="HW10" s="296">
        <v>0</v>
      </c>
      <c r="HX10" s="300">
        <v>0</v>
      </c>
      <c r="HY10" s="299">
        <v>0</v>
      </c>
      <c r="HZ10" s="304">
        <v>189924</v>
      </c>
      <c r="IA10" s="305">
        <v>707877</v>
      </c>
      <c r="IB10" s="306">
        <v>897801</v>
      </c>
      <c r="IC10" s="307">
        <v>0</v>
      </c>
      <c r="ID10" s="308">
        <v>23298486</v>
      </c>
      <c r="IE10" s="309">
        <v>35618172</v>
      </c>
      <c r="IF10" s="310">
        <v>36951775</v>
      </c>
      <c r="IG10" s="308">
        <v>24885322</v>
      </c>
      <c r="IH10" s="310">
        <v>22360411</v>
      </c>
      <c r="II10" s="311">
        <v>143114166</v>
      </c>
      <c r="IJ10" s="312">
        <v>144011967</v>
      </c>
      <c r="IK10" s="313">
        <v>0</v>
      </c>
      <c r="IL10" s="314">
        <v>0</v>
      </c>
      <c r="IM10" s="315">
        <v>0</v>
      </c>
      <c r="IN10" s="403">
        <v>0</v>
      </c>
      <c r="IO10" s="316">
        <v>538747</v>
      </c>
      <c r="IP10" s="316">
        <v>1400668</v>
      </c>
      <c r="IQ10" s="316">
        <v>1882515</v>
      </c>
      <c r="IR10" s="316">
        <v>2314946</v>
      </c>
      <c r="IS10" s="316">
        <v>2351781</v>
      </c>
      <c r="IT10" s="317">
        <v>8488657</v>
      </c>
      <c r="IU10" s="318">
        <v>8488657</v>
      </c>
      <c r="IV10" s="319">
        <v>0</v>
      </c>
      <c r="IW10" s="316">
        <v>0</v>
      </c>
      <c r="IX10" s="320">
        <v>0</v>
      </c>
      <c r="IY10" s="403">
        <v>0</v>
      </c>
      <c r="IZ10" s="316">
        <v>112331</v>
      </c>
      <c r="JA10" s="316">
        <v>498685</v>
      </c>
      <c r="JB10" s="316">
        <v>429218</v>
      </c>
      <c r="JC10" s="316">
        <v>618893</v>
      </c>
      <c r="JD10" s="316">
        <v>1176858</v>
      </c>
      <c r="JE10" s="320">
        <v>2835985</v>
      </c>
      <c r="JF10" s="321">
        <v>2835985</v>
      </c>
      <c r="JG10" s="319">
        <v>0</v>
      </c>
      <c r="JH10" s="316">
        <v>0</v>
      </c>
      <c r="JI10" s="317">
        <v>0</v>
      </c>
      <c r="JJ10" s="322">
        <v>0</v>
      </c>
      <c r="JK10" s="316">
        <v>10229613</v>
      </c>
      <c r="JL10" s="316">
        <v>15652450</v>
      </c>
      <c r="JM10" s="316">
        <v>10768265</v>
      </c>
      <c r="JN10" s="316">
        <v>5916510</v>
      </c>
      <c r="JO10" s="316">
        <v>1446892</v>
      </c>
      <c r="JP10" s="320">
        <v>44013730</v>
      </c>
      <c r="JQ10" s="318">
        <v>44013730</v>
      </c>
      <c r="JR10" s="319">
        <v>0</v>
      </c>
      <c r="JS10" s="316">
        <v>0</v>
      </c>
      <c r="JT10" s="317">
        <v>0</v>
      </c>
      <c r="JU10" s="322">
        <v>0</v>
      </c>
      <c r="JV10" s="316">
        <v>1374900</v>
      </c>
      <c r="JW10" s="316">
        <v>2396739</v>
      </c>
      <c r="JX10" s="316">
        <v>2780234</v>
      </c>
      <c r="JY10" s="316">
        <v>1366826</v>
      </c>
      <c r="JZ10" s="316">
        <v>3180692</v>
      </c>
      <c r="KA10" s="320">
        <v>11099391</v>
      </c>
      <c r="KB10" s="318">
        <v>11099391</v>
      </c>
      <c r="KC10" s="323">
        <v>189924</v>
      </c>
      <c r="KD10" s="324">
        <v>707877</v>
      </c>
      <c r="KE10" s="320">
        <v>897801</v>
      </c>
      <c r="KF10" s="322">
        <v>0</v>
      </c>
      <c r="KG10" s="316">
        <v>3172093</v>
      </c>
      <c r="KH10" s="316">
        <v>3646840</v>
      </c>
      <c r="KI10" s="316">
        <v>8140002</v>
      </c>
      <c r="KJ10" s="316">
        <v>5313467</v>
      </c>
      <c r="KK10" s="316">
        <v>2634892</v>
      </c>
      <c r="KL10" s="320">
        <v>22907294</v>
      </c>
      <c r="KM10" s="325">
        <v>23805095</v>
      </c>
      <c r="KN10" s="313">
        <v>0</v>
      </c>
      <c r="KO10" s="314">
        <v>0</v>
      </c>
      <c r="KP10" s="315">
        <v>0</v>
      </c>
      <c r="KQ10" s="403">
        <v>0</v>
      </c>
      <c r="KR10" s="316">
        <v>7335762</v>
      </c>
      <c r="KS10" s="316">
        <v>11258734</v>
      </c>
      <c r="KT10" s="316">
        <v>12430356</v>
      </c>
      <c r="KU10" s="316">
        <v>7106833</v>
      </c>
      <c r="KV10" s="316">
        <v>7686577</v>
      </c>
      <c r="KW10" s="320">
        <v>45818262</v>
      </c>
      <c r="KX10" s="318">
        <v>45818262</v>
      </c>
      <c r="KY10" s="319">
        <v>0</v>
      </c>
      <c r="KZ10" s="316">
        <v>0</v>
      </c>
      <c r="LA10" s="320">
        <v>0</v>
      </c>
      <c r="LB10" s="403">
        <v>0</v>
      </c>
      <c r="LC10" s="316">
        <v>0</v>
      </c>
      <c r="LD10" s="316">
        <v>0</v>
      </c>
      <c r="LE10" s="316">
        <v>0</v>
      </c>
      <c r="LF10" s="316">
        <v>0</v>
      </c>
      <c r="LG10" s="316">
        <v>0</v>
      </c>
      <c r="LH10" s="320">
        <v>0</v>
      </c>
      <c r="LI10" s="321">
        <v>0</v>
      </c>
      <c r="LJ10" s="319">
        <v>0</v>
      </c>
      <c r="LK10" s="316">
        <v>0</v>
      </c>
      <c r="LL10" s="320">
        <v>0</v>
      </c>
      <c r="LM10" s="403">
        <v>0</v>
      </c>
      <c r="LN10" s="316">
        <v>0</v>
      </c>
      <c r="LO10" s="316">
        <v>0</v>
      </c>
      <c r="LP10" s="316">
        <v>0</v>
      </c>
      <c r="LQ10" s="316">
        <v>278750</v>
      </c>
      <c r="LR10" s="316">
        <v>0</v>
      </c>
      <c r="LS10" s="320">
        <v>278750</v>
      </c>
      <c r="LT10" s="318">
        <v>278750</v>
      </c>
      <c r="LU10" s="319">
        <v>0</v>
      </c>
      <c r="LV10" s="316">
        <v>0</v>
      </c>
      <c r="LW10" s="320">
        <v>0</v>
      </c>
      <c r="LX10" s="403">
        <v>0</v>
      </c>
      <c r="LY10" s="316">
        <v>535040</v>
      </c>
      <c r="LZ10" s="316">
        <v>764056</v>
      </c>
      <c r="MA10" s="316">
        <v>521185</v>
      </c>
      <c r="MB10" s="316">
        <v>1969097</v>
      </c>
      <c r="MC10" s="316">
        <v>3882719</v>
      </c>
      <c r="MD10" s="320">
        <v>7672097</v>
      </c>
      <c r="ME10" s="321">
        <v>7672097</v>
      </c>
      <c r="MF10" s="319">
        <v>0</v>
      </c>
      <c r="MG10" s="316">
        <v>0</v>
      </c>
      <c r="MH10" s="320">
        <v>0</v>
      </c>
      <c r="MI10" s="403">
        <v>0</v>
      </c>
      <c r="MJ10" s="316">
        <v>8907621</v>
      </c>
      <c r="MK10" s="316">
        <v>23568382</v>
      </c>
      <c r="ML10" s="316">
        <v>59326901</v>
      </c>
      <c r="MM10" s="316">
        <v>86284696</v>
      </c>
      <c r="MN10" s="316">
        <v>51641885</v>
      </c>
      <c r="MO10" s="320">
        <v>229729485</v>
      </c>
      <c r="MP10" s="325">
        <v>229729485</v>
      </c>
      <c r="MQ10" s="319">
        <v>0</v>
      </c>
      <c r="MR10" s="316">
        <v>0</v>
      </c>
      <c r="MS10" s="320">
        <v>0</v>
      </c>
      <c r="MT10" s="403">
        <v>0</v>
      </c>
      <c r="MU10" s="316">
        <v>2423385</v>
      </c>
      <c r="MV10" s="316">
        <v>6575940</v>
      </c>
      <c r="MW10" s="316">
        <v>36624948</v>
      </c>
      <c r="MX10" s="316">
        <v>46331939</v>
      </c>
      <c r="MY10" s="316">
        <v>29206710</v>
      </c>
      <c r="MZ10" s="320">
        <v>121162922</v>
      </c>
      <c r="NA10" s="325">
        <v>121162922</v>
      </c>
      <c r="NB10" s="319">
        <v>0</v>
      </c>
      <c r="NC10" s="316">
        <v>0</v>
      </c>
      <c r="ND10" s="320">
        <v>0</v>
      </c>
      <c r="NE10" s="403">
        <v>0</v>
      </c>
      <c r="NF10" s="316">
        <v>6301284</v>
      </c>
      <c r="NG10" s="316">
        <v>16992442</v>
      </c>
      <c r="NH10" s="316">
        <v>22701953</v>
      </c>
      <c r="NI10" s="316">
        <v>38513636</v>
      </c>
      <c r="NJ10" s="316">
        <v>20716589</v>
      </c>
      <c r="NK10" s="320">
        <v>105225904</v>
      </c>
      <c r="NL10" s="318">
        <v>105225904</v>
      </c>
      <c r="NM10" s="319">
        <v>0</v>
      </c>
      <c r="NN10" s="316">
        <v>0</v>
      </c>
      <c r="NO10" s="320">
        <v>0</v>
      </c>
      <c r="NP10" s="403">
        <v>0</v>
      </c>
      <c r="NQ10" s="316">
        <v>0</v>
      </c>
      <c r="NR10" s="316">
        <v>0</v>
      </c>
      <c r="NS10" s="316">
        <v>0</v>
      </c>
      <c r="NT10" s="316">
        <v>0</v>
      </c>
      <c r="NU10" s="316">
        <v>0</v>
      </c>
      <c r="NV10" s="320">
        <v>0</v>
      </c>
      <c r="NW10" s="321">
        <v>0</v>
      </c>
      <c r="NX10" s="319">
        <v>0</v>
      </c>
      <c r="NY10" s="316">
        <v>0</v>
      </c>
      <c r="NZ10" s="320">
        <v>0</v>
      </c>
      <c r="OA10" s="403">
        <v>0</v>
      </c>
      <c r="OB10" s="316">
        <v>182952</v>
      </c>
      <c r="OC10" s="316">
        <v>0</v>
      </c>
      <c r="OD10" s="316">
        <v>0</v>
      </c>
      <c r="OE10" s="316">
        <v>1439121</v>
      </c>
      <c r="OF10" s="316">
        <v>1718586</v>
      </c>
      <c r="OG10" s="320">
        <v>3340659</v>
      </c>
      <c r="OH10" s="321">
        <v>3340659</v>
      </c>
      <c r="OI10" s="319">
        <v>13274552</v>
      </c>
      <c r="OJ10" s="316">
        <v>28788706</v>
      </c>
      <c r="OK10" s="317">
        <v>42063258</v>
      </c>
      <c r="OL10" s="322">
        <v>0</v>
      </c>
      <c r="OM10" s="316">
        <v>141076282</v>
      </c>
      <c r="ON10" s="316">
        <v>244916272</v>
      </c>
      <c r="OO10" s="316">
        <v>242244561</v>
      </c>
      <c r="OP10" s="316">
        <v>252151720</v>
      </c>
      <c r="OQ10" s="316">
        <v>182163790</v>
      </c>
      <c r="OR10" s="320">
        <v>1062552625</v>
      </c>
      <c r="OS10" s="325">
        <v>1104615883</v>
      </c>
    </row>
    <row r="11" spans="2:409" s="70" customFormat="1" ht="21" customHeight="1" x14ac:dyDescent="0.2">
      <c r="B11" s="106" t="s">
        <v>6</v>
      </c>
      <c r="C11" s="326">
        <v>4753172</v>
      </c>
      <c r="D11" s="327">
        <v>6639418</v>
      </c>
      <c r="E11" s="328">
        <v>11392590</v>
      </c>
      <c r="F11" s="329">
        <v>0</v>
      </c>
      <c r="G11" s="327">
        <v>54228142</v>
      </c>
      <c r="H11" s="327">
        <v>63969652</v>
      </c>
      <c r="I11" s="327">
        <v>48607062</v>
      </c>
      <c r="J11" s="327">
        <v>57081260</v>
      </c>
      <c r="K11" s="327">
        <v>36180974</v>
      </c>
      <c r="L11" s="329">
        <v>260067090</v>
      </c>
      <c r="M11" s="330">
        <v>271459680</v>
      </c>
      <c r="N11" s="326">
        <v>1549110</v>
      </c>
      <c r="O11" s="327">
        <v>2928144</v>
      </c>
      <c r="P11" s="328">
        <v>4477254</v>
      </c>
      <c r="Q11" s="326">
        <v>0</v>
      </c>
      <c r="R11" s="327">
        <v>17064107</v>
      </c>
      <c r="S11" s="327">
        <v>21815465</v>
      </c>
      <c r="T11" s="327">
        <v>16054555</v>
      </c>
      <c r="U11" s="327">
        <v>20084830</v>
      </c>
      <c r="V11" s="327">
        <v>16836819</v>
      </c>
      <c r="W11" s="328">
        <v>91855776</v>
      </c>
      <c r="X11" s="330">
        <v>96333030</v>
      </c>
      <c r="Y11" s="326">
        <v>0</v>
      </c>
      <c r="Z11" s="327">
        <v>0</v>
      </c>
      <c r="AA11" s="328">
        <v>0</v>
      </c>
      <c r="AB11" s="326">
        <v>0</v>
      </c>
      <c r="AC11" s="327">
        <v>6001831</v>
      </c>
      <c r="AD11" s="327">
        <v>9205313</v>
      </c>
      <c r="AE11" s="327">
        <v>6961284</v>
      </c>
      <c r="AF11" s="327">
        <v>9538965</v>
      </c>
      <c r="AG11" s="327">
        <v>9255855</v>
      </c>
      <c r="AH11" s="328">
        <v>40963248</v>
      </c>
      <c r="AI11" s="330">
        <v>40963248</v>
      </c>
      <c r="AJ11" s="326">
        <v>0</v>
      </c>
      <c r="AK11" s="327">
        <v>0</v>
      </c>
      <c r="AL11" s="328">
        <v>0</v>
      </c>
      <c r="AM11" s="326">
        <v>0</v>
      </c>
      <c r="AN11" s="327">
        <v>129368</v>
      </c>
      <c r="AO11" s="327">
        <v>75464</v>
      </c>
      <c r="AP11" s="327">
        <v>521239</v>
      </c>
      <c r="AQ11" s="327">
        <v>1020425</v>
      </c>
      <c r="AR11" s="327">
        <v>1679393</v>
      </c>
      <c r="AS11" s="328">
        <v>3425889</v>
      </c>
      <c r="AT11" s="330">
        <v>3425889</v>
      </c>
      <c r="AU11" s="326">
        <v>884341</v>
      </c>
      <c r="AV11" s="327">
        <v>2043349</v>
      </c>
      <c r="AW11" s="328">
        <v>2927690</v>
      </c>
      <c r="AX11" s="326">
        <v>0</v>
      </c>
      <c r="AY11" s="327">
        <v>6701497</v>
      </c>
      <c r="AZ11" s="327">
        <v>8061218</v>
      </c>
      <c r="BA11" s="327">
        <v>5157240</v>
      </c>
      <c r="BB11" s="327">
        <v>5406884</v>
      </c>
      <c r="BC11" s="327">
        <v>2859191</v>
      </c>
      <c r="BD11" s="328">
        <v>28186030</v>
      </c>
      <c r="BE11" s="330">
        <v>31113720</v>
      </c>
      <c r="BF11" s="326">
        <v>24493</v>
      </c>
      <c r="BG11" s="327">
        <v>215414</v>
      </c>
      <c r="BH11" s="331">
        <v>239907</v>
      </c>
      <c r="BI11" s="332">
        <v>0</v>
      </c>
      <c r="BJ11" s="327">
        <v>541683</v>
      </c>
      <c r="BK11" s="327">
        <v>670307</v>
      </c>
      <c r="BL11" s="327">
        <v>421688</v>
      </c>
      <c r="BM11" s="327">
        <v>493823</v>
      </c>
      <c r="BN11" s="327">
        <v>340765</v>
      </c>
      <c r="BO11" s="328">
        <v>2468266</v>
      </c>
      <c r="BP11" s="330">
        <v>2708173</v>
      </c>
      <c r="BQ11" s="326">
        <v>640276</v>
      </c>
      <c r="BR11" s="327">
        <v>669381</v>
      </c>
      <c r="BS11" s="328">
        <v>1309657</v>
      </c>
      <c r="BT11" s="326">
        <v>0</v>
      </c>
      <c r="BU11" s="327">
        <v>3689728</v>
      </c>
      <c r="BV11" s="327">
        <v>3803163</v>
      </c>
      <c r="BW11" s="327">
        <v>2993104</v>
      </c>
      <c r="BX11" s="327">
        <v>3624733</v>
      </c>
      <c r="BY11" s="327">
        <v>2701615</v>
      </c>
      <c r="BZ11" s="328">
        <v>16812343</v>
      </c>
      <c r="CA11" s="330">
        <v>18122000</v>
      </c>
      <c r="CB11" s="326">
        <v>300756</v>
      </c>
      <c r="CC11" s="327">
        <v>597977</v>
      </c>
      <c r="CD11" s="328">
        <v>898733</v>
      </c>
      <c r="CE11" s="326">
        <v>0</v>
      </c>
      <c r="CF11" s="327">
        <v>11453293</v>
      </c>
      <c r="CG11" s="327">
        <v>12666765</v>
      </c>
      <c r="CH11" s="327">
        <v>8063151</v>
      </c>
      <c r="CI11" s="327">
        <v>6363347</v>
      </c>
      <c r="CJ11" s="327">
        <v>1797697</v>
      </c>
      <c r="CK11" s="328">
        <v>40344253</v>
      </c>
      <c r="CL11" s="330">
        <v>41242986</v>
      </c>
      <c r="CM11" s="326">
        <v>0</v>
      </c>
      <c r="CN11" s="327">
        <v>0</v>
      </c>
      <c r="CO11" s="328">
        <v>0</v>
      </c>
      <c r="CP11" s="332">
        <v>0</v>
      </c>
      <c r="CQ11" s="327">
        <v>9173962</v>
      </c>
      <c r="CR11" s="327">
        <v>9552658</v>
      </c>
      <c r="CS11" s="327">
        <v>5889497</v>
      </c>
      <c r="CT11" s="327">
        <v>4955363</v>
      </c>
      <c r="CU11" s="327">
        <v>1452535</v>
      </c>
      <c r="CV11" s="328">
        <v>31024015</v>
      </c>
      <c r="CW11" s="330">
        <v>31024015</v>
      </c>
      <c r="CX11" s="326">
        <v>300756</v>
      </c>
      <c r="CY11" s="327">
        <v>597977</v>
      </c>
      <c r="CZ11" s="328">
        <v>898733</v>
      </c>
      <c r="DA11" s="326">
        <v>0</v>
      </c>
      <c r="DB11" s="327">
        <v>2279331</v>
      </c>
      <c r="DC11" s="327">
        <v>3114107</v>
      </c>
      <c r="DD11" s="327">
        <v>2173654</v>
      </c>
      <c r="DE11" s="327">
        <v>1407984</v>
      </c>
      <c r="DF11" s="327">
        <v>345162</v>
      </c>
      <c r="DG11" s="328">
        <v>9320238</v>
      </c>
      <c r="DH11" s="330">
        <v>10218971</v>
      </c>
      <c r="DI11" s="326">
        <v>0</v>
      </c>
      <c r="DJ11" s="327">
        <v>84818</v>
      </c>
      <c r="DK11" s="331">
        <v>84818</v>
      </c>
      <c r="DL11" s="332">
        <v>0</v>
      </c>
      <c r="DM11" s="327">
        <v>871107</v>
      </c>
      <c r="DN11" s="327">
        <v>2371658</v>
      </c>
      <c r="DO11" s="327">
        <v>2324953</v>
      </c>
      <c r="DP11" s="327">
        <v>2975565</v>
      </c>
      <c r="DQ11" s="327">
        <v>1383234</v>
      </c>
      <c r="DR11" s="328">
        <v>9926517</v>
      </c>
      <c r="DS11" s="330">
        <v>10011335</v>
      </c>
      <c r="DT11" s="326">
        <v>0</v>
      </c>
      <c r="DU11" s="327">
        <v>84818</v>
      </c>
      <c r="DV11" s="328">
        <v>84818</v>
      </c>
      <c r="DW11" s="326">
        <v>0</v>
      </c>
      <c r="DX11" s="327">
        <v>830886</v>
      </c>
      <c r="DY11" s="327">
        <v>1816293</v>
      </c>
      <c r="DZ11" s="327">
        <v>1740235</v>
      </c>
      <c r="EA11" s="327">
        <v>2469409</v>
      </c>
      <c r="EB11" s="327">
        <v>979342</v>
      </c>
      <c r="EC11" s="328">
        <v>7836165</v>
      </c>
      <c r="ED11" s="330">
        <v>7920983</v>
      </c>
      <c r="EE11" s="326">
        <v>0</v>
      </c>
      <c r="EF11" s="331">
        <v>0</v>
      </c>
      <c r="EG11" s="328">
        <v>0</v>
      </c>
      <c r="EH11" s="326">
        <v>0</v>
      </c>
      <c r="EI11" s="327">
        <v>40221</v>
      </c>
      <c r="EJ11" s="327">
        <v>555365</v>
      </c>
      <c r="EK11" s="327">
        <v>584718</v>
      </c>
      <c r="EL11" s="327">
        <v>506156</v>
      </c>
      <c r="EM11" s="327">
        <v>403892</v>
      </c>
      <c r="EN11" s="331">
        <v>2090352</v>
      </c>
      <c r="EO11" s="330">
        <v>2090352</v>
      </c>
      <c r="EP11" s="326">
        <v>0</v>
      </c>
      <c r="EQ11" s="327">
        <v>0</v>
      </c>
      <c r="ER11" s="331">
        <v>0</v>
      </c>
      <c r="ES11" s="332">
        <v>0</v>
      </c>
      <c r="ET11" s="327">
        <v>0</v>
      </c>
      <c r="EU11" s="327">
        <v>0</v>
      </c>
      <c r="EV11" s="327">
        <v>0</v>
      </c>
      <c r="EW11" s="327">
        <v>0</v>
      </c>
      <c r="EX11" s="327">
        <v>0</v>
      </c>
      <c r="EY11" s="328">
        <v>0</v>
      </c>
      <c r="EZ11" s="330">
        <v>0</v>
      </c>
      <c r="FA11" s="326">
        <v>0</v>
      </c>
      <c r="FB11" s="327">
        <v>0</v>
      </c>
      <c r="FC11" s="331">
        <v>0</v>
      </c>
      <c r="FD11" s="404">
        <v>0</v>
      </c>
      <c r="FE11" s="327">
        <v>0</v>
      </c>
      <c r="FF11" s="327">
        <v>0</v>
      </c>
      <c r="FG11" s="327">
        <v>0</v>
      </c>
      <c r="FH11" s="327">
        <v>0</v>
      </c>
      <c r="FI11" s="327">
        <v>0</v>
      </c>
      <c r="FJ11" s="328">
        <v>0</v>
      </c>
      <c r="FK11" s="330">
        <v>0</v>
      </c>
      <c r="FL11" s="326">
        <v>851387</v>
      </c>
      <c r="FM11" s="327">
        <v>1016302</v>
      </c>
      <c r="FN11" s="328">
        <v>1867689</v>
      </c>
      <c r="FO11" s="326">
        <v>0</v>
      </c>
      <c r="FP11" s="327">
        <v>2826710</v>
      </c>
      <c r="FQ11" s="327">
        <v>5621291</v>
      </c>
      <c r="FR11" s="327">
        <v>3943380</v>
      </c>
      <c r="FS11" s="327">
        <v>3907932</v>
      </c>
      <c r="FT11" s="327">
        <v>2094120</v>
      </c>
      <c r="FU11" s="328">
        <v>18393433</v>
      </c>
      <c r="FV11" s="330">
        <v>20261122</v>
      </c>
      <c r="FW11" s="333">
        <v>511007</v>
      </c>
      <c r="FX11" s="327">
        <v>908642</v>
      </c>
      <c r="FY11" s="331">
        <v>1419649</v>
      </c>
      <c r="FZ11" s="332">
        <v>0</v>
      </c>
      <c r="GA11" s="327">
        <v>2336110</v>
      </c>
      <c r="GB11" s="327">
        <v>5111785</v>
      </c>
      <c r="GC11" s="327">
        <v>3682609</v>
      </c>
      <c r="GD11" s="327">
        <v>3665956</v>
      </c>
      <c r="GE11" s="327">
        <v>2062015</v>
      </c>
      <c r="GF11" s="328">
        <v>16858475</v>
      </c>
      <c r="GG11" s="334">
        <v>18278124</v>
      </c>
      <c r="GH11" s="333">
        <v>36581</v>
      </c>
      <c r="GI11" s="327">
        <v>24290</v>
      </c>
      <c r="GJ11" s="331">
        <v>60871</v>
      </c>
      <c r="GK11" s="332">
        <v>0</v>
      </c>
      <c r="GL11" s="327">
        <v>150729</v>
      </c>
      <c r="GM11" s="327">
        <v>167288</v>
      </c>
      <c r="GN11" s="327">
        <v>120771</v>
      </c>
      <c r="GO11" s="327">
        <v>164976</v>
      </c>
      <c r="GP11" s="327">
        <v>13205</v>
      </c>
      <c r="GQ11" s="328">
        <v>616969</v>
      </c>
      <c r="GR11" s="330">
        <v>677840</v>
      </c>
      <c r="GS11" s="326">
        <v>303799</v>
      </c>
      <c r="GT11" s="327">
        <v>83370</v>
      </c>
      <c r="GU11" s="328">
        <v>387169</v>
      </c>
      <c r="GV11" s="326">
        <v>0</v>
      </c>
      <c r="GW11" s="327">
        <v>339871</v>
      </c>
      <c r="GX11" s="327">
        <v>342218</v>
      </c>
      <c r="GY11" s="327">
        <v>140000</v>
      </c>
      <c r="GZ11" s="327">
        <v>77000</v>
      </c>
      <c r="HA11" s="327">
        <v>18900</v>
      </c>
      <c r="HB11" s="331">
        <v>917989</v>
      </c>
      <c r="HC11" s="330">
        <v>1305158</v>
      </c>
      <c r="HD11" s="326">
        <v>2051919</v>
      </c>
      <c r="HE11" s="327">
        <v>2012177</v>
      </c>
      <c r="HF11" s="331">
        <v>4064096</v>
      </c>
      <c r="HG11" s="332">
        <v>0</v>
      </c>
      <c r="HH11" s="327">
        <v>22012925</v>
      </c>
      <c r="HI11" s="327">
        <v>21494473</v>
      </c>
      <c r="HJ11" s="327">
        <v>18221023</v>
      </c>
      <c r="HK11" s="327">
        <v>23749586</v>
      </c>
      <c r="HL11" s="327">
        <v>14069104</v>
      </c>
      <c r="HM11" s="328">
        <v>99547111</v>
      </c>
      <c r="HN11" s="329">
        <v>103611207</v>
      </c>
      <c r="HO11" s="333">
        <v>0</v>
      </c>
      <c r="HP11" s="327">
        <v>0</v>
      </c>
      <c r="HQ11" s="328">
        <v>0</v>
      </c>
      <c r="HR11" s="326">
        <v>0</v>
      </c>
      <c r="HS11" s="327">
        <v>0</v>
      </c>
      <c r="HT11" s="327">
        <v>0</v>
      </c>
      <c r="HU11" s="327">
        <v>0</v>
      </c>
      <c r="HV11" s="327">
        <v>0</v>
      </c>
      <c r="HW11" s="327">
        <v>0</v>
      </c>
      <c r="HX11" s="331">
        <v>0</v>
      </c>
      <c r="HY11" s="330">
        <v>0</v>
      </c>
      <c r="HZ11" s="335">
        <v>0</v>
      </c>
      <c r="IA11" s="336">
        <v>276624</v>
      </c>
      <c r="IB11" s="337">
        <v>276624</v>
      </c>
      <c r="IC11" s="338">
        <v>0</v>
      </c>
      <c r="ID11" s="336">
        <v>10225929</v>
      </c>
      <c r="IE11" s="339">
        <v>14707426</v>
      </c>
      <c r="IF11" s="337">
        <v>16104811</v>
      </c>
      <c r="IG11" s="336">
        <v>14342363</v>
      </c>
      <c r="IH11" s="337">
        <v>11312887</v>
      </c>
      <c r="II11" s="340">
        <v>66693416</v>
      </c>
      <c r="IJ11" s="341">
        <v>66970040</v>
      </c>
      <c r="IK11" s="342">
        <v>0</v>
      </c>
      <c r="IL11" s="343">
        <v>0</v>
      </c>
      <c r="IM11" s="344">
        <v>0</v>
      </c>
      <c r="IN11" s="404">
        <v>0</v>
      </c>
      <c r="IO11" s="345">
        <v>444489</v>
      </c>
      <c r="IP11" s="345">
        <v>1011607</v>
      </c>
      <c r="IQ11" s="345">
        <v>888275</v>
      </c>
      <c r="IR11" s="345">
        <v>1626718</v>
      </c>
      <c r="IS11" s="345">
        <v>1448932</v>
      </c>
      <c r="IT11" s="346">
        <v>5420021</v>
      </c>
      <c r="IU11" s="347">
        <v>5420021</v>
      </c>
      <c r="IV11" s="348">
        <v>0</v>
      </c>
      <c r="IW11" s="345">
        <v>0</v>
      </c>
      <c r="IX11" s="349">
        <v>0</v>
      </c>
      <c r="IY11" s="404">
        <v>0</v>
      </c>
      <c r="IZ11" s="345">
        <v>76690</v>
      </c>
      <c r="JA11" s="345">
        <v>159523</v>
      </c>
      <c r="JB11" s="345">
        <v>166223</v>
      </c>
      <c r="JC11" s="345">
        <v>30729</v>
      </c>
      <c r="JD11" s="345">
        <v>330612</v>
      </c>
      <c r="JE11" s="349">
        <v>763777</v>
      </c>
      <c r="JF11" s="350">
        <v>763777</v>
      </c>
      <c r="JG11" s="348">
        <v>0</v>
      </c>
      <c r="JH11" s="345">
        <v>0</v>
      </c>
      <c r="JI11" s="346">
        <v>0</v>
      </c>
      <c r="JJ11" s="351">
        <v>0</v>
      </c>
      <c r="JK11" s="345">
        <v>4355841</v>
      </c>
      <c r="JL11" s="345">
        <v>4274930</v>
      </c>
      <c r="JM11" s="345">
        <v>2406643</v>
      </c>
      <c r="JN11" s="345">
        <v>2488076</v>
      </c>
      <c r="JO11" s="345">
        <v>914016</v>
      </c>
      <c r="JP11" s="349">
        <v>14439506</v>
      </c>
      <c r="JQ11" s="347">
        <v>14439506</v>
      </c>
      <c r="JR11" s="348">
        <v>0</v>
      </c>
      <c r="JS11" s="345">
        <v>0</v>
      </c>
      <c r="JT11" s="346">
        <v>0</v>
      </c>
      <c r="JU11" s="351">
        <v>0</v>
      </c>
      <c r="JV11" s="345">
        <v>673606</v>
      </c>
      <c r="JW11" s="345">
        <v>1588273</v>
      </c>
      <c r="JX11" s="345">
        <v>1359999</v>
      </c>
      <c r="JY11" s="345">
        <v>888116</v>
      </c>
      <c r="JZ11" s="345">
        <v>781610</v>
      </c>
      <c r="KA11" s="349">
        <v>5291604</v>
      </c>
      <c r="KB11" s="347">
        <v>5291604</v>
      </c>
      <c r="KC11" s="352">
        <v>0</v>
      </c>
      <c r="KD11" s="353">
        <v>276624</v>
      </c>
      <c r="KE11" s="349">
        <v>276624</v>
      </c>
      <c r="KF11" s="351">
        <v>0</v>
      </c>
      <c r="KG11" s="345">
        <v>1193776</v>
      </c>
      <c r="KH11" s="345">
        <v>1124778</v>
      </c>
      <c r="KI11" s="345">
        <v>1724337</v>
      </c>
      <c r="KJ11" s="345">
        <v>714051</v>
      </c>
      <c r="KK11" s="345">
        <v>464049</v>
      </c>
      <c r="KL11" s="349">
        <v>5220991</v>
      </c>
      <c r="KM11" s="354">
        <v>5497615</v>
      </c>
      <c r="KN11" s="342">
        <v>0</v>
      </c>
      <c r="KO11" s="343">
        <v>0</v>
      </c>
      <c r="KP11" s="344">
        <v>0</v>
      </c>
      <c r="KQ11" s="404">
        <v>0</v>
      </c>
      <c r="KR11" s="345">
        <v>2719085</v>
      </c>
      <c r="KS11" s="345">
        <v>5606440</v>
      </c>
      <c r="KT11" s="345">
        <v>6938379</v>
      </c>
      <c r="KU11" s="345">
        <v>4290271</v>
      </c>
      <c r="KV11" s="345">
        <v>3421452</v>
      </c>
      <c r="KW11" s="349">
        <v>22975627</v>
      </c>
      <c r="KX11" s="347">
        <v>22975627</v>
      </c>
      <c r="KY11" s="348">
        <v>0</v>
      </c>
      <c r="KZ11" s="345">
        <v>0</v>
      </c>
      <c r="LA11" s="349">
        <v>0</v>
      </c>
      <c r="LB11" s="404">
        <v>0</v>
      </c>
      <c r="LC11" s="345">
        <v>0</v>
      </c>
      <c r="LD11" s="345">
        <v>0</v>
      </c>
      <c r="LE11" s="345">
        <v>0</v>
      </c>
      <c r="LF11" s="345">
        <v>0</v>
      </c>
      <c r="LG11" s="345">
        <v>0</v>
      </c>
      <c r="LH11" s="349">
        <v>0</v>
      </c>
      <c r="LI11" s="350">
        <v>0</v>
      </c>
      <c r="LJ11" s="348">
        <v>0</v>
      </c>
      <c r="LK11" s="345">
        <v>0</v>
      </c>
      <c r="LL11" s="349">
        <v>0</v>
      </c>
      <c r="LM11" s="404">
        <v>0</v>
      </c>
      <c r="LN11" s="345">
        <v>0</v>
      </c>
      <c r="LO11" s="345">
        <v>228571</v>
      </c>
      <c r="LP11" s="345">
        <v>1114708</v>
      </c>
      <c r="LQ11" s="345">
        <v>2086372</v>
      </c>
      <c r="LR11" s="345">
        <v>389741</v>
      </c>
      <c r="LS11" s="349">
        <v>3819392</v>
      </c>
      <c r="LT11" s="347">
        <v>3819392</v>
      </c>
      <c r="LU11" s="348">
        <v>0</v>
      </c>
      <c r="LV11" s="345">
        <v>0</v>
      </c>
      <c r="LW11" s="349">
        <v>0</v>
      </c>
      <c r="LX11" s="404">
        <v>0</v>
      </c>
      <c r="LY11" s="345">
        <v>762442</v>
      </c>
      <c r="LZ11" s="345">
        <v>713304</v>
      </c>
      <c r="MA11" s="345">
        <v>1506247</v>
      </c>
      <c r="MB11" s="345">
        <v>2218030</v>
      </c>
      <c r="MC11" s="345">
        <v>3562475</v>
      </c>
      <c r="MD11" s="349">
        <v>8762498</v>
      </c>
      <c r="ME11" s="350">
        <v>8762498</v>
      </c>
      <c r="MF11" s="348">
        <v>0</v>
      </c>
      <c r="MG11" s="345">
        <v>0</v>
      </c>
      <c r="MH11" s="349">
        <v>0</v>
      </c>
      <c r="MI11" s="404">
        <v>0</v>
      </c>
      <c r="MJ11" s="345">
        <v>3015169</v>
      </c>
      <c r="MK11" s="345">
        <v>3410817</v>
      </c>
      <c r="ML11" s="345">
        <v>14087863</v>
      </c>
      <c r="MM11" s="345">
        <v>22710911</v>
      </c>
      <c r="MN11" s="345">
        <v>14857468</v>
      </c>
      <c r="MO11" s="349">
        <v>58082228</v>
      </c>
      <c r="MP11" s="354">
        <v>58082228</v>
      </c>
      <c r="MQ11" s="348">
        <v>0</v>
      </c>
      <c r="MR11" s="345">
        <v>0</v>
      </c>
      <c r="MS11" s="349">
        <v>0</v>
      </c>
      <c r="MT11" s="404">
        <v>0</v>
      </c>
      <c r="MU11" s="345">
        <v>413522</v>
      </c>
      <c r="MV11" s="345">
        <v>1216086</v>
      </c>
      <c r="MW11" s="345">
        <v>8034482</v>
      </c>
      <c r="MX11" s="345">
        <v>12572870</v>
      </c>
      <c r="MY11" s="345">
        <v>9207150</v>
      </c>
      <c r="MZ11" s="349">
        <v>31444110</v>
      </c>
      <c r="NA11" s="354">
        <v>31444110</v>
      </c>
      <c r="NB11" s="348">
        <v>0</v>
      </c>
      <c r="NC11" s="345">
        <v>0</v>
      </c>
      <c r="ND11" s="349">
        <v>0</v>
      </c>
      <c r="NE11" s="404">
        <v>0</v>
      </c>
      <c r="NF11" s="345">
        <v>2601647</v>
      </c>
      <c r="NG11" s="345">
        <v>2194731</v>
      </c>
      <c r="NH11" s="345">
        <v>6053381</v>
      </c>
      <c r="NI11" s="345">
        <v>9498411</v>
      </c>
      <c r="NJ11" s="345">
        <v>5299895</v>
      </c>
      <c r="NK11" s="349">
        <v>25648065</v>
      </c>
      <c r="NL11" s="347">
        <v>25648065</v>
      </c>
      <c r="NM11" s="348">
        <v>0</v>
      </c>
      <c r="NN11" s="345">
        <v>0</v>
      </c>
      <c r="NO11" s="349">
        <v>0</v>
      </c>
      <c r="NP11" s="404">
        <v>0</v>
      </c>
      <c r="NQ11" s="345">
        <v>0</v>
      </c>
      <c r="NR11" s="345">
        <v>0</v>
      </c>
      <c r="NS11" s="345">
        <v>0</v>
      </c>
      <c r="NT11" s="345">
        <v>0</v>
      </c>
      <c r="NU11" s="345">
        <v>0</v>
      </c>
      <c r="NV11" s="349">
        <v>0</v>
      </c>
      <c r="NW11" s="350">
        <v>0</v>
      </c>
      <c r="NX11" s="348">
        <v>0</v>
      </c>
      <c r="NY11" s="345">
        <v>0</v>
      </c>
      <c r="NZ11" s="349">
        <v>0</v>
      </c>
      <c r="OA11" s="404">
        <v>0</v>
      </c>
      <c r="OB11" s="345">
        <v>0</v>
      </c>
      <c r="OC11" s="345">
        <v>0</v>
      </c>
      <c r="OD11" s="345">
        <v>0</v>
      </c>
      <c r="OE11" s="345">
        <v>639630</v>
      </c>
      <c r="OF11" s="345">
        <v>350423</v>
      </c>
      <c r="OG11" s="349">
        <v>990053</v>
      </c>
      <c r="OH11" s="350">
        <v>990053</v>
      </c>
      <c r="OI11" s="348">
        <v>4753172</v>
      </c>
      <c r="OJ11" s="345">
        <v>6916042</v>
      </c>
      <c r="OK11" s="346">
        <v>11669214</v>
      </c>
      <c r="OL11" s="351">
        <v>0</v>
      </c>
      <c r="OM11" s="345">
        <v>67469240</v>
      </c>
      <c r="ON11" s="345">
        <v>82087895</v>
      </c>
      <c r="OO11" s="345">
        <v>78799736</v>
      </c>
      <c r="OP11" s="345">
        <v>94134534</v>
      </c>
      <c r="OQ11" s="345">
        <v>62351329</v>
      </c>
      <c r="OR11" s="349">
        <v>384842734</v>
      </c>
      <c r="OS11" s="354">
        <v>396511948</v>
      </c>
    </row>
    <row r="12" spans="2:409" s="70" customFormat="1" ht="21" customHeight="1" x14ac:dyDescent="0.2">
      <c r="B12" s="106" t="s">
        <v>14</v>
      </c>
      <c r="C12" s="326">
        <v>1135587</v>
      </c>
      <c r="D12" s="327">
        <v>2652346</v>
      </c>
      <c r="E12" s="328">
        <v>3787933</v>
      </c>
      <c r="F12" s="329">
        <v>0</v>
      </c>
      <c r="G12" s="327">
        <v>12514224</v>
      </c>
      <c r="H12" s="327">
        <v>23461233</v>
      </c>
      <c r="I12" s="327">
        <v>20997260</v>
      </c>
      <c r="J12" s="327">
        <v>18159189</v>
      </c>
      <c r="K12" s="327">
        <v>14953915</v>
      </c>
      <c r="L12" s="331">
        <v>90085821</v>
      </c>
      <c r="M12" s="330">
        <v>93873754</v>
      </c>
      <c r="N12" s="326">
        <v>263650</v>
      </c>
      <c r="O12" s="327">
        <v>854094</v>
      </c>
      <c r="P12" s="328">
        <v>1117744</v>
      </c>
      <c r="Q12" s="326">
        <v>0</v>
      </c>
      <c r="R12" s="327">
        <v>3239450</v>
      </c>
      <c r="S12" s="327">
        <v>7862029</v>
      </c>
      <c r="T12" s="327">
        <v>6809512</v>
      </c>
      <c r="U12" s="327">
        <v>6601068</v>
      </c>
      <c r="V12" s="327">
        <v>8381257</v>
      </c>
      <c r="W12" s="328">
        <v>32893316</v>
      </c>
      <c r="X12" s="330">
        <v>34011060</v>
      </c>
      <c r="Y12" s="326">
        <v>0</v>
      </c>
      <c r="Z12" s="327">
        <v>0</v>
      </c>
      <c r="AA12" s="328">
        <v>0</v>
      </c>
      <c r="AB12" s="326">
        <v>0</v>
      </c>
      <c r="AC12" s="327">
        <v>1288389</v>
      </c>
      <c r="AD12" s="327">
        <v>3901018</v>
      </c>
      <c r="AE12" s="327">
        <v>3459981</v>
      </c>
      <c r="AF12" s="327">
        <v>3288493</v>
      </c>
      <c r="AG12" s="327">
        <v>5261502</v>
      </c>
      <c r="AH12" s="328">
        <v>17199383</v>
      </c>
      <c r="AI12" s="330">
        <v>17199383</v>
      </c>
      <c r="AJ12" s="326">
        <v>0</v>
      </c>
      <c r="AK12" s="327">
        <v>0</v>
      </c>
      <c r="AL12" s="328">
        <v>0</v>
      </c>
      <c r="AM12" s="326">
        <v>0</v>
      </c>
      <c r="AN12" s="327">
        <v>0</v>
      </c>
      <c r="AO12" s="327">
        <v>42037</v>
      </c>
      <c r="AP12" s="327">
        <v>188112</v>
      </c>
      <c r="AQ12" s="327">
        <v>431729</v>
      </c>
      <c r="AR12" s="327">
        <v>635230</v>
      </c>
      <c r="AS12" s="328">
        <v>1297108</v>
      </c>
      <c r="AT12" s="330">
        <v>1297108</v>
      </c>
      <c r="AU12" s="326">
        <v>142809</v>
      </c>
      <c r="AV12" s="327">
        <v>558114</v>
      </c>
      <c r="AW12" s="328">
        <v>700923</v>
      </c>
      <c r="AX12" s="326">
        <v>0</v>
      </c>
      <c r="AY12" s="327">
        <v>1062446</v>
      </c>
      <c r="AZ12" s="327">
        <v>2242660</v>
      </c>
      <c r="BA12" s="327">
        <v>1777193</v>
      </c>
      <c r="BB12" s="327">
        <v>1567882</v>
      </c>
      <c r="BC12" s="327">
        <v>1335483</v>
      </c>
      <c r="BD12" s="328">
        <v>7985664</v>
      </c>
      <c r="BE12" s="330">
        <v>8686587</v>
      </c>
      <c r="BF12" s="326">
        <v>0</v>
      </c>
      <c r="BG12" s="327">
        <v>73072</v>
      </c>
      <c r="BH12" s="331">
        <v>73072</v>
      </c>
      <c r="BI12" s="332">
        <v>0</v>
      </c>
      <c r="BJ12" s="327">
        <v>0</v>
      </c>
      <c r="BK12" s="327">
        <v>229316</v>
      </c>
      <c r="BL12" s="327">
        <v>78096</v>
      </c>
      <c r="BM12" s="327">
        <v>86557</v>
      </c>
      <c r="BN12" s="327">
        <v>106735</v>
      </c>
      <c r="BO12" s="328">
        <v>500704</v>
      </c>
      <c r="BP12" s="330">
        <v>573776</v>
      </c>
      <c r="BQ12" s="326">
        <v>120841</v>
      </c>
      <c r="BR12" s="327">
        <v>222908</v>
      </c>
      <c r="BS12" s="328">
        <v>343749</v>
      </c>
      <c r="BT12" s="326">
        <v>0</v>
      </c>
      <c r="BU12" s="327">
        <v>888615</v>
      </c>
      <c r="BV12" s="327">
        <v>1446998</v>
      </c>
      <c r="BW12" s="327">
        <v>1306130</v>
      </c>
      <c r="BX12" s="327">
        <v>1226407</v>
      </c>
      <c r="BY12" s="327">
        <v>1042307</v>
      </c>
      <c r="BZ12" s="328">
        <v>5910457</v>
      </c>
      <c r="CA12" s="330">
        <v>6254206</v>
      </c>
      <c r="CB12" s="326">
        <v>19415</v>
      </c>
      <c r="CC12" s="327">
        <v>365363</v>
      </c>
      <c r="CD12" s="328">
        <v>384778</v>
      </c>
      <c r="CE12" s="326">
        <v>0</v>
      </c>
      <c r="CF12" s="327">
        <v>3467407</v>
      </c>
      <c r="CG12" s="327">
        <v>6170366</v>
      </c>
      <c r="CH12" s="327">
        <v>4739482</v>
      </c>
      <c r="CI12" s="327">
        <v>2273682</v>
      </c>
      <c r="CJ12" s="327">
        <v>1210341</v>
      </c>
      <c r="CK12" s="328">
        <v>17861278</v>
      </c>
      <c r="CL12" s="330">
        <v>18246056</v>
      </c>
      <c r="CM12" s="326">
        <v>0</v>
      </c>
      <c r="CN12" s="327">
        <v>0</v>
      </c>
      <c r="CO12" s="328">
        <v>0</v>
      </c>
      <c r="CP12" s="332">
        <v>0</v>
      </c>
      <c r="CQ12" s="327">
        <v>3280005</v>
      </c>
      <c r="CR12" s="327">
        <v>5385131</v>
      </c>
      <c r="CS12" s="327">
        <v>3710297</v>
      </c>
      <c r="CT12" s="327">
        <v>1647383</v>
      </c>
      <c r="CU12" s="327">
        <v>968979</v>
      </c>
      <c r="CV12" s="328">
        <v>14991795</v>
      </c>
      <c r="CW12" s="330">
        <v>14991795</v>
      </c>
      <c r="CX12" s="326">
        <v>19415</v>
      </c>
      <c r="CY12" s="327">
        <v>365363</v>
      </c>
      <c r="CZ12" s="328">
        <v>384778</v>
      </c>
      <c r="DA12" s="326">
        <v>0</v>
      </c>
      <c r="DB12" s="327">
        <v>187402</v>
      </c>
      <c r="DC12" s="327">
        <v>785235</v>
      </c>
      <c r="DD12" s="327">
        <v>1029185</v>
      </c>
      <c r="DE12" s="327">
        <v>626299</v>
      </c>
      <c r="DF12" s="327">
        <v>241362</v>
      </c>
      <c r="DG12" s="328">
        <v>2869483</v>
      </c>
      <c r="DH12" s="330">
        <v>3254261</v>
      </c>
      <c r="DI12" s="326">
        <v>0</v>
      </c>
      <c r="DJ12" s="327">
        <v>0</v>
      </c>
      <c r="DK12" s="331">
        <v>0</v>
      </c>
      <c r="DL12" s="332">
        <v>0</v>
      </c>
      <c r="DM12" s="327">
        <v>441495</v>
      </c>
      <c r="DN12" s="327">
        <v>748718</v>
      </c>
      <c r="DO12" s="327">
        <v>2223583</v>
      </c>
      <c r="DP12" s="327">
        <v>1673423</v>
      </c>
      <c r="DQ12" s="327">
        <v>510873</v>
      </c>
      <c r="DR12" s="328">
        <v>5598092</v>
      </c>
      <c r="DS12" s="330">
        <v>5598092</v>
      </c>
      <c r="DT12" s="326">
        <v>0</v>
      </c>
      <c r="DU12" s="327">
        <v>0</v>
      </c>
      <c r="DV12" s="328">
        <v>0</v>
      </c>
      <c r="DW12" s="326">
        <v>0</v>
      </c>
      <c r="DX12" s="327">
        <v>343280</v>
      </c>
      <c r="DY12" s="327">
        <v>748718</v>
      </c>
      <c r="DZ12" s="327">
        <v>2223583</v>
      </c>
      <c r="EA12" s="327">
        <v>1673423</v>
      </c>
      <c r="EB12" s="327">
        <v>510873</v>
      </c>
      <c r="EC12" s="328">
        <v>5499877</v>
      </c>
      <c r="ED12" s="330">
        <v>5499877</v>
      </c>
      <c r="EE12" s="326">
        <v>0</v>
      </c>
      <c r="EF12" s="331">
        <v>0</v>
      </c>
      <c r="EG12" s="328">
        <v>0</v>
      </c>
      <c r="EH12" s="326">
        <v>0</v>
      </c>
      <c r="EI12" s="327">
        <v>98215</v>
      </c>
      <c r="EJ12" s="327">
        <v>0</v>
      </c>
      <c r="EK12" s="327">
        <v>0</v>
      </c>
      <c r="EL12" s="327">
        <v>0</v>
      </c>
      <c r="EM12" s="327">
        <v>0</v>
      </c>
      <c r="EN12" s="331">
        <v>98215</v>
      </c>
      <c r="EO12" s="330">
        <v>98215</v>
      </c>
      <c r="EP12" s="326">
        <v>0</v>
      </c>
      <c r="EQ12" s="327">
        <v>0</v>
      </c>
      <c r="ER12" s="331">
        <v>0</v>
      </c>
      <c r="ES12" s="332">
        <v>0</v>
      </c>
      <c r="ET12" s="327">
        <v>0</v>
      </c>
      <c r="EU12" s="327">
        <v>0</v>
      </c>
      <c r="EV12" s="327">
        <v>0</v>
      </c>
      <c r="EW12" s="327">
        <v>0</v>
      </c>
      <c r="EX12" s="327">
        <v>0</v>
      </c>
      <c r="EY12" s="328">
        <v>0</v>
      </c>
      <c r="EZ12" s="330">
        <v>0</v>
      </c>
      <c r="FA12" s="326">
        <v>0</v>
      </c>
      <c r="FB12" s="327">
        <v>0</v>
      </c>
      <c r="FC12" s="331">
        <v>0</v>
      </c>
      <c r="FD12" s="404">
        <v>0</v>
      </c>
      <c r="FE12" s="327">
        <v>0</v>
      </c>
      <c r="FF12" s="327">
        <v>0</v>
      </c>
      <c r="FG12" s="327">
        <v>0</v>
      </c>
      <c r="FH12" s="327">
        <v>0</v>
      </c>
      <c r="FI12" s="327">
        <v>0</v>
      </c>
      <c r="FJ12" s="328">
        <v>0</v>
      </c>
      <c r="FK12" s="330">
        <v>0</v>
      </c>
      <c r="FL12" s="326">
        <v>145495</v>
      </c>
      <c r="FM12" s="327">
        <v>662719</v>
      </c>
      <c r="FN12" s="328">
        <v>808214</v>
      </c>
      <c r="FO12" s="326">
        <v>0</v>
      </c>
      <c r="FP12" s="327">
        <v>569380</v>
      </c>
      <c r="FQ12" s="327">
        <v>2585491</v>
      </c>
      <c r="FR12" s="327">
        <v>1738205</v>
      </c>
      <c r="FS12" s="327">
        <v>1327550</v>
      </c>
      <c r="FT12" s="327">
        <v>1283530</v>
      </c>
      <c r="FU12" s="328">
        <v>7504156</v>
      </c>
      <c r="FV12" s="330">
        <v>8312370</v>
      </c>
      <c r="FW12" s="333">
        <v>145495</v>
      </c>
      <c r="FX12" s="327">
        <v>584171</v>
      </c>
      <c r="FY12" s="331">
        <v>729666</v>
      </c>
      <c r="FZ12" s="332">
        <v>0</v>
      </c>
      <c r="GA12" s="327">
        <v>540120</v>
      </c>
      <c r="GB12" s="327">
        <v>2259571</v>
      </c>
      <c r="GC12" s="327">
        <v>1738205</v>
      </c>
      <c r="GD12" s="327">
        <v>1302350</v>
      </c>
      <c r="GE12" s="327">
        <v>1190350</v>
      </c>
      <c r="GF12" s="328">
        <v>7030596</v>
      </c>
      <c r="GG12" s="334">
        <v>7760262</v>
      </c>
      <c r="GH12" s="333">
        <v>0</v>
      </c>
      <c r="GI12" s="327">
        <v>78548</v>
      </c>
      <c r="GJ12" s="331">
        <v>78548</v>
      </c>
      <c r="GK12" s="332">
        <v>0</v>
      </c>
      <c r="GL12" s="327">
        <v>29260</v>
      </c>
      <c r="GM12" s="327">
        <v>29120</v>
      </c>
      <c r="GN12" s="327">
        <v>0</v>
      </c>
      <c r="GO12" s="327">
        <v>25200</v>
      </c>
      <c r="GP12" s="327">
        <v>11280</v>
      </c>
      <c r="GQ12" s="328">
        <v>94860</v>
      </c>
      <c r="GR12" s="330">
        <v>173408</v>
      </c>
      <c r="GS12" s="326">
        <v>0</v>
      </c>
      <c r="GT12" s="327">
        <v>0</v>
      </c>
      <c r="GU12" s="328">
        <v>0</v>
      </c>
      <c r="GV12" s="326">
        <v>0</v>
      </c>
      <c r="GW12" s="327">
        <v>0</v>
      </c>
      <c r="GX12" s="327">
        <v>296800</v>
      </c>
      <c r="GY12" s="327">
        <v>0</v>
      </c>
      <c r="GZ12" s="327">
        <v>0</v>
      </c>
      <c r="HA12" s="327">
        <v>81900</v>
      </c>
      <c r="HB12" s="331">
        <v>378700</v>
      </c>
      <c r="HC12" s="330">
        <v>378700</v>
      </c>
      <c r="HD12" s="326">
        <v>707027</v>
      </c>
      <c r="HE12" s="327">
        <v>770170</v>
      </c>
      <c r="HF12" s="331">
        <v>1477197</v>
      </c>
      <c r="HG12" s="332">
        <v>0</v>
      </c>
      <c r="HH12" s="327">
        <v>4796492</v>
      </c>
      <c r="HI12" s="327">
        <v>6094629</v>
      </c>
      <c r="HJ12" s="327">
        <v>5486478</v>
      </c>
      <c r="HK12" s="327">
        <v>6283466</v>
      </c>
      <c r="HL12" s="327">
        <v>3567914</v>
      </c>
      <c r="HM12" s="328">
        <v>26228979</v>
      </c>
      <c r="HN12" s="329">
        <v>27706176</v>
      </c>
      <c r="HO12" s="333">
        <v>0</v>
      </c>
      <c r="HP12" s="327">
        <v>0</v>
      </c>
      <c r="HQ12" s="328">
        <v>0</v>
      </c>
      <c r="HR12" s="326">
        <v>0</v>
      </c>
      <c r="HS12" s="327">
        <v>0</v>
      </c>
      <c r="HT12" s="327">
        <v>0</v>
      </c>
      <c r="HU12" s="327">
        <v>0</v>
      </c>
      <c r="HV12" s="327">
        <v>0</v>
      </c>
      <c r="HW12" s="327">
        <v>0</v>
      </c>
      <c r="HX12" s="331">
        <v>0</v>
      </c>
      <c r="HY12" s="330">
        <v>0</v>
      </c>
      <c r="HZ12" s="335">
        <v>69611</v>
      </c>
      <c r="IA12" s="336">
        <v>72447</v>
      </c>
      <c r="IB12" s="337">
        <v>142058</v>
      </c>
      <c r="IC12" s="355">
        <v>0</v>
      </c>
      <c r="ID12" s="356">
        <v>3534781</v>
      </c>
      <c r="IE12" s="357">
        <v>5382386</v>
      </c>
      <c r="IF12" s="358">
        <v>5457964</v>
      </c>
      <c r="IG12" s="356">
        <v>3764526</v>
      </c>
      <c r="IH12" s="358">
        <v>2862312</v>
      </c>
      <c r="II12" s="359">
        <v>21001969</v>
      </c>
      <c r="IJ12" s="341">
        <v>21144027</v>
      </c>
      <c r="IK12" s="342">
        <v>0</v>
      </c>
      <c r="IL12" s="343">
        <v>0</v>
      </c>
      <c r="IM12" s="344">
        <v>0</v>
      </c>
      <c r="IN12" s="404">
        <v>0</v>
      </c>
      <c r="IO12" s="345">
        <v>0</v>
      </c>
      <c r="IP12" s="345">
        <v>263311</v>
      </c>
      <c r="IQ12" s="345">
        <v>83727</v>
      </c>
      <c r="IR12" s="345">
        <v>0</v>
      </c>
      <c r="IS12" s="345">
        <v>239451</v>
      </c>
      <c r="IT12" s="346">
        <v>586489</v>
      </c>
      <c r="IU12" s="347">
        <v>586489</v>
      </c>
      <c r="IV12" s="348">
        <v>0</v>
      </c>
      <c r="IW12" s="345">
        <v>0</v>
      </c>
      <c r="IX12" s="349">
        <v>0</v>
      </c>
      <c r="IY12" s="404">
        <v>0</v>
      </c>
      <c r="IZ12" s="345">
        <v>0</v>
      </c>
      <c r="JA12" s="345">
        <v>0</v>
      </c>
      <c r="JB12" s="345">
        <v>0</v>
      </c>
      <c r="JC12" s="345">
        <v>0</v>
      </c>
      <c r="JD12" s="345">
        <v>0</v>
      </c>
      <c r="JE12" s="349">
        <v>0</v>
      </c>
      <c r="JF12" s="350">
        <v>0</v>
      </c>
      <c r="JG12" s="348">
        <v>0</v>
      </c>
      <c r="JH12" s="345">
        <v>0</v>
      </c>
      <c r="JI12" s="346">
        <v>0</v>
      </c>
      <c r="JJ12" s="351">
        <v>0</v>
      </c>
      <c r="JK12" s="345">
        <v>1562053</v>
      </c>
      <c r="JL12" s="345">
        <v>1953010</v>
      </c>
      <c r="JM12" s="345">
        <v>1084887</v>
      </c>
      <c r="JN12" s="345">
        <v>335449</v>
      </c>
      <c r="JO12" s="345">
        <v>851421</v>
      </c>
      <c r="JP12" s="349">
        <v>5786820</v>
      </c>
      <c r="JQ12" s="347">
        <v>5786820</v>
      </c>
      <c r="JR12" s="348">
        <v>0</v>
      </c>
      <c r="JS12" s="345">
        <v>0</v>
      </c>
      <c r="JT12" s="346">
        <v>0</v>
      </c>
      <c r="JU12" s="351">
        <v>0</v>
      </c>
      <c r="JV12" s="345">
        <v>0</v>
      </c>
      <c r="JW12" s="345">
        <v>157962</v>
      </c>
      <c r="JX12" s="345">
        <v>0</v>
      </c>
      <c r="JY12" s="345">
        <v>12901</v>
      </c>
      <c r="JZ12" s="345">
        <v>0</v>
      </c>
      <c r="KA12" s="349">
        <v>170863</v>
      </c>
      <c r="KB12" s="347">
        <v>170863</v>
      </c>
      <c r="KC12" s="352">
        <v>69611</v>
      </c>
      <c r="KD12" s="353">
        <v>72447</v>
      </c>
      <c r="KE12" s="349">
        <v>142058</v>
      </c>
      <c r="KF12" s="351">
        <v>0</v>
      </c>
      <c r="KG12" s="345">
        <v>213203</v>
      </c>
      <c r="KH12" s="345">
        <v>905421</v>
      </c>
      <c r="KI12" s="345">
        <v>1488060</v>
      </c>
      <c r="KJ12" s="345">
        <v>0</v>
      </c>
      <c r="KK12" s="345">
        <v>259527</v>
      </c>
      <c r="KL12" s="349">
        <v>2866211</v>
      </c>
      <c r="KM12" s="354">
        <v>3008269</v>
      </c>
      <c r="KN12" s="342">
        <v>0</v>
      </c>
      <c r="KO12" s="343">
        <v>0</v>
      </c>
      <c r="KP12" s="344">
        <v>0</v>
      </c>
      <c r="KQ12" s="404">
        <v>0</v>
      </c>
      <c r="KR12" s="345">
        <v>1499617</v>
      </c>
      <c r="KS12" s="345">
        <v>1740411</v>
      </c>
      <c r="KT12" s="345">
        <v>2585102</v>
      </c>
      <c r="KU12" s="345">
        <v>1436697</v>
      </c>
      <c r="KV12" s="345">
        <v>1424944</v>
      </c>
      <c r="KW12" s="349">
        <v>8686771</v>
      </c>
      <c r="KX12" s="347">
        <v>8686771</v>
      </c>
      <c r="KY12" s="348">
        <v>0</v>
      </c>
      <c r="KZ12" s="345">
        <v>0</v>
      </c>
      <c r="LA12" s="349">
        <v>0</v>
      </c>
      <c r="LB12" s="404">
        <v>0</v>
      </c>
      <c r="LC12" s="345">
        <v>0</v>
      </c>
      <c r="LD12" s="345">
        <v>0</v>
      </c>
      <c r="LE12" s="345">
        <v>0</v>
      </c>
      <c r="LF12" s="345">
        <v>0</v>
      </c>
      <c r="LG12" s="345">
        <v>0</v>
      </c>
      <c r="LH12" s="349">
        <v>0</v>
      </c>
      <c r="LI12" s="350">
        <v>0</v>
      </c>
      <c r="LJ12" s="348">
        <v>0</v>
      </c>
      <c r="LK12" s="345">
        <v>0</v>
      </c>
      <c r="LL12" s="349">
        <v>0</v>
      </c>
      <c r="LM12" s="404">
        <v>0</v>
      </c>
      <c r="LN12" s="345">
        <v>0</v>
      </c>
      <c r="LO12" s="345">
        <v>0</v>
      </c>
      <c r="LP12" s="345">
        <v>0</v>
      </c>
      <c r="LQ12" s="345">
        <v>752082</v>
      </c>
      <c r="LR12" s="345">
        <v>0</v>
      </c>
      <c r="LS12" s="349">
        <v>752082</v>
      </c>
      <c r="LT12" s="347">
        <v>752082</v>
      </c>
      <c r="LU12" s="348">
        <v>0</v>
      </c>
      <c r="LV12" s="345">
        <v>0</v>
      </c>
      <c r="LW12" s="349">
        <v>0</v>
      </c>
      <c r="LX12" s="404">
        <v>0</v>
      </c>
      <c r="LY12" s="345">
        <v>259908</v>
      </c>
      <c r="LZ12" s="345">
        <v>362271</v>
      </c>
      <c r="MA12" s="345">
        <v>216188</v>
      </c>
      <c r="MB12" s="345">
        <v>1227397</v>
      </c>
      <c r="MC12" s="345">
        <v>86969</v>
      </c>
      <c r="MD12" s="349">
        <v>2152733</v>
      </c>
      <c r="ME12" s="350">
        <v>2152733</v>
      </c>
      <c r="MF12" s="348">
        <v>0</v>
      </c>
      <c r="MG12" s="345">
        <v>0</v>
      </c>
      <c r="MH12" s="349">
        <v>0</v>
      </c>
      <c r="MI12" s="404">
        <v>0</v>
      </c>
      <c r="MJ12" s="345">
        <v>498234</v>
      </c>
      <c r="MK12" s="345">
        <v>1601329</v>
      </c>
      <c r="ML12" s="345">
        <v>7742555</v>
      </c>
      <c r="MM12" s="345">
        <v>16734613</v>
      </c>
      <c r="MN12" s="345">
        <v>7608336</v>
      </c>
      <c r="MO12" s="349">
        <v>34185067</v>
      </c>
      <c r="MP12" s="354">
        <v>34185067</v>
      </c>
      <c r="MQ12" s="348">
        <v>0</v>
      </c>
      <c r="MR12" s="345">
        <v>0</v>
      </c>
      <c r="MS12" s="349">
        <v>0</v>
      </c>
      <c r="MT12" s="404">
        <v>0</v>
      </c>
      <c r="MU12" s="345">
        <v>0</v>
      </c>
      <c r="MV12" s="345">
        <v>0</v>
      </c>
      <c r="MW12" s="345">
        <v>6423535</v>
      </c>
      <c r="MX12" s="345">
        <v>11251400</v>
      </c>
      <c r="MY12" s="345">
        <v>4180201</v>
      </c>
      <c r="MZ12" s="349">
        <v>21855136</v>
      </c>
      <c r="NA12" s="354">
        <v>21855136</v>
      </c>
      <c r="NB12" s="348">
        <v>0</v>
      </c>
      <c r="NC12" s="345">
        <v>0</v>
      </c>
      <c r="ND12" s="349">
        <v>0</v>
      </c>
      <c r="NE12" s="404">
        <v>0</v>
      </c>
      <c r="NF12" s="345">
        <v>498234</v>
      </c>
      <c r="NG12" s="345">
        <v>1601329</v>
      </c>
      <c r="NH12" s="345">
        <v>1319020</v>
      </c>
      <c r="NI12" s="345">
        <v>5177160</v>
      </c>
      <c r="NJ12" s="345">
        <v>2131260</v>
      </c>
      <c r="NK12" s="349">
        <v>10727003</v>
      </c>
      <c r="NL12" s="347">
        <v>10727003</v>
      </c>
      <c r="NM12" s="348">
        <v>0</v>
      </c>
      <c r="NN12" s="345">
        <v>0</v>
      </c>
      <c r="NO12" s="349">
        <v>0</v>
      </c>
      <c r="NP12" s="404">
        <v>0</v>
      </c>
      <c r="NQ12" s="345">
        <v>0</v>
      </c>
      <c r="NR12" s="345">
        <v>0</v>
      </c>
      <c r="NS12" s="345">
        <v>0</v>
      </c>
      <c r="NT12" s="345">
        <v>0</v>
      </c>
      <c r="NU12" s="345">
        <v>0</v>
      </c>
      <c r="NV12" s="349">
        <v>0</v>
      </c>
      <c r="NW12" s="350">
        <v>0</v>
      </c>
      <c r="NX12" s="348">
        <v>0</v>
      </c>
      <c r="NY12" s="345">
        <v>0</v>
      </c>
      <c r="NZ12" s="349">
        <v>0</v>
      </c>
      <c r="OA12" s="404">
        <v>0</v>
      </c>
      <c r="OB12" s="345">
        <v>0</v>
      </c>
      <c r="OC12" s="345">
        <v>0</v>
      </c>
      <c r="OD12" s="345">
        <v>0</v>
      </c>
      <c r="OE12" s="345">
        <v>306053</v>
      </c>
      <c r="OF12" s="345">
        <v>1296875</v>
      </c>
      <c r="OG12" s="349">
        <v>1602928</v>
      </c>
      <c r="OH12" s="350">
        <v>1602928</v>
      </c>
      <c r="OI12" s="348">
        <v>1205198</v>
      </c>
      <c r="OJ12" s="345">
        <v>2724793</v>
      </c>
      <c r="OK12" s="346">
        <v>3929991</v>
      </c>
      <c r="OL12" s="351">
        <v>0</v>
      </c>
      <c r="OM12" s="345">
        <v>16547239</v>
      </c>
      <c r="ON12" s="345">
        <v>30444948</v>
      </c>
      <c r="OO12" s="345">
        <v>34197779</v>
      </c>
      <c r="OP12" s="345">
        <v>38658328</v>
      </c>
      <c r="OQ12" s="345">
        <v>25424563</v>
      </c>
      <c r="OR12" s="349">
        <v>145272857</v>
      </c>
      <c r="OS12" s="354">
        <v>149202848</v>
      </c>
    </row>
    <row r="13" spans="2:409" s="70" customFormat="1" ht="21" customHeight="1" x14ac:dyDescent="0.2">
      <c r="B13" s="106" t="s">
        <v>7</v>
      </c>
      <c r="C13" s="326">
        <v>1223451</v>
      </c>
      <c r="D13" s="327">
        <v>932483</v>
      </c>
      <c r="E13" s="328">
        <v>2155934</v>
      </c>
      <c r="F13" s="329">
        <v>0</v>
      </c>
      <c r="G13" s="327">
        <v>13136438</v>
      </c>
      <c r="H13" s="327">
        <v>9489704</v>
      </c>
      <c r="I13" s="327">
        <v>9659130</v>
      </c>
      <c r="J13" s="327">
        <v>11002738</v>
      </c>
      <c r="K13" s="327">
        <v>7433794</v>
      </c>
      <c r="L13" s="329">
        <v>50721804</v>
      </c>
      <c r="M13" s="330">
        <v>52877738</v>
      </c>
      <c r="N13" s="326">
        <v>238451</v>
      </c>
      <c r="O13" s="327">
        <v>236858</v>
      </c>
      <c r="P13" s="328">
        <v>475309</v>
      </c>
      <c r="Q13" s="326">
        <v>0</v>
      </c>
      <c r="R13" s="327">
        <v>3647845</v>
      </c>
      <c r="S13" s="327">
        <v>2906973</v>
      </c>
      <c r="T13" s="327">
        <v>4135021</v>
      </c>
      <c r="U13" s="327">
        <v>4667094</v>
      </c>
      <c r="V13" s="327">
        <v>2868055</v>
      </c>
      <c r="W13" s="328">
        <v>18224988</v>
      </c>
      <c r="X13" s="330">
        <v>18700297</v>
      </c>
      <c r="Y13" s="326">
        <v>0</v>
      </c>
      <c r="Z13" s="327">
        <v>0</v>
      </c>
      <c r="AA13" s="328">
        <v>0</v>
      </c>
      <c r="AB13" s="326">
        <v>0</v>
      </c>
      <c r="AC13" s="327">
        <v>1634209</v>
      </c>
      <c r="AD13" s="327">
        <v>1211474</v>
      </c>
      <c r="AE13" s="327">
        <v>2467290</v>
      </c>
      <c r="AF13" s="327">
        <v>2542602</v>
      </c>
      <c r="AG13" s="327">
        <v>1692183</v>
      </c>
      <c r="AH13" s="328">
        <v>9547758</v>
      </c>
      <c r="AI13" s="330">
        <v>9547758</v>
      </c>
      <c r="AJ13" s="326">
        <v>0</v>
      </c>
      <c r="AK13" s="327">
        <v>0</v>
      </c>
      <c r="AL13" s="328">
        <v>0</v>
      </c>
      <c r="AM13" s="326">
        <v>0</v>
      </c>
      <c r="AN13" s="327">
        <v>0</v>
      </c>
      <c r="AO13" s="327">
        <v>47020</v>
      </c>
      <c r="AP13" s="327">
        <v>121446</v>
      </c>
      <c r="AQ13" s="327">
        <v>441055</v>
      </c>
      <c r="AR13" s="327">
        <v>325787</v>
      </c>
      <c r="AS13" s="328">
        <v>935308</v>
      </c>
      <c r="AT13" s="330">
        <v>935308</v>
      </c>
      <c r="AU13" s="326">
        <v>15240</v>
      </c>
      <c r="AV13" s="327">
        <v>81532</v>
      </c>
      <c r="AW13" s="328">
        <v>96772</v>
      </c>
      <c r="AX13" s="326">
        <v>0</v>
      </c>
      <c r="AY13" s="327">
        <v>993155</v>
      </c>
      <c r="AZ13" s="327">
        <v>1061209</v>
      </c>
      <c r="BA13" s="327">
        <v>832527</v>
      </c>
      <c r="BB13" s="327">
        <v>857987</v>
      </c>
      <c r="BC13" s="327">
        <v>484180</v>
      </c>
      <c r="BD13" s="328">
        <v>4229058</v>
      </c>
      <c r="BE13" s="330">
        <v>4325830</v>
      </c>
      <c r="BF13" s="326">
        <v>13610</v>
      </c>
      <c r="BG13" s="327">
        <v>18147</v>
      </c>
      <c r="BH13" s="331">
        <v>31757</v>
      </c>
      <c r="BI13" s="332">
        <v>0</v>
      </c>
      <c r="BJ13" s="327">
        <v>150416</v>
      </c>
      <c r="BK13" s="327">
        <v>67513</v>
      </c>
      <c r="BL13" s="327">
        <v>81028</v>
      </c>
      <c r="BM13" s="327">
        <v>90303</v>
      </c>
      <c r="BN13" s="327">
        <v>0</v>
      </c>
      <c r="BO13" s="328">
        <v>389260</v>
      </c>
      <c r="BP13" s="330">
        <v>421017</v>
      </c>
      <c r="BQ13" s="326">
        <v>209601</v>
      </c>
      <c r="BR13" s="327">
        <v>137179</v>
      </c>
      <c r="BS13" s="328">
        <v>346780</v>
      </c>
      <c r="BT13" s="326">
        <v>0</v>
      </c>
      <c r="BU13" s="327">
        <v>870065</v>
      </c>
      <c r="BV13" s="327">
        <v>519757</v>
      </c>
      <c r="BW13" s="327">
        <v>632730</v>
      </c>
      <c r="BX13" s="327">
        <v>735147</v>
      </c>
      <c r="BY13" s="327">
        <v>365905</v>
      </c>
      <c r="BZ13" s="328">
        <v>3123604</v>
      </c>
      <c r="CA13" s="330">
        <v>3470384</v>
      </c>
      <c r="CB13" s="326">
        <v>18759</v>
      </c>
      <c r="CC13" s="327">
        <v>107671</v>
      </c>
      <c r="CD13" s="328">
        <v>126430</v>
      </c>
      <c r="CE13" s="326">
        <v>0</v>
      </c>
      <c r="CF13" s="327">
        <v>3590169</v>
      </c>
      <c r="CG13" s="327">
        <v>2501533</v>
      </c>
      <c r="CH13" s="327">
        <v>1338214</v>
      </c>
      <c r="CI13" s="327">
        <v>779338</v>
      </c>
      <c r="CJ13" s="327">
        <v>441332</v>
      </c>
      <c r="CK13" s="328">
        <v>8650586</v>
      </c>
      <c r="CL13" s="330">
        <v>8777016</v>
      </c>
      <c r="CM13" s="326">
        <v>0</v>
      </c>
      <c r="CN13" s="327">
        <v>0</v>
      </c>
      <c r="CO13" s="328">
        <v>0</v>
      </c>
      <c r="CP13" s="332">
        <v>0</v>
      </c>
      <c r="CQ13" s="327">
        <v>3016128</v>
      </c>
      <c r="CR13" s="327">
        <v>1726166</v>
      </c>
      <c r="CS13" s="327">
        <v>1039312</v>
      </c>
      <c r="CT13" s="327">
        <v>415152</v>
      </c>
      <c r="CU13" s="327">
        <v>253410</v>
      </c>
      <c r="CV13" s="328">
        <v>6450168</v>
      </c>
      <c r="CW13" s="330">
        <v>6450168</v>
      </c>
      <c r="CX13" s="326">
        <v>18759</v>
      </c>
      <c r="CY13" s="327">
        <v>107671</v>
      </c>
      <c r="CZ13" s="328">
        <v>126430</v>
      </c>
      <c r="DA13" s="326">
        <v>0</v>
      </c>
      <c r="DB13" s="327">
        <v>574041</v>
      </c>
      <c r="DC13" s="327">
        <v>775367</v>
      </c>
      <c r="DD13" s="327">
        <v>298902</v>
      </c>
      <c r="DE13" s="327">
        <v>364186</v>
      </c>
      <c r="DF13" s="327">
        <v>187922</v>
      </c>
      <c r="DG13" s="328">
        <v>2200418</v>
      </c>
      <c r="DH13" s="330">
        <v>2326848</v>
      </c>
      <c r="DI13" s="326">
        <v>0</v>
      </c>
      <c r="DJ13" s="327">
        <v>0</v>
      </c>
      <c r="DK13" s="331">
        <v>0</v>
      </c>
      <c r="DL13" s="332">
        <v>0</v>
      </c>
      <c r="DM13" s="327">
        <v>529805</v>
      </c>
      <c r="DN13" s="327">
        <v>373131</v>
      </c>
      <c r="DO13" s="327">
        <v>361281</v>
      </c>
      <c r="DP13" s="327">
        <v>781703</v>
      </c>
      <c r="DQ13" s="327">
        <v>790573</v>
      </c>
      <c r="DR13" s="328">
        <v>2836493</v>
      </c>
      <c r="DS13" s="330">
        <v>2836493</v>
      </c>
      <c r="DT13" s="326">
        <v>0</v>
      </c>
      <c r="DU13" s="327">
        <v>0</v>
      </c>
      <c r="DV13" s="328">
        <v>0</v>
      </c>
      <c r="DW13" s="326">
        <v>0</v>
      </c>
      <c r="DX13" s="327">
        <v>529805</v>
      </c>
      <c r="DY13" s="327">
        <v>373131</v>
      </c>
      <c r="DZ13" s="327">
        <v>309311</v>
      </c>
      <c r="EA13" s="327">
        <v>781703</v>
      </c>
      <c r="EB13" s="327">
        <v>790573</v>
      </c>
      <c r="EC13" s="328">
        <v>2784523</v>
      </c>
      <c r="ED13" s="330">
        <v>2784523</v>
      </c>
      <c r="EE13" s="326">
        <v>0</v>
      </c>
      <c r="EF13" s="331">
        <v>0</v>
      </c>
      <c r="EG13" s="328">
        <v>0</v>
      </c>
      <c r="EH13" s="326">
        <v>0</v>
      </c>
      <c r="EI13" s="327">
        <v>0</v>
      </c>
      <c r="EJ13" s="327">
        <v>0</v>
      </c>
      <c r="EK13" s="327">
        <v>51970</v>
      </c>
      <c r="EL13" s="327">
        <v>0</v>
      </c>
      <c r="EM13" s="327">
        <v>0</v>
      </c>
      <c r="EN13" s="331">
        <v>51970</v>
      </c>
      <c r="EO13" s="330">
        <v>51970</v>
      </c>
      <c r="EP13" s="326">
        <v>0</v>
      </c>
      <c r="EQ13" s="327">
        <v>0</v>
      </c>
      <c r="ER13" s="331">
        <v>0</v>
      </c>
      <c r="ES13" s="332">
        <v>0</v>
      </c>
      <c r="ET13" s="327">
        <v>0</v>
      </c>
      <c r="EU13" s="327">
        <v>0</v>
      </c>
      <c r="EV13" s="327">
        <v>0</v>
      </c>
      <c r="EW13" s="327">
        <v>0</v>
      </c>
      <c r="EX13" s="327">
        <v>0</v>
      </c>
      <c r="EY13" s="328">
        <v>0</v>
      </c>
      <c r="EZ13" s="330">
        <v>0</v>
      </c>
      <c r="FA13" s="326">
        <v>0</v>
      </c>
      <c r="FB13" s="327">
        <v>0</v>
      </c>
      <c r="FC13" s="331">
        <v>0</v>
      </c>
      <c r="FD13" s="404">
        <v>0</v>
      </c>
      <c r="FE13" s="327">
        <v>0</v>
      </c>
      <c r="FF13" s="327">
        <v>0</v>
      </c>
      <c r="FG13" s="327">
        <v>0</v>
      </c>
      <c r="FH13" s="327">
        <v>0</v>
      </c>
      <c r="FI13" s="327">
        <v>0</v>
      </c>
      <c r="FJ13" s="328">
        <v>0</v>
      </c>
      <c r="FK13" s="330">
        <v>0</v>
      </c>
      <c r="FL13" s="326">
        <v>134596</v>
      </c>
      <c r="FM13" s="327">
        <v>79023</v>
      </c>
      <c r="FN13" s="328">
        <v>213619</v>
      </c>
      <c r="FO13" s="326">
        <v>0</v>
      </c>
      <c r="FP13" s="327">
        <v>651548</v>
      </c>
      <c r="FQ13" s="327">
        <v>868980</v>
      </c>
      <c r="FR13" s="327">
        <v>697361</v>
      </c>
      <c r="FS13" s="327">
        <v>815318</v>
      </c>
      <c r="FT13" s="327">
        <v>373352</v>
      </c>
      <c r="FU13" s="328">
        <v>3406559</v>
      </c>
      <c r="FV13" s="330">
        <v>3620178</v>
      </c>
      <c r="FW13" s="333">
        <v>134596</v>
      </c>
      <c r="FX13" s="327">
        <v>60774</v>
      </c>
      <c r="FY13" s="331">
        <v>195370</v>
      </c>
      <c r="FZ13" s="332">
        <v>0</v>
      </c>
      <c r="GA13" s="327">
        <v>520884</v>
      </c>
      <c r="GB13" s="327">
        <v>864948</v>
      </c>
      <c r="GC13" s="327">
        <v>697361</v>
      </c>
      <c r="GD13" s="327">
        <v>675318</v>
      </c>
      <c r="GE13" s="327">
        <v>310352</v>
      </c>
      <c r="GF13" s="328">
        <v>3068863</v>
      </c>
      <c r="GG13" s="334">
        <v>3264233</v>
      </c>
      <c r="GH13" s="333">
        <v>0</v>
      </c>
      <c r="GI13" s="327">
        <v>18249</v>
      </c>
      <c r="GJ13" s="331">
        <v>18249</v>
      </c>
      <c r="GK13" s="332">
        <v>0</v>
      </c>
      <c r="GL13" s="327">
        <v>98464</v>
      </c>
      <c r="GM13" s="327">
        <v>4032</v>
      </c>
      <c r="GN13" s="327">
        <v>0</v>
      </c>
      <c r="GO13" s="327">
        <v>0</v>
      </c>
      <c r="GP13" s="327">
        <v>0</v>
      </c>
      <c r="GQ13" s="328">
        <v>102496</v>
      </c>
      <c r="GR13" s="330">
        <v>120745</v>
      </c>
      <c r="GS13" s="326">
        <v>0</v>
      </c>
      <c r="GT13" s="327">
        <v>0</v>
      </c>
      <c r="GU13" s="328">
        <v>0</v>
      </c>
      <c r="GV13" s="326">
        <v>0</v>
      </c>
      <c r="GW13" s="327">
        <v>32200</v>
      </c>
      <c r="GX13" s="327">
        <v>0</v>
      </c>
      <c r="GY13" s="327">
        <v>0</v>
      </c>
      <c r="GZ13" s="327">
        <v>140000</v>
      </c>
      <c r="HA13" s="327">
        <v>63000</v>
      </c>
      <c r="HB13" s="331">
        <v>235200</v>
      </c>
      <c r="HC13" s="330">
        <v>235200</v>
      </c>
      <c r="HD13" s="326">
        <v>831645</v>
      </c>
      <c r="HE13" s="327">
        <v>508931</v>
      </c>
      <c r="HF13" s="331">
        <v>1340576</v>
      </c>
      <c r="HG13" s="332">
        <v>0</v>
      </c>
      <c r="HH13" s="327">
        <v>4717071</v>
      </c>
      <c r="HI13" s="327">
        <v>2839087</v>
      </c>
      <c r="HJ13" s="327">
        <v>3127253</v>
      </c>
      <c r="HK13" s="327">
        <v>3959285</v>
      </c>
      <c r="HL13" s="327">
        <v>2960482</v>
      </c>
      <c r="HM13" s="328">
        <v>17603178</v>
      </c>
      <c r="HN13" s="329">
        <v>18943754</v>
      </c>
      <c r="HO13" s="333">
        <v>0</v>
      </c>
      <c r="HP13" s="327">
        <v>0</v>
      </c>
      <c r="HQ13" s="328">
        <v>0</v>
      </c>
      <c r="HR13" s="326">
        <v>0</v>
      </c>
      <c r="HS13" s="327">
        <v>0</v>
      </c>
      <c r="HT13" s="327">
        <v>0</v>
      </c>
      <c r="HU13" s="327">
        <v>0</v>
      </c>
      <c r="HV13" s="327">
        <v>0</v>
      </c>
      <c r="HW13" s="327">
        <v>0</v>
      </c>
      <c r="HX13" s="331">
        <v>0</v>
      </c>
      <c r="HY13" s="330">
        <v>0</v>
      </c>
      <c r="HZ13" s="335">
        <v>0</v>
      </c>
      <c r="IA13" s="336">
        <v>0</v>
      </c>
      <c r="IB13" s="337">
        <v>0</v>
      </c>
      <c r="IC13" s="338">
        <v>0</v>
      </c>
      <c r="ID13" s="336">
        <v>2602975</v>
      </c>
      <c r="IE13" s="339">
        <v>2294850</v>
      </c>
      <c r="IF13" s="337">
        <v>2225863</v>
      </c>
      <c r="IG13" s="336">
        <v>1105214</v>
      </c>
      <c r="IH13" s="337">
        <v>715523</v>
      </c>
      <c r="II13" s="340">
        <v>8944425</v>
      </c>
      <c r="IJ13" s="341">
        <v>8944425</v>
      </c>
      <c r="IK13" s="342">
        <v>0</v>
      </c>
      <c r="IL13" s="343">
        <v>0</v>
      </c>
      <c r="IM13" s="344">
        <v>0</v>
      </c>
      <c r="IN13" s="404">
        <v>0</v>
      </c>
      <c r="IO13" s="345">
        <v>0</v>
      </c>
      <c r="IP13" s="345">
        <v>129951</v>
      </c>
      <c r="IQ13" s="345">
        <v>0</v>
      </c>
      <c r="IR13" s="345">
        <v>0</v>
      </c>
      <c r="IS13" s="345">
        <v>0</v>
      </c>
      <c r="IT13" s="346">
        <v>129951</v>
      </c>
      <c r="IU13" s="347">
        <v>129951</v>
      </c>
      <c r="IV13" s="348">
        <v>0</v>
      </c>
      <c r="IW13" s="345">
        <v>0</v>
      </c>
      <c r="IX13" s="349">
        <v>0</v>
      </c>
      <c r="IY13" s="404">
        <v>0</v>
      </c>
      <c r="IZ13" s="345">
        <v>0</v>
      </c>
      <c r="JA13" s="345">
        <v>0</v>
      </c>
      <c r="JB13" s="345">
        <v>0</v>
      </c>
      <c r="JC13" s="345">
        <v>0</v>
      </c>
      <c r="JD13" s="345">
        <v>0</v>
      </c>
      <c r="JE13" s="349">
        <v>0</v>
      </c>
      <c r="JF13" s="350">
        <v>0</v>
      </c>
      <c r="JG13" s="348">
        <v>0</v>
      </c>
      <c r="JH13" s="345">
        <v>0</v>
      </c>
      <c r="JI13" s="346">
        <v>0</v>
      </c>
      <c r="JJ13" s="351">
        <v>0</v>
      </c>
      <c r="JK13" s="345">
        <v>1472757</v>
      </c>
      <c r="JL13" s="345">
        <v>915640</v>
      </c>
      <c r="JM13" s="345">
        <v>659473</v>
      </c>
      <c r="JN13" s="345">
        <v>332457</v>
      </c>
      <c r="JO13" s="345">
        <v>0</v>
      </c>
      <c r="JP13" s="349">
        <v>3380327</v>
      </c>
      <c r="JQ13" s="347">
        <v>3380327</v>
      </c>
      <c r="JR13" s="348">
        <v>0</v>
      </c>
      <c r="JS13" s="345">
        <v>0</v>
      </c>
      <c r="JT13" s="346">
        <v>0</v>
      </c>
      <c r="JU13" s="351">
        <v>0</v>
      </c>
      <c r="JV13" s="345">
        <v>153774</v>
      </c>
      <c r="JW13" s="345">
        <v>99034</v>
      </c>
      <c r="JX13" s="345">
        <v>461043</v>
      </c>
      <c r="JY13" s="345">
        <v>61203</v>
      </c>
      <c r="JZ13" s="345">
        <v>0</v>
      </c>
      <c r="KA13" s="349">
        <v>775054</v>
      </c>
      <c r="KB13" s="347">
        <v>775054</v>
      </c>
      <c r="KC13" s="352">
        <v>0</v>
      </c>
      <c r="KD13" s="353">
        <v>0</v>
      </c>
      <c r="KE13" s="349">
        <v>0</v>
      </c>
      <c r="KF13" s="351">
        <v>0</v>
      </c>
      <c r="KG13" s="345">
        <v>205538</v>
      </c>
      <c r="KH13" s="345">
        <v>148194</v>
      </c>
      <c r="KI13" s="345">
        <v>189198</v>
      </c>
      <c r="KJ13" s="345">
        <v>0</v>
      </c>
      <c r="KK13" s="345">
        <v>0</v>
      </c>
      <c r="KL13" s="349">
        <v>542930</v>
      </c>
      <c r="KM13" s="354">
        <v>542930</v>
      </c>
      <c r="KN13" s="342">
        <v>0</v>
      </c>
      <c r="KO13" s="343">
        <v>0</v>
      </c>
      <c r="KP13" s="344">
        <v>0</v>
      </c>
      <c r="KQ13" s="404">
        <v>0</v>
      </c>
      <c r="KR13" s="345">
        <v>647247</v>
      </c>
      <c r="KS13" s="345">
        <v>916308</v>
      </c>
      <c r="KT13" s="345">
        <v>916149</v>
      </c>
      <c r="KU13" s="345">
        <v>711554</v>
      </c>
      <c r="KV13" s="345">
        <v>715523</v>
      </c>
      <c r="KW13" s="349">
        <v>3906781</v>
      </c>
      <c r="KX13" s="347">
        <v>3906781</v>
      </c>
      <c r="KY13" s="348">
        <v>0</v>
      </c>
      <c r="KZ13" s="345">
        <v>0</v>
      </c>
      <c r="LA13" s="349">
        <v>0</v>
      </c>
      <c r="LB13" s="404">
        <v>0</v>
      </c>
      <c r="LC13" s="345">
        <v>0</v>
      </c>
      <c r="LD13" s="345">
        <v>0</v>
      </c>
      <c r="LE13" s="345">
        <v>0</v>
      </c>
      <c r="LF13" s="345">
        <v>0</v>
      </c>
      <c r="LG13" s="345">
        <v>0</v>
      </c>
      <c r="LH13" s="349">
        <v>0</v>
      </c>
      <c r="LI13" s="350">
        <v>0</v>
      </c>
      <c r="LJ13" s="348">
        <v>0</v>
      </c>
      <c r="LK13" s="345">
        <v>0</v>
      </c>
      <c r="LL13" s="349">
        <v>0</v>
      </c>
      <c r="LM13" s="404">
        <v>0</v>
      </c>
      <c r="LN13" s="345">
        <v>0</v>
      </c>
      <c r="LO13" s="345">
        <v>0</v>
      </c>
      <c r="LP13" s="345">
        <v>0</v>
      </c>
      <c r="LQ13" s="345">
        <v>0</v>
      </c>
      <c r="LR13" s="345">
        <v>0</v>
      </c>
      <c r="LS13" s="349">
        <v>0</v>
      </c>
      <c r="LT13" s="347">
        <v>0</v>
      </c>
      <c r="LU13" s="348">
        <v>0</v>
      </c>
      <c r="LV13" s="345">
        <v>0</v>
      </c>
      <c r="LW13" s="349">
        <v>0</v>
      </c>
      <c r="LX13" s="404">
        <v>0</v>
      </c>
      <c r="LY13" s="345">
        <v>123659</v>
      </c>
      <c r="LZ13" s="345">
        <v>85723</v>
      </c>
      <c r="MA13" s="345">
        <v>0</v>
      </c>
      <c r="MB13" s="345">
        <v>0</v>
      </c>
      <c r="MC13" s="345">
        <v>0</v>
      </c>
      <c r="MD13" s="349">
        <v>209382</v>
      </c>
      <c r="ME13" s="350">
        <v>209382</v>
      </c>
      <c r="MF13" s="348">
        <v>0</v>
      </c>
      <c r="MG13" s="345">
        <v>0</v>
      </c>
      <c r="MH13" s="349">
        <v>0</v>
      </c>
      <c r="MI13" s="404">
        <v>0</v>
      </c>
      <c r="MJ13" s="345">
        <v>69773</v>
      </c>
      <c r="MK13" s="345">
        <v>490583</v>
      </c>
      <c r="ML13" s="345">
        <v>2724285</v>
      </c>
      <c r="MM13" s="345">
        <v>4783738</v>
      </c>
      <c r="MN13" s="345">
        <v>3510448</v>
      </c>
      <c r="MO13" s="349">
        <v>11578827</v>
      </c>
      <c r="MP13" s="354">
        <v>11578827</v>
      </c>
      <c r="MQ13" s="348">
        <v>0</v>
      </c>
      <c r="MR13" s="345">
        <v>0</v>
      </c>
      <c r="MS13" s="349">
        <v>0</v>
      </c>
      <c r="MT13" s="404">
        <v>0</v>
      </c>
      <c r="MU13" s="345">
        <v>0</v>
      </c>
      <c r="MV13" s="345">
        <v>0</v>
      </c>
      <c r="MW13" s="345">
        <v>2001866</v>
      </c>
      <c r="MX13" s="345">
        <v>3120737</v>
      </c>
      <c r="MY13" s="345">
        <v>1572897</v>
      </c>
      <c r="MZ13" s="349">
        <v>6695500</v>
      </c>
      <c r="NA13" s="354">
        <v>6695500</v>
      </c>
      <c r="NB13" s="348">
        <v>0</v>
      </c>
      <c r="NC13" s="345">
        <v>0</v>
      </c>
      <c r="ND13" s="349">
        <v>0</v>
      </c>
      <c r="NE13" s="404">
        <v>0</v>
      </c>
      <c r="NF13" s="345">
        <v>69773</v>
      </c>
      <c r="NG13" s="345">
        <v>490583</v>
      </c>
      <c r="NH13" s="345">
        <v>722419</v>
      </c>
      <c r="NI13" s="345">
        <v>1663001</v>
      </c>
      <c r="NJ13" s="345">
        <v>1937551</v>
      </c>
      <c r="NK13" s="349">
        <v>4883327</v>
      </c>
      <c r="NL13" s="347">
        <v>4883327</v>
      </c>
      <c r="NM13" s="348">
        <v>0</v>
      </c>
      <c r="NN13" s="345">
        <v>0</v>
      </c>
      <c r="NO13" s="349">
        <v>0</v>
      </c>
      <c r="NP13" s="404">
        <v>0</v>
      </c>
      <c r="NQ13" s="345">
        <v>0</v>
      </c>
      <c r="NR13" s="345">
        <v>0</v>
      </c>
      <c r="NS13" s="345">
        <v>0</v>
      </c>
      <c r="NT13" s="345">
        <v>0</v>
      </c>
      <c r="NU13" s="345">
        <v>0</v>
      </c>
      <c r="NV13" s="349">
        <v>0</v>
      </c>
      <c r="NW13" s="350">
        <v>0</v>
      </c>
      <c r="NX13" s="348">
        <v>0</v>
      </c>
      <c r="NY13" s="345">
        <v>0</v>
      </c>
      <c r="NZ13" s="349">
        <v>0</v>
      </c>
      <c r="OA13" s="404">
        <v>0</v>
      </c>
      <c r="OB13" s="345">
        <v>0</v>
      </c>
      <c r="OC13" s="345">
        <v>0</v>
      </c>
      <c r="OD13" s="345">
        <v>0</v>
      </c>
      <c r="OE13" s="345">
        <v>0</v>
      </c>
      <c r="OF13" s="345">
        <v>0</v>
      </c>
      <c r="OG13" s="349">
        <v>0</v>
      </c>
      <c r="OH13" s="350">
        <v>0</v>
      </c>
      <c r="OI13" s="348">
        <v>1223451</v>
      </c>
      <c r="OJ13" s="345">
        <v>932483</v>
      </c>
      <c r="OK13" s="346">
        <v>2155934</v>
      </c>
      <c r="OL13" s="351">
        <v>0</v>
      </c>
      <c r="OM13" s="345">
        <v>15809186</v>
      </c>
      <c r="ON13" s="345">
        <v>12275137</v>
      </c>
      <c r="OO13" s="345">
        <v>14609278</v>
      </c>
      <c r="OP13" s="345">
        <v>16891690</v>
      </c>
      <c r="OQ13" s="345">
        <v>11659765</v>
      </c>
      <c r="OR13" s="349">
        <v>71245056</v>
      </c>
      <c r="OS13" s="354">
        <v>73400990</v>
      </c>
    </row>
    <row r="14" spans="2:409" s="70" customFormat="1" ht="21" customHeight="1" x14ac:dyDescent="0.2">
      <c r="B14" s="106" t="s">
        <v>8</v>
      </c>
      <c r="C14" s="326">
        <v>413765</v>
      </c>
      <c r="D14" s="327">
        <v>655780</v>
      </c>
      <c r="E14" s="328">
        <v>1069545</v>
      </c>
      <c r="F14" s="329">
        <v>0</v>
      </c>
      <c r="G14" s="327">
        <v>6189939</v>
      </c>
      <c r="H14" s="327">
        <v>7330820</v>
      </c>
      <c r="I14" s="327">
        <v>8509859</v>
      </c>
      <c r="J14" s="327">
        <v>6372418</v>
      </c>
      <c r="K14" s="327">
        <v>4274266</v>
      </c>
      <c r="L14" s="329">
        <v>32677302</v>
      </c>
      <c r="M14" s="330">
        <v>33746847</v>
      </c>
      <c r="N14" s="326">
        <v>122911</v>
      </c>
      <c r="O14" s="327">
        <v>152521</v>
      </c>
      <c r="P14" s="328">
        <v>275432</v>
      </c>
      <c r="Q14" s="326">
        <v>0</v>
      </c>
      <c r="R14" s="327">
        <v>1753436</v>
      </c>
      <c r="S14" s="327">
        <v>2453631</v>
      </c>
      <c r="T14" s="327">
        <v>2929184</v>
      </c>
      <c r="U14" s="327">
        <v>2923979</v>
      </c>
      <c r="V14" s="327">
        <v>2107765</v>
      </c>
      <c r="W14" s="328">
        <v>12167995</v>
      </c>
      <c r="X14" s="330">
        <v>12443427</v>
      </c>
      <c r="Y14" s="326">
        <v>0</v>
      </c>
      <c r="Z14" s="327">
        <v>0</v>
      </c>
      <c r="AA14" s="328">
        <v>0</v>
      </c>
      <c r="AB14" s="326">
        <v>0</v>
      </c>
      <c r="AC14" s="327">
        <v>613530</v>
      </c>
      <c r="AD14" s="327">
        <v>916392</v>
      </c>
      <c r="AE14" s="327">
        <v>1789521</v>
      </c>
      <c r="AF14" s="327">
        <v>1605383</v>
      </c>
      <c r="AG14" s="327">
        <v>1243226</v>
      </c>
      <c r="AH14" s="328">
        <v>6168052</v>
      </c>
      <c r="AI14" s="330">
        <v>6168052</v>
      </c>
      <c r="AJ14" s="326">
        <v>0</v>
      </c>
      <c r="AK14" s="327">
        <v>0</v>
      </c>
      <c r="AL14" s="328">
        <v>0</v>
      </c>
      <c r="AM14" s="326">
        <v>0</v>
      </c>
      <c r="AN14" s="327">
        <v>0</v>
      </c>
      <c r="AO14" s="327">
        <v>123913</v>
      </c>
      <c r="AP14" s="327">
        <v>95002</v>
      </c>
      <c r="AQ14" s="327">
        <v>118685</v>
      </c>
      <c r="AR14" s="327">
        <v>97106</v>
      </c>
      <c r="AS14" s="328">
        <v>434706</v>
      </c>
      <c r="AT14" s="330">
        <v>434706</v>
      </c>
      <c r="AU14" s="326">
        <v>73179</v>
      </c>
      <c r="AV14" s="327">
        <v>136813</v>
      </c>
      <c r="AW14" s="328">
        <v>209992</v>
      </c>
      <c r="AX14" s="326">
        <v>0</v>
      </c>
      <c r="AY14" s="327">
        <v>703358</v>
      </c>
      <c r="AZ14" s="327">
        <v>1028480</v>
      </c>
      <c r="BA14" s="327">
        <v>585294</v>
      </c>
      <c r="BB14" s="327">
        <v>734780</v>
      </c>
      <c r="BC14" s="327">
        <v>578930</v>
      </c>
      <c r="BD14" s="328">
        <v>3630842</v>
      </c>
      <c r="BE14" s="330">
        <v>3840834</v>
      </c>
      <c r="BF14" s="326">
        <v>26940</v>
      </c>
      <c r="BG14" s="327">
        <v>0</v>
      </c>
      <c r="BH14" s="331">
        <v>26940</v>
      </c>
      <c r="BI14" s="332">
        <v>0</v>
      </c>
      <c r="BJ14" s="327">
        <v>87801</v>
      </c>
      <c r="BK14" s="327">
        <v>80428</v>
      </c>
      <c r="BL14" s="327">
        <v>148546</v>
      </c>
      <c r="BM14" s="327">
        <v>99724</v>
      </c>
      <c r="BN14" s="327">
        <v>0</v>
      </c>
      <c r="BO14" s="328">
        <v>416499</v>
      </c>
      <c r="BP14" s="330">
        <v>443439</v>
      </c>
      <c r="BQ14" s="326">
        <v>22792</v>
      </c>
      <c r="BR14" s="327">
        <v>15708</v>
      </c>
      <c r="BS14" s="328">
        <v>38500</v>
      </c>
      <c r="BT14" s="326">
        <v>0</v>
      </c>
      <c r="BU14" s="327">
        <v>348747</v>
      </c>
      <c r="BV14" s="327">
        <v>304418</v>
      </c>
      <c r="BW14" s="327">
        <v>310821</v>
      </c>
      <c r="BX14" s="327">
        <v>365407</v>
      </c>
      <c r="BY14" s="327">
        <v>188503</v>
      </c>
      <c r="BZ14" s="328">
        <v>1517896</v>
      </c>
      <c r="CA14" s="330">
        <v>1556396</v>
      </c>
      <c r="CB14" s="326">
        <v>55173</v>
      </c>
      <c r="CC14" s="327">
        <v>131972</v>
      </c>
      <c r="CD14" s="328">
        <v>187145</v>
      </c>
      <c r="CE14" s="326">
        <v>0</v>
      </c>
      <c r="CF14" s="327">
        <v>1469617</v>
      </c>
      <c r="CG14" s="327">
        <v>1431126</v>
      </c>
      <c r="CH14" s="327">
        <v>2770410</v>
      </c>
      <c r="CI14" s="327">
        <v>700203</v>
      </c>
      <c r="CJ14" s="327">
        <v>456682</v>
      </c>
      <c r="CK14" s="328">
        <v>6828038</v>
      </c>
      <c r="CL14" s="330">
        <v>7015183</v>
      </c>
      <c r="CM14" s="326">
        <v>0</v>
      </c>
      <c r="CN14" s="327">
        <v>0</v>
      </c>
      <c r="CO14" s="328">
        <v>0</v>
      </c>
      <c r="CP14" s="332">
        <v>0</v>
      </c>
      <c r="CQ14" s="327">
        <v>1062315</v>
      </c>
      <c r="CR14" s="327">
        <v>1020578</v>
      </c>
      <c r="CS14" s="327">
        <v>1938635</v>
      </c>
      <c r="CT14" s="327">
        <v>406286</v>
      </c>
      <c r="CU14" s="327">
        <v>359814</v>
      </c>
      <c r="CV14" s="328">
        <v>4787628</v>
      </c>
      <c r="CW14" s="330">
        <v>4787628</v>
      </c>
      <c r="CX14" s="326">
        <v>55173</v>
      </c>
      <c r="CY14" s="327">
        <v>131972</v>
      </c>
      <c r="CZ14" s="328">
        <v>187145</v>
      </c>
      <c r="DA14" s="326">
        <v>0</v>
      </c>
      <c r="DB14" s="327">
        <v>407302</v>
      </c>
      <c r="DC14" s="327">
        <v>410548</v>
      </c>
      <c r="DD14" s="327">
        <v>831775</v>
      </c>
      <c r="DE14" s="327">
        <v>293917</v>
      </c>
      <c r="DF14" s="327">
        <v>96868</v>
      </c>
      <c r="DG14" s="328">
        <v>2040410</v>
      </c>
      <c r="DH14" s="330">
        <v>2227555</v>
      </c>
      <c r="DI14" s="326">
        <v>27029</v>
      </c>
      <c r="DJ14" s="327">
        <v>0</v>
      </c>
      <c r="DK14" s="331">
        <v>27029</v>
      </c>
      <c r="DL14" s="332">
        <v>0</v>
      </c>
      <c r="DM14" s="327">
        <v>247171</v>
      </c>
      <c r="DN14" s="327">
        <v>298916</v>
      </c>
      <c r="DO14" s="327">
        <v>1127539</v>
      </c>
      <c r="DP14" s="327">
        <v>447885</v>
      </c>
      <c r="DQ14" s="327">
        <v>208091</v>
      </c>
      <c r="DR14" s="328">
        <v>2329602</v>
      </c>
      <c r="DS14" s="330">
        <v>2356631</v>
      </c>
      <c r="DT14" s="326">
        <v>27029</v>
      </c>
      <c r="DU14" s="327">
        <v>0</v>
      </c>
      <c r="DV14" s="328">
        <v>27029</v>
      </c>
      <c r="DW14" s="326">
        <v>0</v>
      </c>
      <c r="DX14" s="327">
        <v>247171</v>
      </c>
      <c r="DY14" s="327">
        <v>298916</v>
      </c>
      <c r="DZ14" s="327">
        <v>1127539</v>
      </c>
      <c r="EA14" s="327">
        <v>369432</v>
      </c>
      <c r="EB14" s="327">
        <v>208091</v>
      </c>
      <c r="EC14" s="328">
        <v>2251149</v>
      </c>
      <c r="ED14" s="330">
        <v>2278178</v>
      </c>
      <c r="EE14" s="326">
        <v>0</v>
      </c>
      <c r="EF14" s="331">
        <v>0</v>
      </c>
      <c r="EG14" s="328">
        <v>0</v>
      </c>
      <c r="EH14" s="326">
        <v>0</v>
      </c>
      <c r="EI14" s="327">
        <v>0</v>
      </c>
      <c r="EJ14" s="327">
        <v>0</v>
      </c>
      <c r="EK14" s="327">
        <v>0</v>
      </c>
      <c r="EL14" s="327">
        <v>78453</v>
      </c>
      <c r="EM14" s="327">
        <v>0</v>
      </c>
      <c r="EN14" s="331">
        <v>78453</v>
      </c>
      <c r="EO14" s="330">
        <v>78453</v>
      </c>
      <c r="EP14" s="326">
        <v>0</v>
      </c>
      <c r="EQ14" s="327">
        <v>0</v>
      </c>
      <c r="ER14" s="331">
        <v>0</v>
      </c>
      <c r="ES14" s="332">
        <v>0</v>
      </c>
      <c r="ET14" s="327">
        <v>0</v>
      </c>
      <c r="EU14" s="327">
        <v>0</v>
      </c>
      <c r="EV14" s="327">
        <v>0</v>
      </c>
      <c r="EW14" s="327">
        <v>0</v>
      </c>
      <c r="EX14" s="327">
        <v>0</v>
      </c>
      <c r="EY14" s="328">
        <v>0</v>
      </c>
      <c r="EZ14" s="330">
        <v>0</v>
      </c>
      <c r="FA14" s="326">
        <v>0</v>
      </c>
      <c r="FB14" s="327">
        <v>0</v>
      </c>
      <c r="FC14" s="331">
        <v>0</v>
      </c>
      <c r="FD14" s="404">
        <v>0</v>
      </c>
      <c r="FE14" s="327">
        <v>0</v>
      </c>
      <c r="FF14" s="327">
        <v>0</v>
      </c>
      <c r="FG14" s="327">
        <v>0</v>
      </c>
      <c r="FH14" s="327">
        <v>0</v>
      </c>
      <c r="FI14" s="327">
        <v>0</v>
      </c>
      <c r="FJ14" s="328">
        <v>0</v>
      </c>
      <c r="FK14" s="330">
        <v>0</v>
      </c>
      <c r="FL14" s="326">
        <v>55874</v>
      </c>
      <c r="FM14" s="327">
        <v>208652</v>
      </c>
      <c r="FN14" s="328">
        <v>264526</v>
      </c>
      <c r="FO14" s="326">
        <v>0</v>
      </c>
      <c r="FP14" s="327">
        <v>424682</v>
      </c>
      <c r="FQ14" s="327">
        <v>811405</v>
      </c>
      <c r="FR14" s="327">
        <v>692343</v>
      </c>
      <c r="FS14" s="327">
        <v>579663</v>
      </c>
      <c r="FT14" s="327">
        <v>228354</v>
      </c>
      <c r="FU14" s="328">
        <v>2736447</v>
      </c>
      <c r="FV14" s="330">
        <v>3000973</v>
      </c>
      <c r="FW14" s="333">
        <v>55874</v>
      </c>
      <c r="FX14" s="327">
        <v>112574</v>
      </c>
      <c r="FY14" s="331">
        <v>168448</v>
      </c>
      <c r="FZ14" s="332">
        <v>0</v>
      </c>
      <c r="GA14" s="327">
        <v>255794</v>
      </c>
      <c r="GB14" s="327">
        <v>697305</v>
      </c>
      <c r="GC14" s="327">
        <v>658168</v>
      </c>
      <c r="GD14" s="327">
        <v>486563</v>
      </c>
      <c r="GE14" s="327">
        <v>228354</v>
      </c>
      <c r="GF14" s="328">
        <v>2326184</v>
      </c>
      <c r="GG14" s="334">
        <v>2494632</v>
      </c>
      <c r="GH14" s="333">
        <v>0</v>
      </c>
      <c r="GI14" s="327">
        <v>21436</v>
      </c>
      <c r="GJ14" s="331">
        <v>21436</v>
      </c>
      <c r="GK14" s="332">
        <v>0</v>
      </c>
      <c r="GL14" s="327">
        <v>68578</v>
      </c>
      <c r="GM14" s="327">
        <v>0</v>
      </c>
      <c r="GN14" s="327">
        <v>13416</v>
      </c>
      <c r="GO14" s="327">
        <v>21000</v>
      </c>
      <c r="GP14" s="327">
        <v>0</v>
      </c>
      <c r="GQ14" s="328">
        <v>102994</v>
      </c>
      <c r="GR14" s="330">
        <v>124430</v>
      </c>
      <c r="GS14" s="326">
        <v>0</v>
      </c>
      <c r="GT14" s="327">
        <v>74642</v>
      </c>
      <c r="GU14" s="328">
        <v>74642</v>
      </c>
      <c r="GV14" s="326">
        <v>0</v>
      </c>
      <c r="GW14" s="327">
        <v>100310</v>
      </c>
      <c r="GX14" s="327">
        <v>114100</v>
      </c>
      <c r="GY14" s="327">
        <v>20759</v>
      </c>
      <c r="GZ14" s="327">
        <v>72100</v>
      </c>
      <c r="HA14" s="327">
        <v>0</v>
      </c>
      <c r="HB14" s="331">
        <v>307269</v>
      </c>
      <c r="HC14" s="330">
        <v>381911</v>
      </c>
      <c r="HD14" s="326">
        <v>152778</v>
      </c>
      <c r="HE14" s="327">
        <v>162635</v>
      </c>
      <c r="HF14" s="331">
        <v>315413</v>
      </c>
      <c r="HG14" s="332">
        <v>0</v>
      </c>
      <c r="HH14" s="327">
        <v>2295033</v>
      </c>
      <c r="HI14" s="327">
        <v>2335742</v>
      </c>
      <c r="HJ14" s="327">
        <v>990383</v>
      </c>
      <c r="HK14" s="327">
        <v>1720688</v>
      </c>
      <c r="HL14" s="327">
        <v>1273374</v>
      </c>
      <c r="HM14" s="328">
        <v>8615220</v>
      </c>
      <c r="HN14" s="329">
        <v>8930633</v>
      </c>
      <c r="HO14" s="333">
        <v>0</v>
      </c>
      <c r="HP14" s="327">
        <v>0</v>
      </c>
      <c r="HQ14" s="328">
        <v>0</v>
      </c>
      <c r="HR14" s="326">
        <v>0</v>
      </c>
      <c r="HS14" s="327">
        <v>0</v>
      </c>
      <c r="HT14" s="327">
        <v>0</v>
      </c>
      <c r="HU14" s="327">
        <v>0</v>
      </c>
      <c r="HV14" s="327">
        <v>0</v>
      </c>
      <c r="HW14" s="327">
        <v>0</v>
      </c>
      <c r="HX14" s="331">
        <v>0</v>
      </c>
      <c r="HY14" s="330">
        <v>0</v>
      </c>
      <c r="HZ14" s="335">
        <v>52182</v>
      </c>
      <c r="IA14" s="336">
        <v>0</v>
      </c>
      <c r="IB14" s="337">
        <v>52182</v>
      </c>
      <c r="IC14" s="355">
        <v>0</v>
      </c>
      <c r="ID14" s="356">
        <v>1598240</v>
      </c>
      <c r="IE14" s="357">
        <v>1697768</v>
      </c>
      <c r="IF14" s="358">
        <v>1575667</v>
      </c>
      <c r="IG14" s="356">
        <v>1283213</v>
      </c>
      <c r="IH14" s="358">
        <v>514017</v>
      </c>
      <c r="II14" s="359">
        <v>6668905</v>
      </c>
      <c r="IJ14" s="341">
        <v>6721087</v>
      </c>
      <c r="IK14" s="342">
        <v>0</v>
      </c>
      <c r="IL14" s="343">
        <v>0</v>
      </c>
      <c r="IM14" s="344">
        <v>0</v>
      </c>
      <c r="IN14" s="404">
        <v>0</v>
      </c>
      <c r="IO14" s="345">
        <v>0</v>
      </c>
      <c r="IP14" s="345">
        <v>0</v>
      </c>
      <c r="IQ14" s="345">
        <v>0</v>
      </c>
      <c r="IR14" s="345">
        <v>0</v>
      </c>
      <c r="IS14" s="345">
        <v>0</v>
      </c>
      <c r="IT14" s="346">
        <v>0</v>
      </c>
      <c r="IU14" s="347">
        <v>0</v>
      </c>
      <c r="IV14" s="348">
        <v>0</v>
      </c>
      <c r="IW14" s="345">
        <v>0</v>
      </c>
      <c r="IX14" s="349">
        <v>0</v>
      </c>
      <c r="IY14" s="404">
        <v>0</v>
      </c>
      <c r="IZ14" s="345">
        <v>0</v>
      </c>
      <c r="JA14" s="345">
        <v>0</v>
      </c>
      <c r="JB14" s="345">
        <v>0</v>
      </c>
      <c r="JC14" s="345">
        <v>0</v>
      </c>
      <c r="JD14" s="345">
        <v>0</v>
      </c>
      <c r="JE14" s="349">
        <v>0</v>
      </c>
      <c r="JF14" s="350">
        <v>0</v>
      </c>
      <c r="JG14" s="348">
        <v>0</v>
      </c>
      <c r="JH14" s="345">
        <v>0</v>
      </c>
      <c r="JI14" s="346">
        <v>0</v>
      </c>
      <c r="JJ14" s="351">
        <v>0</v>
      </c>
      <c r="JK14" s="345">
        <v>1025692</v>
      </c>
      <c r="JL14" s="345">
        <v>1094154</v>
      </c>
      <c r="JM14" s="345">
        <v>470652</v>
      </c>
      <c r="JN14" s="345">
        <v>348323</v>
      </c>
      <c r="JO14" s="345">
        <v>0</v>
      </c>
      <c r="JP14" s="349">
        <v>2938821</v>
      </c>
      <c r="JQ14" s="347">
        <v>2938821</v>
      </c>
      <c r="JR14" s="348">
        <v>0</v>
      </c>
      <c r="JS14" s="345">
        <v>0</v>
      </c>
      <c r="JT14" s="346">
        <v>0</v>
      </c>
      <c r="JU14" s="351">
        <v>0</v>
      </c>
      <c r="JV14" s="345">
        <v>0</v>
      </c>
      <c r="JW14" s="345">
        <v>0</v>
      </c>
      <c r="JX14" s="345">
        <v>0</v>
      </c>
      <c r="JY14" s="345">
        <v>0</v>
      </c>
      <c r="JZ14" s="345">
        <v>50874</v>
      </c>
      <c r="KA14" s="349">
        <v>50874</v>
      </c>
      <c r="KB14" s="347">
        <v>50874</v>
      </c>
      <c r="KC14" s="352">
        <v>52182</v>
      </c>
      <c r="KD14" s="353">
        <v>0</v>
      </c>
      <c r="KE14" s="349">
        <v>52182</v>
      </c>
      <c r="KF14" s="351">
        <v>0</v>
      </c>
      <c r="KG14" s="345">
        <v>113263</v>
      </c>
      <c r="KH14" s="345">
        <v>161819</v>
      </c>
      <c r="KI14" s="345">
        <v>0</v>
      </c>
      <c r="KJ14" s="345">
        <v>0</v>
      </c>
      <c r="KK14" s="345">
        <v>253364</v>
      </c>
      <c r="KL14" s="349">
        <v>528446</v>
      </c>
      <c r="KM14" s="354">
        <v>580628</v>
      </c>
      <c r="KN14" s="342">
        <v>0</v>
      </c>
      <c r="KO14" s="343">
        <v>0</v>
      </c>
      <c r="KP14" s="344">
        <v>0</v>
      </c>
      <c r="KQ14" s="404">
        <v>0</v>
      </c>
      <c r="KR14" s="345">
        <v>459285</v>
      </c>
      <c r="KS14" s="345">
        <v>441795</v>
      </c>
      <c r="KT14" s="345">
        <v>921366</v>
      </c>
      <c r="KU14" s="345">
        <v>473608</v>
      </c>
      <c r="KV14" s="345">
        <v>0</v>
      </c>
      <c r="KW14" s="349">
        <v>2296054</v>
      </c>
      <c r="KX14" s="347">
        <v>2296054</v>
      </c>
      <c r="KY14" s="348">
        <v>0</v>
      </c>
      <c r="KZ14" s="345">
        <v>0</v>
      </c>
      <c r="LA14" s="349">
        <v>0</v>
      </c>
      <c r="LB14" s="404">
        <v>0</v>
      </c>
      <c r="LC14" s="345">
        <v>0</v>
      </c>
      <c r="LD14" s="345">
        <v>0</v>
      </c>
      <c r="LE14" s="345">
        <v>183649</v>
      </c>
      <c r="LF14" s="345">
        <v>200189</v>
      </c>
      <c r="LG14" s="345">
        <v>209779</v>
      </c>
      <c r="LH14" s="349">
        <v>593617</v>
      </c>
      <c r="LI14" s="350">
        <v>593617</v>
      </c>
      <c r="LJ14" s="348">
        <v>0</v>
      </c>
      <c r="LK14" s="345">
        <v>0</v>
      </c>
      <c r="LL14" s="349">
        <v>0</v>
      </c>
      <c r="LM14" s="404">
        <v>0</v>
      </c>
      <c r="LN14" s="345">
        <v>0</v>
      </c>
      <c r="LO14" s="345">
        <v>0</v>
      </c>
      <c r="LP14" s="345">
        <v>0</v>
      </c>
      <c r="LQ14" s="345">
        <v>261093</v>
      </c>
      <c r="LR14" s="345">
        <v>0</v>
      </c>
      <c r="LS14" s="349">
        <v>261093</v>
      </c>
      <c r="LT14" s="347">
        <v>261093</v>
      </c>
      <c r="LU14" s="348">
        <v>0</v>
      </c>
      <c r="LV14" s="345">
        <v>0</v>
      </c>
      <c r="LW14" s="349">
        <v>0</v>
      </c>
      <c r="LX14" s="404">
        <v>0</v>
      </c>
      <c r="LY14" s="345">
        <v>0</v>
      </c>
      <c r="LZ14" s="345">
        <v>0</v>
      </c>
      <c r="MA14" s="345">
        <v>0</v>
      </c>
      <c r="MB14" s="345">
        <v>0</v>
      </c>
      <c r="MC14" s="345">
        <v>0</v>
      </c>
      <c r="MD14" s="349">
        <v>0</v>
      </c>
      <c r="ME14" s="350">
        <v>0</v>
      </c>
      <c r="MF14" s="348">
        <v>0</v>
      </c>
      <c r="MG14" s="345">
        <v>0</v>
      </c>
      <c r="MH14" s="349">
        <v>0</v>
      </c>
      <c r="MI14" s="404">
        <v>0</v>
      </c>
      <c r="MJ14" s="345">
        <v>233728</v>
      </c>
      <c r="MK14" s="345">
        <v>776214</v>
      </c>
      <c r="ML14" s="345">
        <v>3252076</v>
      </c>
      <c r="MM14" s="345">
        <v>2496898</v>
      </c>
      <c r="MN14" s="345">
        <v>2483257</v>
      </c>
      <c r="MO14" s="349">
        <v>9242173</v>
      </c>
      <c r="MP14" s="354">
        <v>9242173</v>
      </c>
      <c r="MQ14" s="348">
        <v>0</v>
      </c>
      <c r="MR14" s="345">
        <v>0</v>
      </c>
      <c r="MS14" s="349">
        <v>0</v>
      </c>
      <c r="MT14" s="404">
        <v>0</v>
      </c>
      <c r="MU14" s="345">
        <v>0</v>
      </c>
      <c r="MV14" s="345">
        <v>0</v>
      </c>
      <c r="MW14" s="345">
        <v>2274630</v>
      </c>
      <c r="MX14" s="345">
        <v>1548718</v>
      </c>
      <c r="MY14" s="345">
        <v>1850372</v>
      </c>
      <c r="MZ14" s="349">
        <v>5673720</v>
      </c>
      <c r="NA14" s="354">
        <v>5673720</v>
      </c>
      <c r="NB14" s="348">
        <v>0</v>
      </c>
      <c r="NC14" s="345">
        <v>0</v>
      </c>
      <c r="ND14" s="349">
        <v>0</v>
      </c>
      <c r="NE14" s="404">
        <v>0</v>
      </c>
      <c r="NF14" s="345">
        <v>233728</v>
      </c>
      <c r="NG14" s="345">
        <v>776214</v>
      </c>
      <c r="NH14" s="345">
        <v>977446</v>
      </c>
      <c r="NI14" s="345">
        <v>948180</v>
      </c>
      <c r="NJ14" s="345">
        <v>632885</v>
      </c>
      <c r="NK14" s="349">
        <v>3568453</v>
      </c>
      <c r="NL14" s="347">
        <v>3568453</v>
      </c>
      <c r="NM14" s="348">
        <v>0</v>
      </c>
      <c r="NN14" s="345">
        <v>0</v>
      </c>
      <c r="NO14" s="349">
        <v>0</v>
      </c>
      <c r="NP14" s="404">
        <v>0</v>
      </c>
      <c r="NQ14" s="345">
        <v>0</v>
      </c>
      <c r="NR14" s="345">
        <v>0</v>
      </c>
      <c r="NS14" s="345">
        <v>0</v>
      </c>
      <c r="NT14" s="345">
        <v>0</v>
      </c>
      <c r="NU14" s="345">
        <v>0</v>
      </c>
      <c r="NV14" s="349">
        <v>0</v>
      </c>
      <c r="NW14" s="350">
        <v>0</v>
      </c>
      <c r="NX14" s="348">
        <v>0</v>
      </c>
      <c r="NY14" s="345">
        <v>0</v>
      </c>
      <c r="NZ14" s="349">
        <v>0</v>
      </c>
      <c r="OA14" s="404">
        <v>0</v>
      </c>
      <c r="OB14" s="345">
        <v>0</v>
      </c>
      <c r="OC14" s="345">
        <v>0</v>
      </c>
      <c r="OD14" s="345">
        <v>0</v>
      </c>
      <c r="OE14" s="345">
        <v>0</v>
      </c>
      <c r="OF14" s="345">
        <v>0</v>
      </c>
      <c r="OG14" s="349">
        <v>0</v>
      </c>
      <c r="OH14" s="350">
        <v>0</v>
      </c>
      <c r="OI14" s="348">
        <v>465947</v>
      </c>
      <c r="OJ14" s="345">
        <v>655780</v>
      </c>
      <c r="OK14" s="346">
        <v>1121727</v>
      </c>
      <c r="OL14" s="351">
        <v>0</v>
      </c>
      <c r="OM14" s="345">
        <v>8021907</v>
      </c>
      <c r="ON14" s="345">
        <v>9804802</v>
      </c>
      <c r="OO14" s="345">
        <v>13337602</v>
      </c>
      <c r="OP14" s="345">
        <v>10152529</v>
      </c>
      <c r="OQ14" s="345">
        <v>7271540</v>
      </c>
      <c r="OR14" s="349">
        <v>48588380</v>
      </c>
      <c r="OS14" s="354">
        <v>49710107</v>
      </c>
    </row>
    <row r="15" spans="2:409" s="70" customFormat="1" ht="21" customHeight="1" x14ac:dyDescent="0.2">
      <c r="B15" s="106" t="s">
        <v>9</v>
      </c>
      <c r="C15" s="326">
        <v>1311152</v>
      </c>
      <c r="D15" s="327">
        <v>1975390</v>
      </c>
      <c r="E15" s="328">
        <v>3286542</v>
      </c>
      <c r="F15" s="332">
        <v>0</v>
      </c>
      <c r="G15" s="327">
        <v>15407214</v>
      </c>
      <c r="H15" s="327">
        <v>13605200</v>
      </c>
      <c r="I15" s="327">
        <v>14455889</v>
      </c>
      <c r="J15" s="327">
        <v>13503859</v>
      </c>
      <c r="K15" s="327">
        <v>8757672</v>
      </c>
      <c r="L15" s="329">
        <v>65729834</v>
      </c>
      <c r="M15" s="330">
        <v>69016376</v>
      </c>
      <c r="N15" s="326">
        <v>318650</v>
      </c>
      <c r="O15" s="327">
        <v>454018</v>
      </c>
      <c r="P15" s="328">
        <v>772668</v>
      </c>
      <c r="Q15" s="326">
        <v>0</v>
      </c>
      <c r="R15" s="327">
        <v>4629881</v>
      </c>
      <c r="S15" s="327">
        <v>4890704</v>
      </c>
      <c r="T15" s="327">
        <v>5043942</v>
      </c>
      <c r="U15" s="327">
        <v>5148945</v>
      </c>
      <c r="V15" s="327">
        <v>4409337</v>
      </c>
      <c r="W15" s="328">
        <v>24122809</v>
      </c>
      <c r="X15" s="330">
        <v>24895477</v>
      </c>
      <c r="Y15" s="326">
        <v>0</v>
      </c>
      <c r="Z15" s="327">
        <v>0</v>
      </c>
      <c r="AA15" s="328">
        <v>0</v>
      </c>
      <c r="AB15" s="326">
        <v>0</v>
      </c>
      <c r="AC15" s="327">
        <v>2150168</v>
      </c>
      <c r="AD15" s="327">
        <v>2106728</v>
      </c>
      <c r="AE15" s="327">
        <v>2813359</v>
      </c>
      <c r="AF15" s="327">
        <v>2694770</v>
      </c>
      <c r="AG15" s="327">
        <v>2580381</v>
      </c>
      <c r="AH15" s="328">
        <v>12345406</v>
      </c>
      <c r="AI15" s="330">
        <v>12345406</v>
      </c>
      <c r="AJ15" s="326">
        <v>0</v>
      </c>
      <c r="AK15" s="327">
        <v>0</v>
      </c>
      <c r="AL15" s="328">
        <v>0</v>
      </c>
      <c r="AM15" s="326">
        <v>0</v>
      </c>
      <c r="AN15" s="327">
        <v>42851</v>
      </c>
      <c r="AO15" s="327">
        <v>0</v>
      </c>
      <c r="AP15" s="327">
        <v>97058</v>
      </c>
      <c r="AQ15" s="327">
        <v>437509</v>
      </c>
      <c r="AR15" s="327">
        <v>483811</v>
      </c>
      <c r="AS15" s="328">
        <v>1061229</v>
      </c>
      <c r="AT15" s="330">
        <v>1061229</v>
      </c>
      <c r="AU15" s="326">
        <v>176578</v>
      </c>
      <c r="AV15" s="327">
        <v>307445</v>
      </c>
      <c r="AW15" s="328">
        <v>484023</v>
      </c>
      <c r="AX15" s="326">
        <v>0</v>
      </c>
      <c r="AY15" s="327">
        <v>1433785</v>
      </c>
      <c r="AZ15" s="327">
        <v>1795143</v>
      </c>
      <c r="BA15" s="327">
        <v>1173978</v>
      </c>
      <c r="BB15" s="327">
        <v>954577</v>
      </c>
      <c r="BC15" s="327">
        <v>825195</v>
      </c>
      <c r="BD15" s="328">
        <v>6182678</v>
      </c>
      <c r="BE15" s="330">
        <v>6666701</v>
      </c>
      <c r="BF15" s="326">
        <v>0</v>
      </c>
      <c r="BG15" s="327">
        <v>0</v>
      </c>
      <c r="BH15" s="331">
        <v>0</v>
      </c>
      <c r="BI15" s="332">
        <v>0</v>
      </c>
      <c r="BJ15" s="327">
        <v>114084</v>
      </c>
      <c r="BK15" s="327">
        <v>196517</v>
      </c>
      <c r="BL15" s="327">
        <v>86178</v>
      </c>
      <c r="BM15" s="327">
        <v>120421</v>
      </c>
      <c r="BN15" s="327">
        <v>54604</v>
      </c>
      <c r="BO15" s="328">
        <v>571804</v>
      </c>
      <c r="BP15" s="330">
        <v>571804</v>
      </c>
      <c r="BQ15" s="326">
        <v>142072</v>
      </c>
      <c r="BR15" s="327">
        <v>146573</v>
      </c>
      <c r="BS15" s="328">
        <v>288645</v>
      </c>
      <c r="BT15" s="326">
        <v>0</v>
      </c>
      <c r="BU15" s="327">
        <v>888993</v>
      </c>
      <c r="BV15" s="327">
        <v>792316</v>
      </c>
      <c r="BW15" s="327">
        <v>873369</v>
      </c>
      <c r="BX15" s="327">
        <v>941668</v>
      </c>
      <c r="BY15" s="327">
        <v>465346</v>
      </c>
      <c r="BZ15" s="328">
        <v>3961692</v>
      </c>
      <c r="CA15" s="330">
        <v>4250337</v>
      </c>
      <c r="CB15" s="326">
        <v>175321</v>
      </c>
      <c r="CC15" s="327">
        <v>458186</v>
      </c>
      <c r="CD15" s="328">
        <v>633507</v>
      </c>
      <c r="CE15" s="326">
        <v>0</v>
      </c>
      <c r="CF15" s="327">
        <v>3056893</v>
      </c>
      <c r="CG15" s="327">
        <v>2530281</v>
      </c>
      <c r="CH15" s="327">
        <v>1279663</v>
      </c>
      <c r="CI15" s="327">
        <v>925403</v>
      </c>
      <c r="CJ15" s="327">
        <v>282279</v>
      </c>
      <c r="CK15" s="328">
        <v>8074519</v>
      </c>
      <c r="CL15" s="330">
        <v>8708026</v>
      </c>
      <c r="CM15" s="326">
        <v>0</v>
      </c>
      <c r="CN15" s="327">
        <v>0</v>
      </c>
      <c r="CO15" s="328">
        <v>0</v>
      </c>
      <c r="CP15" s="332">
        <v>0</v>
      </c>
      <c r="CQ15" s="327">
        <v>2470479</v>
      </c>
      <c r="CR15" s="327">
        <v>2083996</v>
      </c>
      <c r="CS15" s="327">
        <v>973746</v>
      </c>
      <c r="CT15" s="327">
        <v>528438</v>
      </c>
      <c r="CU15" s="327">
        <v>117045</v>
      </c>
      <c r="CV15" s="328">
        <v>6173704</v>
      </c>
      <c r="CW15" s="330">
        <v>6173704</v>
      </c>
      <c r="CX15" s="326">
        <v>175321</v>
      </c>
      <c r="CY15" s="327">
        <v>458186</v>
      </c>
      <c r="CZ15" s="328">
        <v>633507</v>
      </c>
      <c r="DA15" s="326">
        <v>0</v>
      </c>
      <c r="DB15" s="327">
        <v>586414</v>
      </c>
      <c r="DC15" s="327">
        <v>446285</v>
      </c>
      <c r="DD15" s="327">
        <v>305917</v>
      </c>
      <c r="DE15" s="327">
        <v>396965</v>
      </c>
      <c r="DF15" s="327">
        <v>165234</v>
      </c>
      <c r="DG15" s="328">
        <v>1900815</v>
      </c>
      <c r="DH15" s="330">
        <v>2534322</v>
      </c>
      <c r="DI15" s="326">
        <v>0</v>
      </c>
      <c r="DJ15" s="327">
        <v>0</v>
      </c>
      <c r="DK15" s="331">
        <v>0</v>
      </c>
      <c r="DL15" s="332">
        <v>0</v>
      </c>
      <c r="DM15" s="327">
        <v>358030</v>
      </c>
      <c r="DN15" s="327">
        <v>397826</v>
      </c>
      <c r="DO15" s="327">
        <v>1202196</v>
      </c>
      <c r="DP15" s="327">
        <v>1056347</v>
      </c>
      <c r="DQ15" s="327">
        <v>263208</v>
      </c>
      <c r="DR15" s="328">
        <v>3277607</v>
      </c>
      <c r="DS15" s="330">
        <v>3277607</v>
      </c>
      <c r="DT15" s="326">
        <v>0</v>
      </c>
      <c r="DU15" s="327">
        <v>0</v>
      </c>
      <c r="DV15" s="328">
        <v>0</v>
      </c>
      <c r="DW15" s="326">
        <v>0</v>
      </c>
      <c r="DX15" s="327">
        <v>303942</v>
      </c>
      <c r="DY15" s="327">
        <v>366996</v>
      </c>
      <c r="DZ15" s="327">
        <v>960070</v>
      </c>
      <c r="EA15" s="327">
        <v>825294</v>
      </c>
      <c r="EB15" s="327">
        <v>226958</v>
      </c>
      <c r="EC15" s="328">
        <v>2683260</v>
      </c>
      <c r="ED15" s="330">
        <v>2683260</v>
      </c>
      <c r="EE15" s="326">
        <v>0</v>
      </c>
      <c r="EF15" s="331">
        <v>0</v>
      </c>
      <c r="EG15" s="328">
        <v>0</v>
      </c>
      <c r="EH15" s="326">
        <v>0</v>
      </c>
      <c r="EI15" s="327">
        <v>54088</v>
      </c>
      <c r="EJ15" s="327">
        <v>30830</v>
      </c>
      <c r="EK15" s="327">
        <v>242126</v>
      </c>
      <c r="EL15" s="327">
        <v>231053</v>
      </c>
      <c r="EM15" s="327">
        <v>36250</v>
      </c>
      <c r="EN15" s="331">
        <v>594347</v>
      </c>
      <c r="EO15" s="330">
        <v>594347</v>
      </c>
      <c r="EP15" s="326">
        <v>0</v>
      </c>
      <c r="EQ15" s="327">
        <v>0</v>
      </c>
      <c r="ER15" s="331">
        <v>0</v>
      </c>
      <c r="ES15" s="332">
        <v>0</v>
      </c>
      <c r="ET15" s="327">
        <v>0</v>
      </c>
      <c r="EU15" s="327">
        <v>0</v>
      </c>
      <c r="EV15" s="327">
        <v>0</v>
      </c>
      <c r="EW15" s="327">
        <v>0</v>
      </c>
      <c r="EX15" s="327">
        <v>0</v>
      </c>
      <c r="EY15" s="328">
        <v>0</v>
      </c>
      <c r="EZ15" s="330">
        <v>0</v>
      </c>
      <c r="FA15" s="326">
        <v>0</v>
      </c>
      <c r="FB15" s="327">
        <v>0</v>
      </c>
      <c r="FC15" s="331">
        <v>0</v>
      </c>
      <c r="FD15" s="404">
        <v>0</v>
      </c>
      <c r="FE15" s="327">
        <v>0</v>
      </c>
      <c r="FF15" s="327">
        <v>0</v>
      </c>
      <c r="FG15" s="327">
        <v>0</v>
      </c>
      <c r="FH15" s="327">
        <v>0</v>
      </c>
      <c r="FI15" s="327">
        <v>0</v>
      </c>
      <c r="FJ15" s="328">
        <v>0</v>
      </c>
      <c r="FK15" s="330">
        <v>0</v>
      </c>
      <c r="FL15" s="326">
        <v>226226</v>
      </c>
      <c r="FM15" s="327">
        <v>302486</v>
      </c>
      <c r="FN15" s="328">
        <v>528712</v>
      </c>
      <c r="FO15" s="326">
        <v>0</v>
      </c>
      <c r="FP15" s="327">
        <v>1020159</v>
      </c>
      <c r="FQ15" s="327">
        <v>1279089</v>
      </c>
      <c r="FR15" s="327">
        <v>866190</v>
      </c>
      <c r="FS15" s="327">
        <v>919351</v>
      </c>
      <c r="FT15" s="327">
        <v>565341</v>
      </c>
      <c r="FU15" s="328">
        <v>4650130</v>
      </c>
      <c r="FV15" s="330">
        <v>5178842</v>
      </c>
      <c r="FW15" s="333">
        <v>110677</v>
      </c>
      <c r="FX15" s="327">
        <v>181034</v>
      </c>
      <c r="FY15" s="331">
        <v>291711</v>
      </c>
      <c r="FZ15" s="332">
        <v>0</v>
      </c>
      <c r="GA15" s="327">
        <v>805329</v>
      </c>
      <c r="GB15" s="327">
        <v>1261533</v>
      </c>
      <c r="GC15" s="327">
        <v>768698</v>
      </c>
      <c r="GD15" s="327">
        <v>864527</v>
      </c>
      <c r="GE15" s="327">
        <v>565341</v>
      </c>
      <c r="GF15" s="328">
        <v>4265428</v>
      </c>
      <c r="GG15" s="334">
        <v>4557139</v>
      </c>
      <c r="GH15" s="333">
        <v>27566</v>
      </c>
      <c r="GI15" s="327">
        <v>22052</v>
      </c>
      <c r="GJ15" s="331">
        <v>49618</v>
      </c>
      <c r="GK15" s="332">
        <v>0</v>
      </c>
      <c r="GL15" s="327">
        <v>24640</v>
      </c>
      <c r="GM15" s="327">
        <v>17556</v>
      </c>
      <c r="GN15" s="327">
        <v>69492</v>
      </c>
      <c r="GO15" s="327">
        <v>54824</v>
      </c>
      <c r="GP15" s="327">
        <v>0</v>
      </c>
      <c r="GQ15" s="328">
        <v>166512</v>
      </c>
      <c r="GR15" s="330">
        <v>216130</v>
      </c>
      <c r="GS15" s="326">
        <v>87983</v>
      </c>
      <c r="GT15" s="327">
        <v>99400</v>
      </c>
      <c r="GU15" s="328">
        <v>187383</v>
      </c>
      <c r="GV15" s="326">
        <v>0</v>
      </c>
      <c r="GW15" s="327">
        <v>190190</v>
      </c>
      <c r="GX15" s="327">
        <v>0</v>
      </c>
      <c r="GY15" s="327">
        <v>28000</v>
      </c>
      <c r="GZ15" s="327">
        <v>0</v>
      </c>
      <c r="HA15" s="327">
        <v>0</v>
      </c>
      <c r="HB15" s="331">
        <v>218190</v>
      </c>
      <c r="HC15" s="330">
        <v>405573</v>
      </c>
      <c r="HD15" s="326">
        <v>590955</v>
      </c>
      <c r="HE15" s="327">
        <v>760700</v>
      </c>
      <c r="HF15" s="331">
        <v>1351655</v>
      </c>
      <c r="HG15" s="332">
        <v>0</v>
      </c>
      <c r="HH15" s="327">
        <v>6342251</v>
      </c>
      <c r="HI15" s="327">
        <v>4507300</v>
      </c>
      <c r="HJ15" s="327">
        <v>6063898</v>
      </c>
      <c r="HK15" s="327">
        <v>5453813</v>
      </c>
      <c r="HL15" s="327">
        <v>3237507</v>
      </c>
      <c r="HM15" s="328">
        <v>25604769</v>
      </c>
      <c r="HN15" s="329">
        <v>26956424</v>
      </c>
      <c r="HO15" s="333">
        <v>0</v>
      </c>
      <c r="HP15" s="327">
        <v>0</v>
      </c>
      <c r="HQ15" s="328">
        <v>0</v>
      </c>
      <c r="HR15" s="326">
        <v>0</v>
      </c>
      <c r="HS15" s="327">
        <v>0</v>
      </c>
      <c r="HT15" s="327">
        <v>0</v>
      </c>
      <c r="HU15" s="327">
        <v>0</v>
      </c>
      <c r="HV15" s="327">
        <v>0</v>
      </c>
      <c r="HW15" s="327">
        <v>0</v>
      </c>
      <c r="HX15" s="331">
        <v>0</v>
      </c>
      <c r="HY15" s="330">
        <v>0</v>
      </c>
      <c r="HZ15" s="360">
        <v>0</v>
      </c>
      <c r="IA15" s="361">
        <v>67523</v>
      </c>
      <c r="IB15" s="362">
        <v>67523</v>
      </c>
      <c r="IC15" s="338">
        <v>0</v>
      </c>
      <c r="ID15" s="336">
        <v>2011298</v>
      </c>
      <c r="IE15" s="339">
        <v>2119185</v>
      </c>
      <c r="IF15" s="337">
        <v>2665342</v>
      </c>
      <c r="IG15" s="336">
        <v>2575653</v>
      </c>
      <c r="IH15" s="337">
        <v>805225</v>
      </c>
      <c r="II15" s="340">
        <v>10176703</v>
      </c>
      <c r="IJ15" s="363">
        <v>10244226</v>
      </c>
      <c r="IK15" s="342">
        <v>0</v>
      </c>
      <c r="IL15" s="343">
        <v>0</v>
      </c>
      <c r="IM15" s="344">
        <v>0</v>
      </c>
      <c r="IN15" s="404">
        <v>0</v>
      </c>
      <c r="IO15" s="345">
        <v>0</v>
      </c>
      <c r="IP15" s="345">
        <v>0</v>
      </c>
      <c r="IQ15" s="345">
        <v>173147</v>
      </c>
      <c r="IR15" s="345">
        <v>0</v>
      </c>
      <c r="IS15" s="345">
        <v>0</v>
      </c>
      <c r="IT15" s="346">
        <v>173147</v>
      </c>
      <c r="IU15" s="347">
        <v>173147</v>
      </c>
      <c r="IV15" s="348">
        <v>0</v>
      </c>
      <c r="IW15" s="345">
        <v>0</v>
      </c>
      <c r="IX15" s="349">
        <v>0</v>
      </c>
      <c r="IY15" s="404">
        <v>0</v>
      </c>
      <c r="IZ15" s="345">
        <v>0</v>
      </c>
      <c r="JA15" s="345">
        <v>0</v>
      </c>
      <c r="JB15" s="345">
        <v>0</v>
      </c>
      <c r="JC15" s="345">
        <v>0</v>
      </c>
      <c r="JD15" s="345">
        <v>0</v>
      </c>
      <c r="JE15" s="349">
        <v>0</v>
      </c>
      <c r="JF15" s="350">
        <v>0</v>
      </c>
      <c r="JG15" s="348">
        <v>0</v>
      </c>
      <c r="JH15" s="345">
        <v>0</v>
      </c>
      <c r="JI15" s="346">
        <v>0</v>
      </c>
      <c r="JJ15" s="351">
        <v>0</v>
      </c>
      <c r="JK15" s="345">
        <v>1170033</v>
      </c>
      <c r="JL15" s="345">
        <v>981272</v>
      </c>
      <c r="JM15" s="345">
        <v>792547</v>
      </c>
      <c r="JN15" s="345">
        <v>960986</v>
      </c>
      <c r="JO15" s="345">
        <v>158997</v>
      </c>
      <c r="JP15" s="349">
        <v>4063835</v>
      </c>
      <c r="JQ15" s="347">
        <v>4063835</v>
      </c>
      <c r="JR15" s="348">
        <v>0</v>
      </c>
      <c r="JS15" s="345">
        <v>0</v>
      </c>
      <c r="JT15" s="346">
        <v>0</v>
      </c>
      <c r="JU15" s="351">
        <v>0</v>
      </c>
      <c r="JV15" s="345">
        <v>36813</v>
      </c>
      <c r="JW15" s="345">
        <v>0</v>
      </c>
      <c r="JX15" s="345">
        <v>122379</v>
      </c>
      <c r="JY15" s="345">
        <v>0</v>
      </c>
      <c r="JZ15" s="345">
        <v>0</v>
      </c>
      <c r="KA15" s="349">
        <v>159192</v>
      </c>
      <c r="KB15" s="347">
        <v>159192</v>
      </c>
      <c r="KC15" s="352">
        <v>0</v>
      </c>
      <c r="KD15" s="353">
        <v>67523</v>
      </c>
      <c r="KE15" s="349">
        <v>67523</v>
      </c>
      <c r="KF15" s="351">
        <v>0</v>
      </c>
      <c r="KG15" s="345">
        <v>679290</v>
      </c>
      <c r="KH15" s="345">
        <v>0</v>
      </c>
      <c r="KI15" s="345">
        <v>237216</v>
      </c>
      <c r="KJ15" s="345">
        <v>278433</v>
      </c>
      <c r="KK15" s="345">
        <v>255502</v>
      </c>
      <c r="KL15" s="349">
        <v>1450441</v>
      </c>
      <c r="KM15" s="354">
        <v>1517964</v>
      </c>
      <c r="KN15" s="342">
        <v>0</v>
      </c>
      <c r="KO15" s="343">
        <v>0</v>
      </c>
      <c r="KP15" s="344">
        <v>0</v>
      </c>
      <c r="KQ15" s="404">
        <v>0</v>
      </c>
      <c r="KR15" s="345">
        <v>0</v>
      </c>
      <c r="KS15" s="345">
        <v>605188</v>
      </c>
      <c r="KT15" s="345">
        <v>1159172</v>
      </c>
      <c r="KU15" s="345">
        <v>1336234</v>
      </c>
      <c r="KV15" s="345">
        <v>-193411</v>
      </c>
      <c r="KW15" s="349">
        <v>2907183</v>
      </c>
      <c r="KX15" s="347">
        <v>2907183</v>
      </c>
      <c r="KY15" s="348">
        <v>0</v>
      </c>
      <c r="KZ15" s="345">
        <v>0</v>
      </c>
      <c r="LA15" s="349">
        <v>0</v>
      </c>
      <c r="LB15" s="404">
        <v>0</v>
      </c>
      <c r="LC15" s="345">
        <v>0</v>
      </c>
      <c r="LD15" s="345">
        <v>162416</v>
      </c>
      <c r="LE15" s="345">
        <v>180881</v>
      </c>
      <c r="LF15" s="345">
        <v>0</v>
      </c>
      <c r="LG15" s="345">
        <v>0</v>
      </c>
      <c r="LH15" s="349">
        <v>343297</v>
      </c>
      <c r="LI15" s="350">
        <v>343297</v>
      </c>
      <c r="LJ15" s="348">
        <v>0</v>
      </c>
      <c r="LK15" s="345">
        <v>0</v>
      </c>
      <c r="LL15" s="349">
        <v>0</v>
      </c>
      <c r="LM15" s="404">
        <v>0</v>
      </c>
      <c r="LN15" s="345">
        <v>0</v>
      </c>
      <c r="LO15" s="345">
        <v>0</v>
      </c>
      <c r="LP15" s="345">
        <v>0</v>
      </c>
      <c r="LQ15" s="345">
        <v>0</v>
      </c>
      <c r="LR15" s="345">
        <v>0</v>
      </c>
      <c r="LS15" s="349">
        <v>0</v>
      </c>
      <c r="LT15" s="347">
        <v>0</v>
      </c>
      <c r="LU15" s="348">
        <v>0</v>
      </c>
      <c r="LV15" s="345">
        <v>0</v>
      </c>
      <c r="LW15" s="349">
        <v>0</v>
      </c>
      <c r="LX15" s="404">
        <v>0</v>
      </c>
      <c r="LY15" s="345">
        <v>125162</v>
      </c>
      <c r="LZ15" s="345">
        <v>370309</v>
      </c>
      <c r="MA15" s="345">
        <v>0</v>
      </c>
      <c r="MB15" s="345">
        <v>0</v>
      </c>
      <c r="MC15" s="345">
        <v>584137</v>
      </c>
      <c r="MD15" s="349">
        <v>1079608</v>
      </c>
      <c r="ME15" s="350">
        <v>1079608</v>
      </c>
      <c r="MF15" s="348">
        <v>0</v>
      </c>
      <c r="MG15" s="345">
        <v>0</v>
      </c>
      <c r="MH15" s="349">
        <v>0</v>
      </c>
      <c r="MI15" s="404">
        <v>0</v>
      </c>
      <c r="MJ15" s="345">
        <v>956935</v>
      </c>
      <c r="MK15" s="345">
        <v>809329</v>
      </c>
      <c r="ML15" s="345">
        <v>4614414</v>
      </c>
      <c r="MM15" s="345">
        <v>7797937</v>
      </c>
      <c r="MN15" s="345">
        <v>3741596</v>
      </c>
      <c r="MO15" s="349">
        <v>17920211</v>
      </c>
      <c r="MP15" s="354">
        <v>17920211</v>
      </c>
      <c r="MQ15" s="348">
        <v>0</v>
      </c>
      <c r="MR15" s="345">
        <v>0</v>
      </c>
      <c r="MS15" s="349">
        <v>0</v>
      </c>
      <c r="MT15" s="404">
        <v>0</v>
      </c>
      <c r="MU15" s="345">
        <v>0</v>
      </c>
      <c r="MV15" s="345">
        <v>0</v>
      </c>
      <c r="MW15" s="345">
        <v>2555820</v>
      </c>
      <c r="MX15" s="345">
        <v>5716520</v>
      </c>
      <c r="MY15" s="345">
        <v>2032770</v>
      </c>
      <c r="MZ15" s="349">
        <v>10305110</v>
      </c>
      <c r="NA15" s="354">
        <v>10305110</v>
      </c>
      <c r="NB15" s="348">
        <v>0</v>
      </c>
      <c r="NC15" s="345">
        <v>0</v>
      </c>
      <c r="ND15" s="349">
        <v>0</v>
      </c>
      <c r="NE15" s="404">
        <v>0</v>
      </c>
      <c r="NF15" s="345">
        <v>956935</v>
      </c>
      <c r="NG15" s="345">
        <v>809329</v>
      </c>
      <c r="NH15" s="345">
        <v>2058594</v>
      </c>
      <c r="NI15" s="345">
        <v>2081417</v>
      </c>
      <c r="NJ15" s="345">
        <v>1708826</v>
      </c>
      <c r="NK15" s="349">
        <v>7615101</v>
      </c>
      <c r="NL15" s="347">
        <v>7615101</v>
      </c>
      <c r="NM15" s="348">
        <v>0</v>
      </c>
      <c r="NN15" s="345">
        <v>0</v>
      </c>
      <c r="NO15" s="349">
        <v>0</v>
      </c>
      <c r="NP15" s="404">
        <v>0</v>
      </c>
      <c r="NQ15" s="345">
        <v>0</v>
      </c>
      <c r="NR15" s="345">
        <v>0</v>
      </c>
      <c r="NS15" s="345">
        <v>0</v>
      </c>
      <c r="NT15" s="345">
        <v>0</v>
      </c>
      <c r="NU15" s="345">
        <v>0</v>
      </c>
      <c r="NV15" s="349">
        <v>0</v>
      </c>
      <c r="NW15" s="350">
        <v>0</v>
      </c>
      <c r="NX15" s="348">
        <v>0</v>
      </c>
      <c r="NY15" s="345">
        <v>0</v>
      </c>
      <c r="NZ15" s="349">
        <v>0</v>
      </c>
      <c r="OA15" s="404">
        <v>0</v>
      </c>
      <c r="OB15" s="345">
        <v>0</v>
      </c>
      <c r="OC15" s="345">
        <v>0</v>
      </c>
      <c r="OD15" s="345">
        <v>0</v>
      </c>
      <c r="OE15" s="345">
        <v>0</v>
      </c>
      <c r="OF15" s="345">
        <v>0</v>
      </c>
      <c r="OG15" s="349">
        <v>0</v>
      </c>
      <c r="OH15" s="350">
        <v>0</v>
      </c>
      <c r="OI15" s="348">
        <v>1311152</v>
      </c>
      <c r="OJ15" s="345">
        <v>2042913</v>
      </c>
      <c r="OK15" s="346">
        <v>3354065</v>
      </c>
      <c r="OL15" s="351">
        <v>0</v>
      </c>
      <c r="OM15" s="345">
        <v>18375447</v>
      </c>
      <c r="ON15" s="345">
        <v>16533714</v>
      </c>
      <c r="OO15" s="345">
        <v>21735645</v>
      </c>
      <c r="OP15" s="345">
        <v>23877449</v>
      </c>
      <c r="OQ15" s="345">
        <v>13304493</v>
      </c>
      <c r="OR15" s="349">
        <v>93826748</v>
      </c>
      <c r="OS15" s="354">
        <v>97180813</v>
      </c>
    </row>
    <row r="16" spans="2:409" s="70" customFormat="1" ht="21" customHeight="1" x14ac:dyDescent="0.2">
      <c r="B16" s="106" t="s">
        <v>10</v>
      </c>
      <c r="C16" s="326">
        <v>1458265</v>
      </c>
      <c r="D16" s="327">
        <v>3315114</v>
      </c>
      <c r="E16" s="328">
        <v>4773379</v>
      </c>
      <c r="F16" s="364">
        <v>0</v>
      </c>
      <c r="G16" s="327">
        <v>18982345</v>
      </c>
      <c r="H16" s="327">
        <v>14858307</v>
      </c>
      <c r="I16" s="327">
        <v>16359561</v>
      </c>
      <c r="J16" s="327">
        <v>16195850</v>
      </c>
      <c r="K16" s="327">
        <v>12137044</v>
      </c>
      <c r="L16" s="329">
        <v>78533107</v>
      </c>
      <c r="M16" s="330">
        <v>83306486</v>
      </c>
      <c r="N16" s="326">
        <v>484142</v>
      </c>
      <c r="O16" s="327">
        <v>1305836</v>
      </c>
      <c r="P16" s="328">
        <v>1789978</v>
      </c>
      <c r="Q16" s="326">
        <v>0</v>
      </c>
      <c r="R16" s="327">
        <v>6576085</v>
      </c>
      <c r="S16" s="327">
        <v>5597569</v>
      </c>
      <c r="T16" s="327">
        <v>6921948</v>
      </c>
      <c r="U16" s="327">
        <v>8360710</v>
      </c>
      <c r="V16" s="327">
        <v>4976146</v>
      </c>
      <c r="W16" s="328">
        <v>32432458</v>
      </c>
      <c r="X16" s="330">
        <v>34222436</v>
      </c>
      <c r="Y16" s="326">
        <v>0</v>
      </c>
      <c r="Z16" s="327">
        <v>0</v>
      </c>
      <c r="AA16" s="328">
        <v>0</v>
      </c>
      <c r="AB16" s="326">
        <v>0</v>
      </c>
      <c r="AC16" s="327">
        <v>2626608</v>
      </c>
      <c r="AD16" s="327">
        <v>2805328</v>
      </c>
      <c r="AE16" s="327">
        <v>4341263</v>
      </c>
      <c r="AF16" s="327">
        <v>5832956</v>
      </c>
      <c r="AG16" s="327">
        <v>3169540</v>
      </c>
      <c r="AH16" s="328">
        <v>18775695</v>
      </c>
      <c r="AI16" s="330">
        <v>18775695</v>
      </c>
      <c r="AJ16" s="326">
        <v>0</v>
      </c>
      <c r="AK16" s="327">
        <v>29697</v>
      </c>
      <c r="AL16" s="328">
        <v>29697</v>
      </c>
      <c r="AM16" s="326">
        <v>0</v>
      </c>
      <c r="AN16" s="327">
        <v>0</v>
      </c>
      <c r="AO16" s="327">
        <v>126111</v>
      </c>
      <c r="AP16" s="327">
        <v>430236</v>
      </c>
      <c r="AQ16" s="327">
        <v>254771</v>
      </c>
      <c r="AR16" s="327">
        <v>249785</v>
      </c>
      <c r="AS16" s="328">
        <v>1060903</v>
      </c>
      <c r="AT16" s="330">
        <v>1090600</v>
      </c>
      <c r="AU16" s="326">
        <v>274863</v>
      </c>
      <c r="AV16" s="327">
        <v>872357</v>
      </c>
      <c r="AW16" s="328">
        <v>1147220</v>
      </c>
      <c r="AX16" s="326">
        <v>0</v>
      </c>
      <c r="AY16" s="327">
        <v>2299481</v>
      </c>
      <c r="AZ16" s="327">
        <v>1535625</v>
      </c>
      <c r="BA16" s="327">
        <v>1102184</v>
      </c>
      <c r="BB16" s="327">
        <v>1199786</v>
      </c>
      <c r="BC16" s="327">
        <v>564349</v>
      </c>
      <c r="BD16" s="328">
        <v>6701425</v>
      </c>
      <c r="BE16" s="330">
        <v>7848645</v>
      </c>
      <c r="BF16" s="326">
        <v>0</v>
      </c>
      <c r="BG16" s="327">
        <v>143564</v>
      </c>
      <c r="BH16" s="331">
        <v>143564</v>
      </c>
      <c r="BI16" s="332">
        <v>0</v>
      </c>
      <c r="BJ16" s="327">
        <v>433921</v>
      </c>
      <c r="BK16" s="327">
        <v>219070</v>
      </c>
      <c r="BL16" s="327">
        <v>18565</v>
      </c>
      <c r="BM16" s="327">
        <v>147489</v>
      </c>
      <c r="BN16" s="327">
        <v>59813</v>
      </c>
      <c r="BO16" s="328">
        <v>878858</v>
      </c>
      <c r="BP16" s="330">
        <v>1022422</v>
      </c>
      <c r="BQ16" s="326">
        <v>209279</v>
      </c>
      <c r="BR16" s="327">
        <v>260218</v>
      </c>
      <c r="BS16" s="328">
        <v>469497</v>
      </c>
      <c r="BT16" s="326">
        <v>0</v>
      </c>
      <c r="BU16" s="327">
        <v>1216075</v>
      </c>
      <c r="BV16" s="327">
        <v>911435</v>
      </c>
      <c r="BW16" s="327">
        <v>1029700</v>
      </c>
      <c r="BX16" s="327">
        <v>925708</v>
      </c>
      <c r="BY16" s="327">
        <v>932659</v>
      </c>
      <c r="BZ16" s="328">
        <v>5015577</v>
      </c>
      <c r="CA16" s="330">
        <v>5485074</v>
      </c>
      <c r="CB16" s="326">
        <v>90414</v>
      </c>
      <c r="CC16" s="327">
        <v>102855</v>
      </c>
      <c r="CD16" s="328">
        <v>193269</v>
      </c>
      <c r="CE16" s="326">
        <v>0</v>
      </c>
      <c r="CF16" s="327">
        <v>5670059</v>
      </c>
      <c r="CG16" s="327">
        <v>2932935</v>
      </c>
      <c r="CH16" s="327">
        <v>3154143</v>
      </c>
      <c r="CI16" s="327">
        <v>1800183</v>
      </c>
      <c r="CJ16" s="327">
        <v>627544</v>
      </c>
      <c r="CK16" s="328">
        <v>14184864</v>
      </c>
      <c r="CL16" s="330">
        <v>14378133</v>
      </c>
      <c r="CM16" s="326">
        <v>0</v>
      </c>
      <c r="CN16" s="327">
        <v>0</v>
      </c>
      <c r="CO16" s="328">
        <v>0</v>
      </c>
      <c r="CP16" s="332">
        <v>0</v>
      </c>
      <c r="CQ16" s="327">
        <v>4748564</v>
      </c>
      <c r="CR16" s="327">
        <v>2287593</v>
      </c>
      <c r="CS16" s="327">
        <v>2117287</v>
      </c>
      <c r="CT16" s="327">
        <v>1620949</v>
      </c>
      <c r="CU16" s="327">
        <v>466620</v>
      </c>
      <c r="CV16" s="328">
        <v>11241013</v>
      </c>
      <c r="CW16" s="330">
        <v>11241013</v>
      </c>
      <c r="CX16" s="326">
        <v>90414</v>
      </c>
      <c r="CY16" s="327">
        <v>102855</v>
      </c>
      <c r="CZ16" s="328">
        <v>193269</v>
      </c>
      <c r="DA16" s="326">
        <v>0</v>
      </c>
      <c r="DB16" s="327">
        <v>921495</v>
      </c>
      <c r="DC16" s="327">
        <v>645342</v>
      </c>
      <c r="DD16" s="327">
        <v>1036856</v>
      </c>
      <c r="DE16" s="327">
        <v>179234</v>
      </c>
      <c r="DF16" s="327">
        <v>160924</v>
      </c>
      <c r="DG16" s="328">
        <v>2943851</v>
      </c>
      <c r="DH16" s="330">
        <v>3137120</v>
      </c>
      <c r="DI16" s="326">
        <v>0</v>
      </c>
      <c r="DJ16" s="327">
        <v>55158</v>
      </c>
      <c r="DK16" s="331">
        <v>55158</v>
      </c>
      <c r="DL16" s="332">
        <v>0</v>
      </c>
      <c r="DM16" s="327">
        <v>630369</v>
      </c>
      <c r="DN16" s="327">
        <v>618161</v>
      </c>
      <c r="DO16" s="327">
        <v>1340062</v>
      </c>
      <c r="DP16" s="327">
        <v>895211</v>
      </c>
      <c r="DQ16" s="327">
        <v>258615</v>
      </c>
      <c r="DR16" s="328">
        <v>3742418</v>
      </c>
      <c r="DS16" s="330">
        <v>3797576</v>
      </c>
      <c r="DT16" s="326">
        <v>0</v>
      </c>
      <c r="DU16" s="327">
        <v>55158</v>
      </c>
      <c r="DV16" s="328">
        <v>55158</v>
      </c>
      <c r="DW16" s="326">
        <v>0</v>
      </c>
      <c r="DX16" s="327">
        <v>474423</v>
      </c>
      <c r="DY16" s="327">
        <v>517285</v>
      </c>
      <c r="DZ16" s="327">
        <v>1210086</v>
      </c>
      <c r="EA16" s="327">
        <v>895211</v>
      </c>
      <c r="EB16" s="327">
        <v>220575</v>
      </c>
      <c r="EC16" s="328">
        <v>3317580</v>
      </c>
      <c r="ED16" s="330">
        <v>3372738</v>
      </c>
      <c r="EE16" s="326">
        <v>0</v>
      </c>
      <c r="EF16" s="331">
        <v>0</v>
      </c>
      <c r="EG16" s="328">
        <v>0</v>
      </c>
      <c r="EH16" s="326">
        <v>0</v>
      </c>
      <c r="EI16" s="327">
        <v>155946</v>
      </c>
      <c r="EJ16" s="327">
        <v>100876</v>
      </c>
      <c r="EK16" s="327">
        <v>129976</v>
      </c>
      <c r="EL16" s="327">
        <v>0</v>
      </c>
      <c r="EM16" s="327">
        <v>38040</v>
      </c>
      <c r="EN16" s="331">
        <v>424838</v>
      </c>
      <c r="EO16" s="330">
        <v>424838</v>
      </c>
      <c r="EP16" s="326">
        <v>0</v>
      </c>
      <c r="EQ16" s="327">
        <v>0</v>
      </c>
      <c r="ER16" s="331">
        <v>0</v>
      </c>
      <c r="ES16" s="332">
        <v>0</v>
      </c>
      <c r="ET16" s="327">
        <v>0</v>
      </c>
      <c r="EU16" s="327">
        <v>0</v>
      </c>
      <c r="EV16" s="327">
        <v>0</v>
      </c>
      <c r="EW16" s="327">
        <v>0</v>
      </c>
      <c r="EX16" s="327">
        <v>0</v>
      </c>
      <c r="EY16" s="328">
        <v>0</v>
      </c>
      <c r="EZ16" s="330">
        <v>0</v>
      </c>
      <c r="FA16" s="326">
        <v>0</v>
      </c>
      <c r="FB16" s="327">
        <v>0</v>
      </c>
      <c r="FC16" s="331">
        <v>0</v>
      </c>
      <c r="FD16" s="404">
        <v>0</v>
      </c>
      <c r="FE16" s="327">
        <v>0</v>
      </c>
      <c r="FF16" s="327">
        <v>0</v>
      </c>
      <c r="FG16" s="327">
        <v>0</v>
      </c>
      <c r="FH16" s="327">
        <v>0</v>
      </c>
      <c r="FI16" s="327">
        <v>0</v>
      </c>
      <c r="FJ16" s="328">
        <v>0</v>
      </c>
      <c r="FK16" s="330">
        <v>0</v>
      </c>
      <c r="FL16" s="326">
        <v>368102</v>
      </c>
      <c r="FM16" s="327">
        <v>843780</v>
      </c>
      <c r="FN16" s="328">
        <v>1211882</v>
      </c>
      <c r="FO16" s="326">
        <v>0</v>
      </c>
      <c r="FP16" s="327">
        <v>1315806</v>
      </c>
      <c r="FQ16" s="327">
        <v>1406181</v>
      </c>
      <c r="FR16" s="327">
        <v>959406</v>
      </c>
      <c r="FS16" s="327">
        <v>1007720</v>
      </c>
      <c r="FT16" s="327">
        <v>708806</v>
      </c>
      <c r="FU16" s="328">
        <v>5397919</v>
      </c>
      <c r="FV16" s="330">
        <v>6609801</v>
      </c>
      <c r="FW16" s="333">
        <v>248157</v>
      </c>
      <c r="FX16" s="327">
        <v>593110</v>
      </c>
      <c r="FY16" s="331">
        <v>841267</v>
      </c>
      <c r="FZ16" s="332">
        <v>0</v>
      </c>
      <c r="GA16" s="327">
        <v>816977</v>
      </c>
      <c r="GB16" s="327">
        <v>1310421</v>
      </c>
      <c r="GC16" s="327">
        <v>940506</v>
      </c>
      <c r="GD16" s="327">
        <v>1007720</v>
      </c>
      <c r="GE16" s="327">
        <v>543165</v>
      </c>
      <c r="GF16" s="328">
        <v>4618789</v>
      </c>
      <c r="GG16" s="334">
        <v>5460056</v>
      </c>
      <c r="GH16" s="333">
        <v>78645</v>
      </c>
      <c r="GI16" s="327">
        <v>40880</v>
      </c>
      <c r="GJ16" s="331">
        <v>119525</v>
      </c>
      <c r="GK16" s="332">
        <v>0</v>
      </c>
      <c r="GL16" s="327">
        <v>89889</v>
      </c>
      <c r="GM16" s="327">
        <v>95760</v>
      </c>
      <c r="GN16" s="327">
        <v>18900</v>
      </c>
      <c r="GO16" s="327">
        <v>0</v>
      </c>
      <c r="GP16" s="327">
        <v>25641</v>
      </c>
      <c r="GQ16" s="328">
        <v>230190</v>
      </c>
      <c r="GR16" s="330">
        <v>349715</v>
      </c>
      <c r="GS16" s="326">
        <v>41300</v>
      </c>
      <c r="GT16" s="327">
        <v>209790</v>
      </c>
      <c r="GU16" s="328">
        <v>251090</v>
      </c>
      <c r="GV16" s="326">
        <v>0</v>
      </c>
      <c r="GW16" s="327">
        <v>408940</v>
      </c>
      <c r="GX16" s="327">
        <v>0</v>
      </c>
      <c r="GY16" s="327">
        <v>0</v>
      </c>
      <c r="GZ16" s="327">
        <v>0</v>
      </c>
      <c r="HA16" s="327">
        <v>140000</v>
      </c>
      <c r="HB16" s="331">
        <v>548940</v>
      </c>
      <c r="HC16" s="330">
        <v>800030</v>
      </c>
      <c r="HD16" s="326">
        <v>515607</v>
      </c>
      <c r="HE16" s="327">
        <v>1007485</v>
      </c>
      <c r="HF16" s="331">
        <v>1523092</v>
      </c>
      <c r="HG16" s="332">
        <v>0</v>
      </c>
      <c r="HH16" s="327">
        <v>4790026</v>
      </c>
      <c r="HI16" s="327">
        <v>4303461</v>
      </c>
      <c r="HJ16" s="327">
        <v>3984002</v>
      </c>
      <c r="HK16" s="327">
        <v>4132026</v>
      </c>
      <c r="HL16" s="327">
        <v>5565933</v>
      </c>
      <c r="HM16" s="328">
        <v>22775448</v>
      </c>
      <c r="HN16" s="329">
        <v>24298540</v>
      </c>
      <c r="HO16" s="333">
        <v>0</v>
      </c>
      <c r="HP16" s="327">
        <v>0</v>
      </c>
      <c r="HQ16" s="328">
        <v>0</v>
      </c>
      <c r="HR16" s="326">
        <v>0</v>
      </c>
      <c r="HS16" s="327">
        <v>0</v>
      </c>
      <c r="HT16" s="327">
        <v>0</v>
      </c>
      <c r="HU16" s="327">
        <v>0</v>
      </c>
      <c r="HV16" s="327">
        <v>0</v>
      </c>
      <c r="HW16" s="327">
        <v>0</v>
      </c>
      <c r="HX16" s="331">
        <v>0</v>
      </c>
      <c r="HY16" s="330">
        <v>0</v>
      </c>
      <c r="HZ16" s="358">
        <v>62059</v>
      </c>
      <c r="IA16" s="356">
        <v>72873</v>
      </c>
      <c r="IB16" s="358">
        <v>134932</v>
      </c>
      <c r="IC16" s="355">
        <v>0</v>
      </c>
      <c r="ID16" s="356">
        <v>2493446</v>
      </c>
      <c r="IE16" s="357">
        <v>2969390</v>
      </c>
      <c r="IF16" s="358">
        <v>4464276</v>
      </c>
      <c r="IG16" s="356">
        <v>3497157</v>
      </c>
      <c r="IH16" s="358">
        <v>2692802</v>
      </c>
      <c r="II16" s="359">
        <v>16117071</v>
      </c>
      <c r="IJ16" s="358">
        <v>16252003</v>
      </c>
      <c r="IK16" s="342">
        <v>0</v>
      </c>
      <c r="IL16" s="343">
        <v>0</v>
      </c>
      <c r="IM16" s="344">
        <v>0</v>
      </c>
      <c r="IN16" s="404">
        <v>0</v>
      </c>
      <c r="IO16" s="345">
        <v>0</v>
      </c>
      <c r="IP16" s="345">
        <v>61250</v>
      </c>
      <c r="IQ16" s="345">
        <v>185624</v>
      </c>
      <c r="IR16" s="345">
        <v>0</v>
      </c>
      <c r="IS16" s="345">
        <v>0</v>
      </c>
      <c r="IT16" s="346">
        <v>246874</v>
      </c>
      <c r="IU16" s="347">
        <v>246874</v>
      </c>
      <c r="IV16" s="348">
        <v>0</v>
      </c>
      <c r="IW16" s="345">
        <v>0</v>
      </c>
      <c r="IX16" s="349">
        <v>0</v>
      </c>
      <c r="IY16" s="404">
        <v>0</v>
      </c>
      <c r="IZ16" s="345">
        <v>9188</v>
      </c>
      <c r="JA16" s="345">
        <v>0</v>
      </c>
      <c r="JB16" s="345">
        <v>0</v>
      </c>
      <c r="JC16" s="345">
        <v>0</v>
      </c>
      <c r="JD16" s="345">
        <v>0</v>
      </c>
      <c r="JE16" s="349">
        <v>9188</v>
      </c>
      <c r="JF16" s="350">
        <v>9188</v>
      </c>
      <c r="JG16" s="348">
        <v>0</v>
      </c>
      <c r="JH16" s="345">
        <v>0</v>
      </c>
      <c r="JI16" s="346">
        <v>0</v>
      </c>
      <c r="JJ16" s="351">
        <v>0</v>
      </c>
      <c r="JK16" s="345">
        <v>769250</v>
      </c>
      <c r="JL16" s="345">
        <v>602783</v>
      </c>
      <c r="JM16" s="345">
        <v>478894</v>
      </c>
      <c r="JN16" s="345">
        <v>229282</v>
      </c>
      <c r="JO16" s="345">
        <v>0</v>
      </c>
      <c r="JP16" s="349">
        <v>2080209</v>
      </c>
      <c r="JQ16" s="347">
        <v>2080209</v>
      </c>
      <c r="JR16" s="348">
        <v>0</v>
      </c>
      <c r="JS16" s="345">
        <v>0</v>
      </c>
      <c r="JT16" s="346">
        <v>0</v>
      </c>
      <c r="JU16" s="351">
        <v>0</v>
      </c>
      <c r="JV16" s="345">
        <v>0</v>
      </c>
      <c r="JW16" s="345">
        <v>219605</v>
      </c>
      <c r="JX16" s="345">
        <v>65702</v>
      </c>
      <c r="JY16" s="345">
        <v>384932</v>
      </c>
      <c r="JZ16" s="345">
        <v>0</v>
      </c>
      <c r="KA16" s="349">
        <v>670239</v>
      </c>
      <c r="KB16" s="347">
        <v>670239</v>
      </c>
      <c r="KC16" s="352">
        <v>62059</v>
      </c>
      <c r="KD16" s="353">
        <v>72873</v>
      </c>
      <c r="KE16" s="349">
        <v>134932</v>
      </c>
      <c r="KF16" s="351">
        <v>0</v>
      </c>
      <c r="KG16" s="345">
        <v>441821</v>
      </c>
      <c r="KH16" s="345">
        <v>281024</v>
      </c>
      <c r="KI16" s="345">
        <v>1015665</v>
      </c>
      <c r="KJ16" s="345">
        <v>443309</v>
      </c>
      <c r="KK16" s="345">
        <v>0</v>
      </c>
      <c r="KL16" s="349">
        <v>2181819</v>
      </c>
      <c r="KM16" s="354">
        <v>2316751</v>
      </c>
      <c r="KN16" s="342">
        <v>0</v>
      </c>
      <c r="KO16" s="343">
        <v>0</v>
      </c>
      <c r="KP16" s="344">
        <v>0</v>
      </c>
      <c r="KQ16" s="404">
        <v>0</v>
      </c>
      <c r="KR16" s="345">
        <v>861754</v>
      </c>
      <c r="KS16" s="345">
        <v>1432079</v>
      </c>
      <c r="KT16" s="345">
        <v>1623907</v>
      </c>
      <c r="KU16" s="345">
        <v>839104</v>
      </c>
      <c r="KV16" s="345">
        <v>1969630</v>
      </c>
      <c r="KW16" s="349">
        <v>6726474</v>
      </c>
      <c r="KX16" s="347">
        <v>6726474</v>
      </c>
      <c r="KY16" s="348">
        <v>0</v>
      </c>
      <c r="KZ16" s="345">
        <v>0</v>
      </c>
      <c r="LA16" s="349">
        <v>0</v>
      </c>
      <c r="LB16" s="404">
        <v>0</v>
      </c>
      <c r="LC16" s="345">
        <v>141273</v>
      </c>
      <c r="LD16" s="345">
        <v>196666</v>
      </c>
      <c r="LE16" s="345">
        <v>773978</v>
      </c>
      <c r="LF16" s="345">
        <v>193871</v>
      </c>
      <c r="LG16" s="345">
        <v>723172</v>
      </c>
      <c r="LH16" s="349">
        <v>2028960</v>
      </c>
      <c r="LI16" s="350">
        <v>2028960</v>
      </c>
      <c r="LJ16" s="348">
        <v>0</v>
      </c>
      <c r="LK16" s="345">
        <v>0</v>
      </c>
      <c r="LL16" s="349">
        <v>0</v>
      </c>
      <c r="LM16" s="404">
        <v>0</v>
      </c>
      <c r="LN16" s="345">
        <v>0</v>
      </c>
      <c r="LO16" s="345">
        <v>0</v>
      </c>
      <c r="LP16" s="345">
        <v>320506</v>
      </c>
      <c r="LQ16" s="345">
        <v>603371</v>
      </c>
      <c r="LR16" s="345">
        <v>0</v>
      </c>
      <c r="LS16" s="349">
        <v>923877</v>
      </c>
      <c r="LT16" s="347">
        <v>923877</v>
      </c>
      <c r="LU16" s="348">
        <v>0</v>
      </c>
      <c r="LV16" s="345">
        <v>0</v>
      </c>
      <c r="LW16" s="349">
        <v>0</v>
      </c>
      <c r="LX16" s="404">
        <v>0</v>
      </c>
      <c r="LY16" s="345">
        <v>270160</v>
      </c>
      <c r="LZ16" s="345">
        <v>175983</v>
      </c>
      <c r="MA16" s="345">
        <v>0</v>
      </c>
      <c r="MB16" s="345">
        <v>803288</v>
      </c>
      <c r="MC16" s="345">
        <v>0</v>
      </c>
      <c r="MD16" s="349">
        <v>1249431</v>
      </c>
      <c r="ME16" s="350">
        <v>1249431</v>
      </c>
      <c r="MF16" s="348">
        <v>0</v>
      </c>
      <c r="MG16" s="345">
        <v>0</v>
      </c>
      <c r="MH16" s="349">
        <v>0</v>
      </c>
      <c r="MI16" s="404">
        <v>0</v>
      </c>
      <c r="MJ16" s="345">
        <v>957415</v>
      </c>
      <c r="MK16" s="345">
        <v>1096031</v>
      </c>
      <c r="ML16" s="345">
        <v>3463804</v>
      </c>
      <c r="MM16" s="345">
        <v>8476006</v>
      </c>
      <c r="MN16" s="345">
        <v>4969668</v>
      </c>
      <c r="MO16" s="349">
        <v>18962924</v>
      </c>
      <c r="MP16" s="354">
        <v>18962924</v>
      </c>
      <c r="MQ16" s="348">
        <v>0</v>
      </c>
      <c r="MR16" s="345">
        <v>0</v>
      </c>
      <c r="MS16" s="349">
        <v>0</v>
      </c>
      <c r="MT16" s="404">
        <v>0</v>
      </c>
      <c r="MU16" s="345">
        <v>0</v>
      </c>
      <c r="MV16" s="345">
        <v>0</v>
      </c>
      <c r="MW16" s="345">
        <v>2260969</v>
      </c>
      <c r="MX16" s="345">
        <v>5005549</v>
      </c>
      <c r="MY16" s="345">
        <v>3191332</v>
      </c>
      <c r="MZ16" s="349">
        <v>10457850</v>
      </c>
      <c r="NA16" s="354">
        <v>10457850</v>
      </c>
      <c r="NB16" s="348">
        <v>0</v>
      </c>
      <c r="NC16" s="345">
        <v>0</v>
      </c>
      <c r="ND16" s="349">
        <v>0</v>
      </c>
      <c r="NE16" s="404">
        <v>0</v>
      </c>
      <c r="NF16" s="345">
        <v>957415</v>
      </c>
      <c r="NG16" s="345">
        <v>1096031</v>
      </c>
      <c r="NH16" s="345">
        <v>911197</v>
      </c>
      <c r="NI16" s="345">
        <v>3470457</v>
      </c>
      <c r="NJ16" s="345">
        <v>1118229</v>
      </c>
      <c r="NK16" s="349">
        <v>7553329</v>
      </c>
      <c r="NL16" s="347">
        <v>7553329</v>
      </c>
      <c r="NM16" s="348">
        <v>0</v>
      </c>
      <c r="NN16" s="345">
        <v>0</v>
      </c>
      <c r="NO16" s="349">
        <v>0</v>
      </c>
      <c r="NP16" s="404">
        <v>0</v>
      </c>
      <c r="NQ16" s="345">
        <v>0</v>
      </c>
      <c r="NR16" s="345">
        <v>0</v>
      </c>
      <c r="NS16" s="345">
        <v>0</v>
      </c>
      <c r="NT16" s="345">
        <v>0</v>
      </c>
      <c r="NU16" s="345">
        <v>0</v>
      </c>
      <c r="NV16" s="349">
        <v>0</v>
      </c>
      <c r="NW16" s="350">
        <v>0</v>
      </c>
      <c r="NX16" s="348">
        <v>0</v>
      </c>
      <c r="NY16" s="345">
        <v>0</v>
      </c>
      <c r="NZ16" s="349">
        <v>0</v>
      </c>
      <c r="OA16" s="404">
        <v>0</v>
      </c>
      <c r="OB16" s="345">
        <v>0</v>
      </c>
      <c r="OC16" s="345">
        <v>0</v>
      </c>
      <c r="OD16" s="345">
        <v>291638</v>
      </c>
      <c r="OE16" s="345">
        <v>0</v>
      </c>
      <c r="OF16" s="345">
        <v>660107</v>
      </c>
      <c r="OG16" s="349">
        <v>951745</v>
      </c>
      <c r="OH16" s="350">
        <v>951745</v>
      </c>
      <c r="OI16" s="348">
        <v>1520324</v>
      </c>
      <c r="OJ16" s="345">
        <v>3387987</v>
      </c>
      <c r="OK16" s="346">
        <v>4908311</v>
      </c>
      <c r="OL16" s="351">
        <v>0</v>
      </c>
      <c r="OM16" s="345">
        <v>22433206</v>
      </c>
      <c r="ON16" s="345">
        <v>18923728</v>
      </c>
      <c r="OO16" s="345">
        <v>24287641</v>
      </c>
      <c r="OP16" s="345">
        <v>28169013</v>
      </c>
      <c r="OQ16" s="345">
        <v>19799514</v>
      </c>
      <c r="OR16" s="349">
        <v>113613102</v>
      </c>
      <c r="OS16" s="354">
        <v>118521413</v>
      </c>
    </row>
    <row r="17" spans="2:409" s="70" customFormat="1" ht="21" customHeight="1" x14ac:dyDescent="0.2">
      <c r="B17" s="106" t="s">
        <v>11</v>
      </c>
      <c r="C17" s="326">
        <v>532992</v>
      </c>
      <c r="D17" s="327">
        <v>701999</v>
      </c>
      <c r="E17" s="365">
        <v>1234991</v>
      </c>
      <c r="F17" s="332">
        <v>0</v>
      </c>
      <c r="G17" s="327">
        <v>5948866</v>
      </c>
      <c r="H17" s="327">
        <v>5374351</v>
      </c>
      <c r="I17" s="327">
        <v>3846124</v>
      </c>
      <c r="J17" s="327">
        <v>6503046</v>
      </c>
      <c r="K17" s="327">
        <v>5249072</v>
      </c>
      <c r="L17" s="329">
        <v>26921459</v>
      </c>
      <c r="M17" s="330">
        <v>28156450</v>
      </c>
      <c r="N17" s="326">
        <v>105145</v>
      </c>
      <c r="O17" s="327">
        <v>137376</v>
      </c>
      <c r="P17" s="328">
        <v>242521</v>
      </c>
      <c r="Q17" s="326">
        <v>0</v>
      </c>
      <c r="R17" s="327">
        <v>1529017</v>
      </c>
      <c r="S17" s="327">
        <v>1326325</v>
      </c>
      <c r="T17" s="327">
        <v>1130942</v>
      </c>
      <c r="U17" s="327">
        <v>1794602</v>
      </c>
      <c r="V17" s="327">
        <v>1591025</v>
      </c>
      <c r="W17" s="328">
        <v>7371911</v>
      </c>
      <c r="X17" s="330">
        <v>7614432</v>
      </c>
      <c r="Y17" s="326">
        <v>0</v>
      </c>
      <c r="Z17" s="327">
        <v>0</v>
      </c>
      <c r="AA17" s="328">
        <v>0</v>
      </c>
      <c r="AB17" s="326">
        <v>0</v>
      </c>
      <c r="AC17" s="327">
        <v>448658</v>
      </c>
      <c r="AD17" s="327">
        <v>281186</v>
      </c>
      <c r="AE17" s="327">
        <v>726503</v>
      </c>
      <c r="AF17" s="327">
        <v>808727</v>
      </c>
      <c r="AG17" s="327">
        <v>857496</v>
      </c>
      <c r="AH17" s="328">
        <v>3122570</v>
      </c>
      <c r="AI17" s="330">
        <v>3122570</v>
      </c>
      <c r="AJ17" s="326">
        <v>0</v>
      </c>
      <c r="AK17" s="327">
        <v>0</v>
      </c>
      <c r="AL17" s="328">
        <v>0</v>
      </c>
      <c r="AM17" s="326">
        <v>0</v>
      </c>
      <c r="AN17" s="327">
        <v>0</v>
      </c>
      <c r="AO17" s="327">
        <v>20747</v>
      </c>
      <c r="AP17" s="327">
        <v>0</v>
      </c>
      <c r="AQ17" s="327">
        <v>246680</v>
      </c>
      <c r="AR17" s="327">
        <v>165715</v>
      </c>
      <c r="AS17" s="328">
        <v>433142</v>
      </c>
      <c r="AT17" s="330">
        <v>433142</v>
      </c>
      <c r="AU17" s="326">
        <v>55088</v>
      </c>
      <c r="AV17" s="327">
        <v>90462</v>
      </c>
      <c r="AW17" s="328">
        <v>145550</v>
      </c>
      <c r="AX17" s="326">
        <v>0</v>
      </c>
      <c r="AY17" s="327">
        <v>805633</v>
      </c>
      <c r="AZ17" s="327">
        <v>572521</v>
      </c>
      <c r="BA17" s="327">
        <v>112878</v>
      </c>
      <c r="BB17" s="327">
        <v>481365</v>
      </c>
      <c r="BC17" s="327">
        <v>301257</v>
      </c>
      <c r="BD17" s="328">
        <v>2273654</v>
      </c>
      <c r="BE17" s="330">
        <v>2419204</v>
      </c>
      <c r="BF17" s="326">
        <v>0</v>
      </c>
      <c r="BG17" s="327">
        <v>0</v>
      </c>
      <c r="BH17" s="331">
        <v>0</v>
      </c>
      <c r="BI17" s="332">
        <v>0</v>
      </c>
      <c r="BJ17" s="327">
        <v>22117</v>
      </c>
      <c r="BK17" s="327">
        <v>86527</v>
      </c>
      <c r="BL17" s="327">
        <v>82681</v>
      </c>
      <c r="BM17" s="327">
        <v>20481</v>
      </c>
      <c r="BN17" s="327">
        <v>38364</v>
      </c>
      <c r="BO17" s="328">
        <v>250170</v>
      </c>
      <c r="BP17" s="330">
        <v>250170</v>
      </c>
      <c r="BQ17" s="326">
        <v>50057</v>
      </c>
      <c r="BR17" s="327">
        <v>46914</v>
      </c>
      <c r="BS17" s="328">
        <v>96971</v>
      </c>
      <c r="BT17" s="326">
        <v>0</v>
      </c>
      <c r="BU17" s="327">
        <v>252609</v>
      </c>
      <c r="BV17" s="327">
        <v>365344</v>
      </c>
      <c r="BW17" s="327">
        <v>208880</v>
      </c>
      <c r="BX17" s="327">
        <v>237349</v>
      </c>
      <c r="BY17" s="327">
        <v>228193</v>
      </c>
      <c r="BZ17" s="328">
        <v>1292375</v>
      </c>
      <c r="CA17" s="330">
        <v>1389346</v>
      </c>
      <c r="CB17" s="326">
        <v>81397</v>
      </c>
      <c r="CC17" s="327">
        <v>131671</v>
      </c>
      <c r="CD17" s="328">
        <v>213068</v>
      </c>
      <c r="CE17" s="326">
        <v>0</v>
      </c>
      <c r="CF17" s="327">
        <v>1355112</v>
      </c>
      <c r="CG17" s="327">
        <v>1234918</v>
      </c>
      <c r="CH17" s="327">
        <v>718105</v>
      </c>
      <c r="CI17" s="327">
        <v>793767</v>
      </c>
      <c r="CJ17" s="327">
        <v>273925</v>
      </c>
      <c r="CK17" s="328">
        <v>4375827</v>
      </c>
      <c r="CL17" s="330">
        <v>4588895</v>
      </c>
      <c r="CM17" s="326">
        <v>0</v>
      </c>
      <c r="CN17" s="327">
        <v>0</v>
      </c>
      <c r="CO17" s="328">
        <v>0</v>
      </c>
      <c r="CP17" s="332">
        <v>0</v>
      </c>
      <c r="CQ17" s="327">
        <v>963109</v>
      </c>
      <c r="CR17" s="327">
        <v>838379</v>
      </c>
      <c r="CS17" s="327">
        <v>497613</v>
      </c>
      <c r="CT17" s="327">
        <v>533959</v>
      </c>
      <c r="CU17" s="327">
        <v>233249</v>
      </c>
      <c r="CV17" s="328">
        <v>3066309</v>
      </c>
      <c r="CW17" s="330">
        <v>3066309</v>
      </c>
      <c r="CX17" s="326">
        <v>81397</v>
      </c>
      <c r="CY17" s="327">
        <v>131671</v>
      </c>
      <c r="CZ17" s="328">
        <v>213068</v>
      </c>
      <c r="DA17" s="326">
        <v>0</v>
      </c>
      <c r="DB17" s="327">
        <v>392003</v>
      </c>
      <c r="DC17" s="327">
        <v>396539</v>
      </c>
      <c r="DD17" s="327">
        <v>220492</v>
      </c>
      <c r="DE17" s="327">
        <v>259808</v>
      </c>
      <c r="DF17" s="327">
        <v>40676</v>
      </c>
      <c r="DG17" s="328">
        <v>1309518</v>
      </c>
      <c r="DH17" s="330">
        <v>1522586</v>
      </c>
      <c r="DI17" s="326">
        <v>0</v>
      </c>
      <c r="DJ17" s="327">
        <v>0</v>
      </c>
      <c r="DK17" s="331">
        <v>0</v>
      </c>
      <c r="DL17" s="332">
        <v>0</v>
      </c>
      <c r="DM17" s="327">
        <v>29952</v>
      </c>
      <c r="DN17" s="327">
        <v>66811</v>
      </c>
      <c r="DO17" s="327">
        <v>75995</v>
      </c>
      <c r="DP17" s="327">
        <v>453304</v>
      </c>
      <c r="DQ17" s="327">
        <v>755382</v>
      </c>
      <c r="DR17" s="328">
        <v>1381444</v>
      </c>
      <c r="DS17" s="330">
        <v>1381444</v>
      </c>
      <c r="DT17" s="326">
        <v>0</v>
      </c>
      <c r="DU17" s="327">
        <v>0</v>
      </c>
      <c r="DV17" s="328">
        <v>0</v>
      </c>
      <c r="DW17" s="326">
        <v>0</v>
      </c>
      <c r="DX17" s="327">
        <v>29952</v>
      </c>
      <c r="DY17" s="327">
        <v>66811</v>
      </c>
      <c r="DZ17" s="327">
        <v>0</v>
      </c>
      <c r="EA17" s="327">
        <v>453304</v>
      </c>
      <c r="EB17" s="327">
        <v>474846</v>
      </c>
      <c r="EC17" s="328">
        <v>1024913</v>
      </c>
      <c r="ED17" s="330">
        <v>1024913</v>
      </c>
      <c r="EE17" s="326">
        <v>0</v>
      </c>
      <c r="EF17" s="331">
        <v>0</v>
      </c>
      <c r="EG17" s="328">
        <v>0</v>
      </c>
      <c r="EH17" s="326">
        <v>0</v>
      </c>
      <c r="EI17" s="327">
        <v>0</v>
      </c>
      <c r="EJ17" s="327">
        <v>0</v>
      </c>
      <c r="EK17" s="327">
        <v>75995</v>
      </c>
      <c r="EL17" s="327">
        <v>0</v>
      </c>
      <c r="EM17" s="327">
        <v>280536</v>
      </c>
      <c r="EN17" s="331">
        <v>356531</v>
      </c>
      <c r="EO17" s="330">
        <v>356531</v>
      </c>
      <c r="EP17" s="326">
        <v>0</v>
      </c>
      <c r="EQ17" s="327">
        <v>0</v>
      </c>
      <c r="ER17" s="331">
        <v>0</v>
      </c>
      <c r="ES17" s="332">
        <v>0</v>
      </c>
      <c r="ET17" s="327">
        <v>0</v>
      </c>
      <c r="EU17" s="327">
        <v>0</v>
      </c>
      <c r="EV17" s="327">
        <v>0</v>
      </c>
      <c r="EW17" s="327">
        <v>0</v>
      </c>
      <c r="EX17" s="327">
        <v>0</v>
      </c>
      <c r="EY17" s="328">
        <v>0</v>
      </c>
      <c r="EZ17" s="330">
        <v>0</v>
      </c>
      <c r="FA17" s="326">
        <v>0</v>
      </c>
      <c r="FB17" s="327">
        <v>0</v>
      </c>
      <c r="FC17" s="331">
        <v>0</v>
      </c>
      <c r="FD17" s="404">
        <v>0</v>
      </c>
      <c r="FE17" s="327">
        <v>0</v>
      </c>
      <c r="FF17" s="327">
        <v>0</v>
      </c>
      <c r="FG17" s="327">
        <v>0</v>
      </c>
      <c r="FH17" s="327">
        <v>0</v>
      </c>
      <c r="FI17" s="327">
        <v>0</v>
      </c>
      <c r="FJ17" s="328">
        <v>0</v>
      </c>
      <c r="FK17" s="330">
        <v>0</v>
      </c>
      <c r="FL17" s="326">
        <v>96208</v>
      </c>
      <c r="FM17" s="327">
        <v>93254</v>
      </c>
      <c r="FN17" s="328">
        <v>189462</v>
      </c>
      <c r="FO17" s="326">
        <v>0</v>
      </c>
      <c r="FP17" s="327">
        <v>394173</v>
      </c>
      <c r="FQ17" s="327">
        <v>485450</v>
      </c>
      <c r="FR17" s="327">
        <v>325360</v>
      </c>
      <c r="FS17" s="327">
        <v>478065</v>
      </c>
      <c r="FT17" s="327">
        <v>302337</v>
      </c>
      <c r="FU17" s="328">
        <v>1985385</v>
      </c>
      <c r="FV17" s="330">
        <v>2174847</v>
      </c>
      <c r="FW17" s="333">
        <v>96208</v>
      </c>
      <c r="FX17" s="327">
        <v>93254</v>
      </c>
      <c r="FY17" s="331">
        <v>189462</v>
      </c>
      <c r="FZ17" s="332">
        <v>0</v>
      </c>
      <c r="GA17" s="327">
        <v>316344</v>
      </c>
      <c r="GB17" s="327">
        <v>458318</v>
      </c>
      <c r="GC17" s="327">
        <v>325360</v>
      </c>
      <c r="GD17" s="327">
        <v>478065</v>
      </c>
      <c r="GE17" s="327">
        <v>302337</v>
      </c>
      <c r="GF17" s="328">
        <v>1880424</v>
      </c>
      <c r="GG17" s="334">
        <v>2069886</v>
      </c>
      <c r="GH17" s="333">
        <v>0</v>
      </c>
      <c r="GI17" s="327">
        <v>0</v>
      </c>
      <c r="GJ17" s="331">
        <v>0</v>
      </c>
      <c r="GK17" s="332">
        <v>0</v>
      </c>
      <c r="GL17" s="327">
        <v>21829</v>
      </c>
      <c r="GM17" s="327">
        <v>27132</v>
      </c>
      <c r="GN17" s="327">
        <v>0</v>
      </c>
      <c r="GO17" s="327">
        <v>0</v>
      </c>
      <c r="GP17" s="327">
        <v>0</v>
      </c>
      <c r="GQ17" s="328">
        <v>48961</v>
      </c>
      <c r="GR17" s="330">
        <v>48961</v>
      </c>
      <c r="GS17" s="326">
        <v>0</v>
      </c>
      <c r="GT17" s="327">
        <v>0</v>
      </c>
      <c r="GU17" s="328">
        <v>0</v>
      </c>
      <c r="GV17" s="326">
        <v>0</v>
      </c>
      <c r="GW17" s="327">
        <v>56000</v>
      </c>
      <c r="GX17" s="327">
        <v>0</v>
      </c>
      <c r="GY17" s="327">
        <v>0</v>
      </c>
      <c r="GZ17" s="327">
        <v>0</v>
      </c>
      <c r="HA17" s="327">
        <v>0</v>
      </c>
      <c r="HB17" s="331">
        <v>56000</v>
      </c>
      <c r="HC17" s="330">
        <v>56000</v>
      </c>
      <c r="HD17" s="326">
        <v>250242</v>
      </c>
      <c r="HE17" s="327">
        <v>339698</v>
      </c>
      <c r="HF17" s="331">
        <v>589940</v>
      </c>
      <c r="HG17" s="332">
        <v>0</v>
      </c>
      <c r="HH17" s="327">
        <v>2640612</v>
      </c>
      <c r="HI17" s="327">
        <v>2260847</v>
      </c>
      <c r="HJ17" s="327">
        <v>1595722</v>
      </c>
      <c r="HK17" s="327">
        <v>2983308</v>
      </c>
      <c r="HL17" s="327">
        <v>2326403</v>
      </c>
      <c r="HM17" s="328">
        <v>11806892</v>
      </c>
      <c r="HN17" s="329">
        <v>12396832</v>
      </c>
      <c r="HO17" s="333">
        <v>0</v>
      </c>
      <c r="HP17" s="327">
        <v>0</v>
      </c>
      <c r="HQ17" s="328">
        <v>0</v>
      </c>
      <c r="HR17" s="326">
        <v>0</v>
      </c>
      <c r="HS17" s="327">
        <v>0</v>
      </c>
      <c r="HT17" s="327">
        <v>0</v>
      </c>
      <c r="HU17" s="327">
        <v>0</v>
      </c>
      <c r="HV17" s="327">
        <v>0</v>
      </c>
      <c r="HW17" s="327">
        <v>0</v>
      </c>
      <c r="HX17" s="331">
        <v>0</v>
      </c>
      <c r="HY17" s="330">
        <v>0</v>
      </c>
      <c r="HZ17" s="335">
        <v>0</v>
      </c>
      <c r="IA17" s="336">
        <v>135002</v>
      </c>
      <c r="IB17" s="337">
        <v>135002</v>
      </c>
      <c r="IC17" s="338">
        <v>0</v>
      </c>
      <c r="ID17" s="336">
        <v>1190154</v>
      </c>
      <c r="IE17" s="339">
        <v>2324261</v>
      </c>
      <c r="IF17" s="337">
        <v>1972368</v>
      </c>
      <c r="IG17" s="336">
        <v>1293090</v>
      </c>
      <c r="IH17" s="337">
        <v>21432</v>
      </c>
      <c r="II17" s="340">
        <v>6801305</v>
      </c>
      <c r="IJ17" s="341">
        <v>6936307</v>
      </c>
      <c r="IK17" s="342">
        <v>0</v>
      </c>
      <c r="IL17" s="343">
        <v>0</v>
      </c>
      <c r="IM17" s="344">
        <v>0</v>
      </c>
      <c r="IN17" s="404">
        <v>0</v>
      </c>
      <c r="IO17" s="345">
        <v>0</v>
      </c>
      <c r="IP17" s="345">
        <v>234678</v>
      </c>
      <c r="IQ17" s="345">
        <v>0</v>
      </c>
      <c r="IR17" s="345">
        <v>0</v>
      </c>
      <c r="IS17" s="345">
        <v>0</v>
      </c>
      <c r="IT17" s="346">
        <v>234678</v>
      </c>
      <c r="IU17" s="347">
        <v>234678</v>
      </c>
      <c r="IV17" s="348">
        <v>0</v>
      </c>
      <c r="IW17" s="345">
        <v>0</v>
      </c>
      <c r="IX17" s="349">
        <v>0</v>
      </c>
      <c r="IY17" s="404">
        <v>0</v>
      </c>
      <c r="IZ17" s="345">
        <v>0</v>
      </c>
      <c r="JA17" s="345">
        <v>0</v>
      </c>
      <c r="JB17" s="345">
        <v>0</v>
      </c>
      <c r="JC17" s="345">
        <v>14657</v>
      </c>
      <c r="JD17" s="345">
        <v>0</v>
      </c>
      <c r="JE17" s="349">
        <v>14657</v>
      </c>
      <c r="JF17" s="350">
        <v>14657</v>
      </c>
      <c r="JG17" s="348">
        <v>0</v>
      </c>
      <c r="JH17" s="345">
        <v>0</v>
      </c>
      <c r="JI17" s="346">
        <v>0</v>
      </c>
      <c r="JJ17" s="351">
        <v>0</v>
      </c>
      <c r="JK17" s="345">
        <v>920125</v>
      </c>
      <c r="JL17" s="345">
        <v>477595</v>
      </c>
      <c r="JM17" s="345">
        <v>481316</v>
      </c>
      <c r="JN17" s="345">
        <v>342655</v>
      </c>
      <c r="JO17" s="345">
        <v>21432</v>
      </c>
      <c r="JP17" s="349">
        <v>2243123</v>
      </c>
      <c r="JQ17" s="347">
        <v>2243123</v>
      </c>
      <c r="JR17" s="348">
        <v>0</v>
      </c>
      <c r="JS17" s="345">
        <v>0</v>
      </c>
      <c r="JT17" s="346">
        <v>0</v>
      </c>
      <c r="JU17" s="351">
        <v>0</v>
      </c>
      <c r="JV17" s="345">
        <v>270029</v>
      </c>
      <c r="JW17" s="345">
        <v>163809</v>
      </c>
      <c r="JX17" s="345">
        <v>0</v>
      </c>
      <c r="JY17" s="345">
        <v>0</v>
      </c>
      <c r="JZ17" s="345">
        <v>0</v>
      </c>
      <c r="KA17" s="349">
        <v>433838</v>
      </c>
      <c r="KB17" s="347">
        <v>433838</v>
      </c>
      <c r="KC17" s="352">
        <v>0</v>
      </c>
      <c r="KD17" s="353">
        <v>135002</v>
      </c>
      <c r="KE17" s="349">
        <v>135002</v>
      </c>
      <c r="KF17" s="351">
        <v>0</v>
      </c>
      <c r="KG17" s="345">
        <v>0</v>
      </c>
      <c r="KH17" s="345">
        <v>591793</v>
      </c>
      <c r="KI17" s="345">
        <v>785172</v>
      </c>
      <c r="KJ17" s="345">
        <v>469337</v>
      </c>
      <c r="KK17" s="345">
        <v>0</v>
      </c>
      <c r="KL17" s="349">
        <v>1846302</v>
      </c>
      <c r="KM17" s="354">
        <v>1981304</v>
      </c>
      <c r="KN17" s="342">
        <v>0</v>
      </c>
      <c r="KO17" s="343">
        <v>0</v>
      </c>
      <c r="KP17" s="344">
        <v>0</v>
      </c>
      <c r="KQ17" s="404">
        <v>0</v>
      </c>
      <c r="KR17" s="345">
        <v>0</v>
      </c>
      <c r="KS17" s="345">
        <v>684176</v>
      </c>
      <c r="KT17" s="345">
        <v>705880</v>
      </c>
      <c r="KU17" s="345">
        <v>240121</v>
      </c>
      <c r="KV17" s="345">
        <v>0</v>
      </c>
      <c r="KW17" s="349">
        <v>1630177</v>
      </c>
      <c r="KX17" s="347">
        <v>1630177</v>
      </c>
      <c r="KY17" s="348">
        <v>0</v>
      </c>
      <c r="KZ17" s="345">
        <v>0</v>
      </c>
      <c r="LA17" s="349">
        <v>0</v>
      </c>
      <c r="LB17" s="404">
        <v>0</v>
      </c>
      <c r="LC17" s="345">
        <v>0</v>
      </c>
      <c r="LD17" s="345">
        <v>0</v>
      </c>
      <c r="LE17" s="345">
        <v>0</v>
      </c>
      <c r="LF17" s="345">
        <v>0</v>
      </c>
      <c r="LG17" s="345">
        <v>0</v>
      </c>
      <c r="LH17" s="349">
        <v>0</v>
      </c>
      <c r="LI17" s="350">
        <v>0</v>
      </c>
      <c r="LJ17" s="348">
        <v>0</v>
      </c>
      <c r="LK17" s="345">
        <v>0</v>
      </c>
      <c r="LL17" s="349">
        <v>0</v>
      </c>
      <c r="LM17" s="404">
        <v>0</v>
      </c>
      <c r="LN17" s="345">
        <v>0</v>
      </c>
      <c r="LO17" s="345">
        <v>0</v>
      </c>
      <c r="LP17" s="345">
        <v>0</v>
      </c>
      <c r="LQ17" s="345">
        <v>0</v>
      </c>
      <c r="LR17" s="345">
        <v>0</v>
      </c>
      <c r="LS17" s="349">
        <v>0</v>
      </c>
      <c r="LT17" s="347">
        <v>0</v>
      </c>
      <c r="LU17" s="348">
        <v>0</v>
      </c>
      <c r="LV17" s="345">
        <v>0</v>
      </c>
      <c r="LW17" s="349">
        <v>0</v>
      </c>
      <c r="LX17" s="404">
        <v>0</v>
      </c>
      <c r="LY17" s="345">
        <v>0</v>
      </c>
      <c r="LZ17" s="345">
        <v>172210</v>
      </c>
      <c r="MA17" s="345">
        <v>0</v>
      </c>
      <c r="MB17" s="345">
        <v>226320</v>
      </c>
      <c r="MC17" s="345">
        <v>0</v>
      </c>
      <c r="MD17" s="349">
        <v>398530</v>
      </c>
      <c r="ME17" s="350">
        <v>398530</v>
      </c>
      <c r="MF17" s="348">
        <v>0</v>
      </c>
      <c r="MG17" s="345">
        <v>0</v>
      </c>
      <c r="MH17" s="349">
        <v>0</v>
      </c>
      <c r="MI17" s="404">
        <v>0</v>
      </c>
      <c r="MJ17" s="345">
        <v>0</v>
      </c>
      <c r="MK17" s="345">
        <v>0</v>
      </c>
      <c r="ML17" s="345">
        <v>2684794</v>
      </c>
      <c r="MM17" s="345">
        <v>1994786</v>
      </c>
      <c r="MN17" s="345">
        <v>3295913</v>
      </c>
      <c r="MO17" s="349">
        <v>7975493</v>
      </c>
      <c r="MP17" s="354">
        <v>7975493</v>
      </c>
      <c r="MQ17" s="348">
        <v>0</v>
      </c>
      <c r="MR17" s="345">
        <v>0</v>
      </c>
      <c r="MS17" s="349">
        <v>0</v>
      </c>
      <c r="MT17" s="404">
        <v>0</v>
      </c>
      <c r="MU17" s="345">
        <v>0</v>
      </c>
      <c r="MV17" s="345">
        <v>0</v>
      </c>
      <c r="MW17" s="345">
        <v>1354241</v>
      </c>
      <c r="MX17" s="345">
        <v>1183650</v>
      </c>
      <c r="MY17" s="345">
        <v>1605016</v>
      </c>
      <c r="MZ17" s="349">
        <v>4142907</v>
      </c>
      <c r="NA17" s="354">
        <v>4142907</v>
      </c>
      <c r="NB17" s="348">
        <v>0</v>
      </c>
      <c r="NC17" s="345">
        <v>0</v>
      </c>
      <c r="ND17" s="349">
        <v>0</v>
      </c>
      <c r="NE17" s="404">
        <v>0</v>
      </c>
      <c r="NF17" s="345">
        <v>0</v>
      </c>
      <c r="NG17" s="345">
        <v>0</v>
      </c>
      <c r="NH17" s="345">
        <v>1330553</v>
      </c>
      <c r="NI17" s="345">
        <v>811136</v>
      </c>
      <c r="NJ17" s="345">
        <v>1059463</v>
      </c>
      <c r="NK17" s="349">
        <v>3201152</v>
      </c>
      <c r="NL17" s="347">
        <v>3201152</v>
      </c>
      <c r="NM17" s="348">
        <v>0</v>
      </c>
      <c r="NN17" s="345">
        <v>0</v>
      </c>
      <c r="NO17" s="349">
        <v>0</v>
      </c>
      <c r="NP17" s="404">
        <v>0</v>
      </c>
      <c r="NQ17" s="345">
        <v>0</v>
      </c>
      <c r="NR17" s="345">
        <v>0</v>
      </c>
      <c r="NS17" s="345">
        <v>0</v>
      </c>
      <c r="NT17" s="345">
        <v>0</v>
      </c>
      <c r="NU17" s="345">
        <v>0</v>
      </c>
      <c r="NV17" s="349">
        <v>0</v>
      </c>
      <c r="NW17" s="350">
        <v>0</v>
      </c>
      <c r="NX17" s="348">
        <v>0</v>
      </c>
      <c r="NY17" s="345">
        <v>0</v>
      </c>
      <c r="NZ17" s="349">
        <v>0</v>
      </c>
      <c r="OA17" s="404">
        <v>0</v>
      </c>
      <c r="OB17" s="345">
        <v>0</v>
      </c>
      <c r="OC17" s="345">
        <v>0</v>
      </c>
      <c r="OD17" s="345">
        <v>0</v>
      </c>
      <c r="OE17" s="345">
        <v>0</v>
      </c>
      <c r="OF17" s="345">
        <v>631434</v>
      </c>
      <c r="OG17" s="349">
        <v>631434</v>
      </c>
      <c r="OH17" s="350">
        <v>631434</v>
      </c>
      <c r="OI17" s="348">
        <v>532992</v>
      </c>
      <c r="OJ17" s="345">
        <v>837001</v>
      </c>
      <c r="OK17" s="346">
        <v>1369993</v>
      </c>
      <c r="OL17" s="351">
        <v>0</v>
      </c>
      <c r="OM17" s="345">
        <v>7139020</v>
      </c>
      <c r="ON17" s="345">
        <v>7698612</v>
      </c>
      <c r="OO17" s="345">
        <v>8503286</v>
      </c>
      <c r="OP17" s="345">
        <v>9790922</v>
      </c>
      <c r="OQ17" s="345">
        <v>8566417</v>
      </c>
      <c r="OR17" s="349">
        <v>41698257</v>
      </c>
      <c r="OS17" s="354">
        <v>43068250</v>
      </c>
    </row>
    <row r="18" spans="2:409" s="70" customFormat="1" ht="21" customHeight="1" x14ac:dyDescent="0.2">
      <c r="B18" s="106" t="s">
        <v>12</v>
      </c>
      <c r="C18" s="326">
        <v>1250306</v>
      </c>
      <c r="D18" s="327">
        <v>1913877</v>
      </c>
      <c r="E18" s="328">
        <v>3164183</v>
      </c>
      <c r="F18" s="329">
        <v>0</v>
      </c>
      <c r="G18" s="327">
        <v>6383989</v>
      </c>
      <c r="H18" s="366">
        <v>9242135</v>
      </c>
      <c r="I18" s="366">
        <v>7592563</v>
      </c>
      <c r="J18" s="366">
        <v>7407666</v>
      </c>
      <c r="K18" s="366">
        <v>5310416</v>
      </c>
      <c r="L18" s="331">
        <v>35936769</v>
      </c>
      <c r="M18" s="330">
        <v>39100952</v>
      </c>
      <c r="N18" s="326">
        <v>401751</v>
      </c>
      <c r="O18" s="327">
        <v>573971</v>
      </c>
      <c r="P18" s="328">
        <v>975722</v>
      </c>
      <c r="Q18" s="326">
        <v>0</v>
      </c>
      <c r="R18" s="327">
        <v>1959552</v>
      </c>
      <c r="S18" s="327">
        <v>2936950</v>
      </c>
      <c r="T18" s="327">
        <v>2744425</v>
      </c>
      <c r="U18" s="327">
        <v>2863606</v>
      </c>
      <c r="V18" s="327">
        <v>1818698</v>
      </c>
      <c r="W18" s="328">
        <v>12323231</v>
      </c>
      <c r="X18" s="330">
        <v>13298953</v>
      </c>
      <c r="Y18" s="326">
        <v>0</v>
      </c>
      <c r="Z18" s="327">
        <v>0</v>
      </c>
      <c r="AA18" s="328">
        <v>0</v>
      </c>
      <c r="AB18" s="326">
        <v>0</v>
      </c>
      <c r="AC18" s="327">
        <v>1105563</v>
      </c>
      <c r="AD18" s="327">
        <v>1159111</v>
      </c>
      <c r="AE18" s="327">
        <v>1862095</v>
      </c>
      <c r="AF18" s="327">
        <v>1377646</v>
      </c>
      <c r="AG18" s="327">
        <v>895666</v>
      </c>
      <c r="AH18" s="328">
        <v>6400081</v>
      </c>
      <c r="AI18" s="330">
        <v>6400081</v>
      </c>
      <c r="AJ18" s="326">
        <v>0</v>
      </c>
      <c r="AK18" s="327">
        <v>0</v>
      </c>
      <c r="AL18" s="328">
        <v>0</v>
      </c>
      <c r="AM18" s="326">
        <v>0</v>
      </c>
      <c r="AN18" s="327">
        <v>0</v>
      </c>
      <c r="AO18" s="327">
        <v>51867</v>
      </c>
      <c r="AP18" s="327">
        <v>0</v>
      </c>
      <c r="AQ18" s="327">
        <v>155603</v>
      </c>
      <c r="AR18" s="327">
        <v>155601</v>
      </c>
      <c r="AS18" s="328">
        <v>363071</v>
      </c>
      <c r="AT18" s="330">
        <v>363071</v>
      </c>
      <c r="AU18" s="326">
        <v>265807</v>
      </c>
      <c r="AV18" s="327">
        <v>437345</v>
      </c>
      <c r="AW18" s="328">
        <v>703152</v>
      </c>
      <c r="AX18" s="326">
        <v>0</v>
      </c>
      <c r="AY18" s="327">
        <v>555198</v>
      </c>
      <c r="AZ18" s="327">
        <v>1283891</v>
      </c>
      <c r="BA18" s="327">
        <v>497512</v>
      </c>
      <c r="BB18" s="327">
        <v>819100</v>
      </c>
      <c r="BC18" s="327">
        <v>504205</v>
      </c>
      <c r="BD18" s="328">
        <v>3659906</v>
      </c>
      <c r="BE18" s="330">
        <v>4363058</v>
      </c>
      <c r="BF18" s="326">
        <v>60379</v>
      </c>
      <c r="BG18" s="327">
        <v>34146</v>
      </c>
      <c r="BH18" s="331">
        <v>94525</v>
      </c>
      <c r="BI18" s="332">
        <v>0</v>
      </c>
      <c r="BJ18" s="327">
        <v>47624</v>
      </c>
      <c r="BK18" s="327">
        <v>21696</v>
      </c>
      <c r="BL18" s="327">
        <v>13174</v>
      </c>
      <c r="BM18" s="327">
        <v>112537</v>
      </c>
      <c r="BN18" s="327">
        <v>38106</v>
      </c>
      <c r="BO18" s="328">
        <v>233137</v>
      </c>
      <c r="BP18" s="330">
        <v>327662</v>
      </c>
      <c r="BQ18" s="326">
        <v>75565</v>
      </c>
      <c r="BR18" s="327">
        <v>102480</v>
      </c>
      <c r="BS18" s="328">
        <v>178045</v>
      </c>
      <c r="BT18" s="326">
        <v>0</v>
      </c>
      <c r="BU18" s="327">
        <v>251167</v>
      </c>
      <c r="BV18" s="327">
        <v>420385</v>
      </c>
      <c r="BW18" s="327">
        <v>371644</v>
      </c>
      <c r="BX18" s="327">
        <v>398720</v>
      </c>
      <c r="BY18" s="327">
        <v>225120</v>
      </c>
      <c r="BZ18" s="328">
        <v>1667036</v>
      </c>
      <c r="CA18" s="330">
        <v>1845081</v>
      </c>
      <c r="CB18" s="326">
        <v>135826</v>
      </c>
      <c r="CC18" s="327">
        <v>379580</v>
      </c>
      <c r="CD18" s="328">
        <v>515406</v>
      </c>
      <c r="CE18" s="326">
        <v>0</v>
      </c>
      <c r="CF18" s="327">
        <v>2322246</v>
      </c>
      <c r="CG18" s="327">
        <v>2117442</v>
      </c>
      <c r="CH18" s="327">
        <v>1657140</v>
      </c>
      <c r="CI18" s="327">
        <v>799331</v>
      </c>
      <c r="CJ18" s="327">
        <v>430464</v>
      </c>
      <c r="CK18" s="328">
        <v>7326623</v>
      </c>
      <c r="CL18" s="330">
        <v>7842029</v>
      </c>
      <c r="CM18" s="326">
        <v>0</v>
      </c>
      <c r="CN18" s="327">
        <v>0</v>
      </c>
      <c r="CO18" s="328">
        <v>0</v>
      </c>
      <c r="CP18" s="332">
        <v>0</v>
      </c>
      <c r="CQ18" s="327">
        <v>1748143</v>
      </c>
      <c r="CR18" s="327">
        <v>1590227</v>
      </c>
      <c r="CS18" s="327">
        <v>1284643</v>
      </c>
      <c r="CT18" s="327">
        <v>697234</v>
      </c>
      <c r="CU18" s="327">
        <v>409130</v>
      </c>
      <c r="CV18" s="328">
        <v>5729377</v>
      </c>
      <c r="CW18" s="330">
        <v>5729377</v>
      </c>
      <c r="CX18" s="326">
        <v>135826</v>
      </c>
      <c r="CY18" s="327">
        <v>379580</v>
      </c>
      <c r="CZ18" s="328">
        <v>515406</v>
      </c>
      <c r="DA18" s="326">
        <v>0</v>
      </c>
      <c r="DB18" s="327">
        <v>574103</v>
      </c>
      <c r="DC18" s="327">
        <v>527215</v>
      </c>
      <c r="DD18" s="327">
        <v>372497</v>
      </c>
      <c r="DE18" s="327">
        <v>102097</v>
      </c>
      <c r="DF18" s="327">
        <v>21334</v>
      </c>
      <c r="DG18" s="328">
        <v>1597246</v>
      </c>
      <c r="DH18" s="330">
        <v>2112652</v>
      </c>
      <c r="DI18" s="326">
        <v>0</v>
      </c>
      <c r="DJ18" s="327">
        <v>0</v>
      </c>
      <c r="DK18" s="331">
        <v>0</v>
      </c>
      <c r="DL18" s="332">
        <v>0</v>
      </c>
      <c r="DM18" s="327">
        <v>476347</v>
      </c>
      <c r="DN18" s="327">
        <v>262637</v>
      </c>
      <c r="DO18" s="327">
        <v>515771</v>
      </c>
      <c r="DP18" s="327">
        <v>718141</v>
      </c>
      <c r="DQ18" s="327">
        <v>249599</v>
      </c>
      <c r="DR18" s="328">
        <v>2222495</v>
      </c>
      <c r="DS18" s="330">
        <v>2222495</v>
      </c>
      <c r="DT18" s="326">
        <v>0</v>
      </c>
      <c r="DU18" s="327">
        <v>0</v>
      </c>
      <c r="DV18" s="328">
        <v>0</v>
      </c>
      <c r="DW18" s="326">
        <v>0</v>
      </c>
      <c r="DX18" s="327">
        <v>476347</v>
      </c>
      <c r="DY18" s="327">
        <v>262637</v>
      </c>
      <c r="DZ18" s="327">
        <v>515771</v>
      </c>
      <c r="EA18" s="327">
        <v>718141</v>
      </c>
      <c r="EB18" s="327">
        <v>93739</v>
      </c>
      <c r="EC18" s="328">
        <v>2066635</v>
      </c>
      <c r="ED18" s="330">
        <v>2066635</v>
      </c>
      <c r="EE18" s="326">
        <v>0</v>
      </c>
      <c r="EF18" s="331">
        <v>0</v>
      </c>
      <c r="EG18" s="328">
        <v>0</v>
      </c>
      <c r="EH18" s="326">
        <v>0</v>
      </c>
      <c r="EI18" s="327">
        <v>0</v>
      </c>
      <c r="EJ18" s="327">
        <v>0</v>
      </c>
      <c r="EK18" s="327">
        <v>0</v>
      </c>
      <c r="EL18" s="327">
        <v>0</v>
      </c>
      <c r="EM18" s="327">
        <v>155860</v>
      </c>
      <c r="EN18" s="331">
        <v>155860</v>
      </c>
      <c r="EO18" s="330">
        <v>155860</v>
      </c>
      <c r="EP18" s="326">
        <v>0</v>
      </c>
      <c r="EQ18" s="327">
        <v>0</v>
      </c>
      <c r="ER18" s="331">
        <v>0</v>
      </c>
      <c r="ES18" s="332">
        <v>0</v>
      </c>
      <c r="ET18" s="327">
        <v>0</v>
      </c>
      <c r="EU18" s="327">
        <v>0</v>
      </c>
      <c r="EV18" s="327">
        <v>0</v>
      </c>
      <c r="EW18" s="327">
        <v>0</v>
      </c>
      <c r="EX18" s="327">
        <v>0</v>
      </c>
      <c r="EY18" s="328">
        <v>0</v>
      </c>
      <c r="EZ18" s="330">
        <v>0</v>
      </c>
      <c r="FA18" s="326">
        <v>0</v>
      </c>
      <c r="FB18" s="327">
        <v>0</v>
      </c>
      <c r="FC18" s="331">
        <v>0</v>
      </c>
      <c r="FD18" s="404">
        <v>0</v>
      </c>
      <c r="FE18" s="327">
        <v>0</v>
      </c>
      <c r="FF18" s="327">
        <v>0</v>
      </c>
      <c r="FG18" s="327">
        <v>0</v>
      </c>
      <c r="FH18" s="327">
        <v>0</v>
      </c>
      <c r="FI18" s="327">
        <v>0</v>
      </c>
      <c r="FJ18" s="328">
        <v>0</v>
      </c>
      <c r="FK18" s="330">
        <v>0</v>
      </c>
      <c r="FL18" s="326">
        <v>361137</v>
      </c>
      <c r="FM18" s="327">
        <v>448520</v>
      </c>
      <c r="FN18" s="328">
        <v>809657</v>
      </c>
      <c r="FO18" s="326">
        <v>0</v>
      </c>
      <c r="FP18" s="327">
        <v>319263</v>
      </c>
      <c r="FQ18" s="327">
        <v>1036273</v>
      </c>
      <c r="FR18" s="327">
        <v>540127</v>
      </c>
      <c r="FS18" s="327">
        <v>748643</v>
      </c>
      <c r="FT18" s="327">
        <v>420973</v>
      </c>
      <c r="FU18" s="328">
        <v>3065279</v>
      </c>
      <c r="FV18" s="330">
        <v>3874936</v>
      </c>
      <c r="FW18" s="333">
        <v>139657</v>
      </c>
      <c r="FX18" s="327">
        <v>318381</v>
      </c>
      <c r="FY18" s="331">
        <v>458038</v>
      </c>
      <c r="FZ18" s="332">
        <v>0</v>
      </c>
      <c r="GA18" s="327">
        <v>291543</v>
      </c>
      <c r="GB18" s="327">
        <v>892423</v>
      </c>
      <c r="GC18" s="327">
        <v>525427</v>
      </c>
      <c r="GD18" s="327">
        <v>716023</v>
      </c>
      <c r="GE18" s="327">
        <v>396963</v>
      </c>
      <c r="GF18" s="328">
        <v>2822379</v>
      </c>
      <c r="GG18" s="334">
        <v>3280417</v>
      </c>
      <c r="GH18" s="333">
        <v>70000</v>
      </c>
      <c r="GI18" s="327">
        <v>47539</v>
      </c>
      <c r="GJ18" s="331">
        <v>117539</v>
      </c>
      <c r="GK18" s="332">
        <v>0</v>
      </c>
      <c r="GL18" s="327">
        <v>27720</v>
      </c>
      <c r="GM18" s="327">
        <v>21560</v>
      </c>
      <c r="GN18" s="327">
        <v>0</v>
      </c>
      <c r="GO18" s="327">
        <v>0</v>
      </c>
      <c r="GP18" s="327">
        <v>24010</v>
      </c>
      <c r="GQ18" s="328">
        <v>73290</v>
      </c>
      <c r="GR18" s="330">
        <v>190829</v>
      </c>
      <c r="GS18" s="326">
        <v>151480</v>
      </c>
      <c r="GT18" s="327">
        <v>82600</v>
      </c>
      <c r="GU18" s="328">
        <v>234080</v>
      </c>
      <c r="GV18" s="326">
        <v>0</v>
      </c>
      <c r="GW18" s="327">
        <v>0</v>
      </c>
      <c r="GX18" s="327">
        <v>122290</v>
      </c>
      <c r="GY18" s="327">
        <v>14700</v>
      </c>
      <c r="GZ18" s="327">
        <v>32620</v>
      </c>
      <c r="HA18" s="327">
        <v>0</v>
      </c>
      <c r="HB18" s="331">
        <v>169610</v>
      </c>
      <c r="HC18" s="330">
        <v>403690</v>
      </c>
      <c r="HD18" s="326">
        <v>351592</v>
      </c>
      <c r="HE18" s="327">
        <v>511806</v>
      </c>
      <c r="HF18" s="331">
        <v>863398</v>
      </c>
      <c r="HG18" s="332">
        <v>0</v>
      </c>
      <c r="HH18" s="327">
        <v>1306581</v>
      </c>
      <c r="HI18" s="327">
        <v>2888833</v>
      </c>
      <c r="HJ18" s="327">
        <v>2135100</v>
      </c>
      <c r="HK18" s="327">
        <v>2277945</v>
      </c>
      <c r="HL18" s="327">
        <v>2390682</v>
      </c>
      <c r="HM18" s="328">
        <v>10999141</v>
      </c>
      <c r="HN18" s="329">
        <v>11862539</v>
      </c>
      <c r="HO18" s="333">
        <v>0</v>
      </c>
      <c r="HP18" s="327">
        <v>0</v>
      </c>
      <c r="HQ18" s="328">
        <v>0</v>
      </c>
      <c r="HR18" s="326">
        <v>0</v>
      </c>
      <c r="HS18" s="327">
        <v>0</v>
      </c>
      <c r="HT18" s="327">
        <v>0</v>
      </c>
      <c r="HU18" s="327">
        <v>0</v>
      </c>
      <c r="HV18" s="327">
        <v>0</v>
      </c>
      <c r="HW18" s="327">
        <v>0</v>
      </c>
      <c r="HX18" s="331">
        <v>0</v>
      </c>
      <c r="HY18" s="330">
        <v>0</v>
      </c>
      <c r="HZ18" s="358">
        <v>0</v>
      </c>
      <c r="IA18" s="356">
        <v>0</v>
      </c>
      <c r="IB18" s="358">
        <v>0</v>
      </c>
      <c r="IC18" s="355">
        <v>0</v>
      </c>
      <c r="ID18" s="356">
        <v>709444</v>
      </c>
      <c r="IE18" s="357">
        <v>1402775</v>
      </c>
      <c r="IF18" s="358">
        <v>1748189</v>
      </c>
      <c r="IG18" s="356">
        <v>1932506</v>
      </c>
      <c r="IH18" s="358">
        <v>1214243</v>
      </c>
      <c r="II18" s="359">
        <v>7007157</v>
      </c>
      <c r="IJ18" s="358">
        <v>7007157</v>
      </c>
      <c r="IK18" s="342">
        <v>0</v>
      </c>
      <c r="IL18" s="343">
        <v>0</v>
      </c>
      <c r="IM18" s="344">
        <v>0</v>
      </c>
      <c r="IN18" s="404">
        <v>0</v>
      </c>
      <c r="IO18" s="345">
        <v>0</v>
      </c>
      <c r="IP18" s="345">
        <v>0</v>
      </c>
      <c r="IQ18" s="345">
        <v>0</v>
      </c>
      <c r="IR18" s="345">
        <v>0</v>
      </c>
      <c r="IS18" s="345">
        <v>0</v>
      </c>
      <c r="IT18" s="346">
        <v>0</v>
      </c>
      <c r="IU18" s="347">
        <v>0</v>
      </c>
      <c r="IV18" s="348">
        <v>0</v>
      </c>
      <c r="IW18" s="345">
        <v>0</v>
      </c>
      <c r="IX18" s="349">
        <v>0</v>
      </c>
      <c r="IY18" s="404">
        <v>0</v>
      </c>
      <c r="IZ18" s="345">
        <v>0</v>
      </c>
      <c r="JA18" s="345">
        <v>0</v>
      </c>
      <c r="JB18" s="345">
        <v>0</v>
      </c>
      <c r="JC18" s="345">
        <v>0</v>
      </c>
      <c r="JD18" s="345">
        <v>0</v>
      </c>
      <c r="JE18" s="349">
        <v>0</v>
      </c>
      <c r="JF18" s="350">
        <v>0</v>
      </c>
      <c r="JG18" s="348">
        <v>0</v>
      </c>
      <c r="JH18" s="345">
        <v>0</v>
      </c>
      <c r="JI18" s="346">
        <v>0</v>
      </c>
      <c r="JJ18" s="351">
        <v>0</v>
      </c>
      <c r="JK18" s="345">
        <v>496864</v>
      </c>
      <c r="JL18" s="345">
        <v>385273</v>
      </c>
      <c r="JM18" s="345">
        <v>184671</v>
      </c>
      <c r="JN18" s="345">
        <v>319795</v>
      </c>
      <c r="JO18" s="345">
        <v>297549</v>
      </c>
      <c r="JP18" s="349">
        <v>1684152</v>
      </c>
      <c r="JQ18" s="347">
        <v>1684152</v>
      </c>
      <c r="JR18" s="348">
        <v>0</v>
      </c>
      <c r="JS18" s="345">
        <v>0</v>
      </c>
      <c r="JT18" s="346">
        <v>0</v>
      </c>
      <c r="JU18" s="351">
        <v>0</v>
      </c>
      <c r="JV18" s="345">
        <v>0</v>
      </c>
      <c r="JW18" s="345">
        <v>0</v>
      </c>
      <c r="JX18" s="345">
        <v>0</v>
      </c>
      <c r="JY18" s="345">
        <v>0</v>
      </c>
      <c r="JZ18" s="345">
        <v>0</v>
      </c>
      <c r="KA18" s="349">
        <v>0</v>
      </c>
      <c r="KB18" s="347">
        <v>0</v>
      </c>
      <c r="KC18" s="352">
        <v>0</v>
      </c>
      <c r="KD18" s="353">
        <v>0</v>
      </c>
      <c r="KE18" s="349">
        <v>0</v>
      </c>
      <c r="KF18" s="351">
        <v>0</v>
      </c>
      <c r="KG18" s="345">
        <v>0</v>
      </c>
      <c r="KH18" s="345">
        <v>160881</v>
      </c>
      <c r="KI18" s="345">
        <v>0</v>
      </c>
      <c r="KJ18" s="345">
        <v>464545</v>
      </c>
      <c r="KK18" s="345">
        <v>440204</v>
      </c>
      <c r="KL18" s="349">
        <v>1065630</v>
      </c>
      <c r="KM18" s="354">
        <v>1065630</v>
      </c>
      <c r="KN18" s="342">
        <v>0</v>
      </c>
      <c r="KO18" s="343">
        <v>0</v>
      </c>
      <c r="KP18" s="344">
        <v>0</v>
      </c>
      <c r="KQ18" s="404">
        <v>0</v>
      </c>
      <c r="KR18" s="345">
        <v>212580</v>
      </c>
      <c r="KS18" s="345">
        <v>676789</v>
      </c>
      <c r="KT18" s="345">
        <v>503350</v>
      </c>
      <c r="KU18" s="345">
        <v>461056</v>
      </c>
      <c r="KV18" s="345">
        <v>476490</v>
      </c>
      <c r="KW18" s="349">
        <v>2330265</v>
      </c>
      <c r="KX18" s="347">
        <v>2330265</v>
      </c>
      <c r="KY18" s="348">
        <v>0</v>
      </c>
      <c r="KZ18" s="345">
        <v>0</v>
      </c>
      <c r="LA18" s="349">
        <v>0</v>
      </c>
      <c r="LB18" s="404">
        <v>0</v>
      </c>
      <c r="LC18" s="345">
        <v>0</v>
      </c>
      <c r="LD18" s="345">
        <v>0</v>
      </c>
      <c r="LE18" s="345">
        <v>186100</v>
      </c>
      <c r="LF18" s="345">
        <v>405454</v>
      </c>
      <c r="LG18" s="345">
        <v>0</v>
      </c>
      <c r="LH18" s="349">
        <v>591554</v>
      </c>
      <c r="LI18" s="350">
        <v>591554</v>
      </c>
      <c r="LJ18" s="348">
        <v>0</v>
      </c>
      <c r="LK18" s="345">
        <v>0</v>
      </c>
      <c r="LL18" s="349">
        <v>0</v>
      </c>
      <c r="LM18" s="404">
        <v>0</v>
      </c>
      <c r="LN18" s="345">
        <v>0</v>
      </c>
      <c r="LO18" s="345">
        <v>0</v>
      </c>
      <c r="LP18" s="345">
        <v>485450</v>
      </c>
      <c r="LQ18" s="345">
        <v>0</v>
      </c>
      <c r="LR18" s="345">
        <v>0</v>
      </c>
      <c r="LS18" s="349">
        <v>485450</v>
      </c>
      <c r="LT18" s="347">
        <v>485450</v>
      </c>
      <c r="LU18" s="348">
        <v>0</v>
      </c>
      <c r="LV18" s="345">
        <v>0</v>
      </c>
      <c r="LW18" s="349">
        <v>0</v>
      </c>
      <c r="LX18" s="404">
        <v>0</v>
      </c>
      <c r="LY18" s="345">
        <v>0</v>
      </c>
      <c r="LZ18" s="345">
        <v>179832</v>
      </c>
      <c r="MA18" s="345">
        <v>388618</v>
      </c>
      <c r="MB18" s="345">
        <v>281656</v>
      </c>
      <c r="MC18" s="345">
        <v>0</v>
      </c>
      <c r="MD18" s="349">
        <v>850106</v>
      </c>
      <c r="ME18" s="350">
        <v>850106</v>
      </c>
      <c r="MF18" s="348">
        <v>0</v>
      </c>
      <c r="MG18" s="345">
        <v>0</v>
      </c>
      <c r="MH18" s="349">
        <v>0</v>
      </c>
      <c r="MI18" s="404">
        <v>0</v>
      </c>
      <c r="MJ18" s="345">
        <v>208513</v>
      </c>
      <c r="MK18" s="345">
        <v>873866</v>
      </c>
      <c r="ML18" s="345">
        <v>2835235</v>
      </c>
      <c r="MM18" s="345">
        <v>7773919</v>
      </c>
      <c r="MN18" s="345">
        <v>1220546</v>
      </c>
      <c r="MO18" s="349">
        <v>12912079</v>
      </c>
      <c r="MP18" s="354">
        <v>12912079</v>
      </c>
      <c r="MQ18" s="348">
        <v>0</v>
      </c>
      <c r="MR18" s="345">
        <v>0</v>
      </c>
      <c r="MS18" s="349">
        <v>0</v>
      </c>
      <c r="MT18" s="404">
        <v>0</v>
      </c>
      <c r="MU18" s="345">
        <v>0</v>
      </c>
      <c r="MV18" s="345">
        <v>0</v>
      </c>
      <c r="MW18" s="345">
        <v>663389</v>
      </c>
      <c r="MX18" s="345">
        <v>3978363</v>
      </c>
      <c r="MY18" s="345">
        <v>684145</v>
      </c>
      <c r="MZ18" s="349">
        <v>5325897</v>
      </c>
      <c r="NA18" s="354">
        <v>5325897</v>
      </c>
      <c r="NB18" s="348">
        <v>0</v>
      </c>
      <c r="NC18" s="345">
        <v>0</v>
      </c>
      <c r="ND18" s="349">
        <v>0</v>
      </c>
      <c r="NE18" s="404">
        <v>0</v>
      </c>
      <c r="NF18" s="345">
        <v>208513</v>
      </c>
      <c r="NG18" s="345">
        <v>873866</v>
      </c>
      <c r="NH18" s="345">
        <v>2171846</v>
      </c>
      <c r="NI18" s="345">
        <v>3178496</v>
      </c>
      <c r="NJ18" s="345">
        <v>536401</v>
      </c>
      <c r="NK18" s="349">
        <v>6969122</v>
      </c>
      <c r="NL18" s="347">
        <v>6969122</v>
      </c>
      <c r="NM18" s="348">
        <v>0</v>
      </c>
      <c r="NN18" s="345">
        <v>0</v>
      </c>
      <c r="NO18" s="349">
        <v>0</v>
      </c>
      <c r="NP18" s="404">
        <v>0</v>
      </c>
      <c r="NQ18" s="345">
        <v>0</v>
      </c>
      <c r="NR18" s="345">
        <v>0</v>
      </c>
      <c r="NS18" s="345">
        <v>0</v>
      </c>
      <c r="NT18" s="345">
        <v>0</v>
      </c>
      <c r="NU18" s="345">
        <v>0</v>
      </c>
      <c r="NV18" s="349">
        <v>0</v>
      </c>
      <c r="NW18" s="350">
        <v>0</v>
      </c>
      <c r="NX18" s="348">
        <v>0</v>
      </c>
      <c r="NY18" s="345">
        <v>0</v>
      </c>
      <c r="NZ18" s="349">
        <v>0</v>
      </c>
      <c r="OA18" s="404">
        <v>0</v>
      </c>
      <c r="OB18" s="345">
        <v>0</v>
      </c>
      <c r="OC18" s="345">
        <v>0</v>
      </c>
      <c r="OD18" s="345">
        <v>0</v>
      </c>
      <c r="OE18" s="345">
        <v>617060</v>
      </c>
      <c r="OF18" s="345">
        <v>0</v>
      </c>
      <c r="OG18" s="349">
        <v>617060</v>
      </c>
      <c r="OH18" s="350">
        <v>617060</v>
      </c>
      <c r="OI18" s="348">
        <v>1250306</v>
      </c>
      <c r="OJ18" s="345">
        <v>1913877</v>
      </c>
      <c r="OK18" s="346">
        <v>3164183</v>
      </c>
      <c r="OL18" s="351">
        <v>0</v>
      </c>
      <c r="OM18" s="345">
        <v>7301946</v>
      </c>
      <c r="ON18" s="345">
        <v>11518776</v>
      </c>
      <c r="OO18" s="345">
        <v>12175987</v>
      </c>
      <c r="OP18" s="345">
        <v>17114091</v>
      </c>
      <c r="OQ18" s="345">
        <v>7745205</v>
      </c>
      <c r="OR18" s="349">
        <v>55856005</v>
      </c>
      <c r="OS18" s="354">
        <v>59020188</v>
      </c>
    </row>
    <row r="19" spans="2:409" s="70" customFormat="1" ht="21" customHeight="1" x14ac:dyDescent="0.2">
      <c r="B19" s="106" t="s">
        <v>13</v>
      </c>
      <c r="C19" s="326">
        <v>312166</v>
      </c>
      <c r="D19" s="327">
        <v>661902</v>
      </c>
      <c r="E19" s="328">
        <v>974068</v>
      </c>
      <c r="F19" s="326">
        <v>0</v>
      </c>
      <c r="G19" s="366">
        <v>3440690</v>
      </c>
      <c r="H19" s="327">
        <v>5560619</v>
      </c>
      <c r="I19" s="327">
        <v>3874720</v>
      </c>
      <c r="J19" s="327">
        <v>4150699</v>
      </c>
      <c r="K19" s="327">
        <v>4530343</v>
      </c>
      <c r="L19" s="331">
        <v>21557071</v>
      </c>
      <c r="M19" s="330">
        <v>22531139</v>
      </c>
      <c r="N19" s="326">
        <v>86515</v>
      </c>
      <c r="O19" s="327">
        <v>176798</v>
      </c>
      <c r="P19" s="328">
        <v>263313</v>
      </c>
      <c r="Q19" s="326">
        <v>0</v>
      </c>
      <c r="R19" s="327">
        <v>1062430</v>
      </c>
      <c r="S19" s="327">
        <v>2550793</v>
      </c>
      <c r="T19" s="327">
        <v>1452276</v>
      </c>
      <c r="U19" s="327">
        <v>2146374</v>
      </c>
      <c r="V19" s="327">
        <v>3485251</v>
      </c>
      <c r="W19" s="328">
        <v>10697124</v>
      </c>
      <c r="X19" s="330">
        <v>10960437</v>
      </c>
      <c r="Y19" s="326">
        <v>0</v>
      </c>
      <c r="Z19" s="327">
        <v>0</v>
      </c>
      <c r="AA19" s="328">
        <v>0</v>
      </c>
      <c r="AB19" s="326">
        <v>0</v>
      </c>
      <c r="AC19" s="327">
        <v>443505</v>
      </c>
      <c r="AD19" s="327">
        <v>1068377</v>
      </c>
      <c r="AE19" s="327">
        <v>761847</v>
      </c>
      <c r="AF19" s="327">
        <v>1649978</v>
      </c>
      <c r="AG19" s="327">
        <v>2153575</v>
      </c>
      <c r="AH19" s="328">
        <v>6077282</v>
      </c>
      <c r="AI19" s="330">
        <v>6077282</v>
      </c>
      <c r="AJ19" s="326">
        <v>0</v>
      </c>
      <c r="AK19" s="327">
        <v>0</v>
      </c>
      <c r="AL19" s="328">
        <v>0</v>
      </c>
      <c r="AM19" s="326">
        <v>0</v>
      </c>
      <c r="AN19" s="327">
        <v>0</v>
      </c>
      <c r="AO19" s="327">
        <v>42037</v>
      </c>
      <c r="AP19" s="327">
        <v>0</v>
      </c>
      <c r="AQ19" s="327">
        <v>85159</v>
      </c>
      <c r="AR19" s="327">
        <v>424913</v>
      </c>
      <c r="AS19" s="328">
        <v>552109</v>
      </c>
      <c r="AT19" s="330">
        <v>552109</v>
      </c>
      <c r="AU19" s="326">
        <v>30193</v>
      </c>
      <c r="AV19" s="327">
        <v>106000</v>
      </c>
      <c r="AW19" s="328">
        <v>136193</v>
      </c>
      <c r="AX19" s="326">
        <v>0</v>
      </c>
      <c r="AY19" s="327">
        <v>353586</v>
      </c>
      <c r="AZ19" s="327">
        <v>1058939</v>
      </c>
      <c r="BA19" s="327">
        <v>497236</v>
      </c>
      <c r="BB19" s="327">
        <v>252421</v>
      </c>
      <c r="BC19" s="327">
        <v>613595</v>
      </c>
      <c r="BD19" s="328">
        <v>2775777</v>
      </c>
      <c r="BE19" s="330">
        <v>2911970</v>
      </c>
      <c r="BF19" s="326">
        <v>0</v>
      </c>
      <c r="BG19" s="327">
        <v>0</v>
      </c>
      <c r="BH19" s="331">
        <v>0</v>
      </c>
      <c r="BI19" s="332">
        <v>0</v>
      </c>
      <c r="BJ19" s="327">
        <v>14347</v>
      </c>
      <c r="BK19" s="327">
        <v>49710</v>
      </c>
      <c r="BL19" s="327">
        <v>0</v>
      </c>
      <c r="BM19" s="327">
        <v>0</v>
      </c>
      <c r="BN19" s="327">
        <v>92674</v>
      </c>
      <c r="BO19" s="328">
        <v>156731</v>
      </c>
      <c r="BP19" s="330">
        <v>156731</v>
      </c>
      <c r="BQ19" s="326">
        <v>56322</v>
      </c>
      <c r="BR19" s="327">
        <v>70798</v>
      </c>
      <c r="BS19" s="328">
        <v>127120</v>
      </c>
      <c r="BT19" s="326">
        <v>0</v>
      </c>
      <c r="BU19" s="327">
        <v>250992</v>
      </c>
      <c r="BV19" s="327">
        <v>331730</v>
      </c>
      <c r="BW19" s="327">
        <v>193193</v>
      </c>
      <c r="BX19" s="327">
        <v>158816</v>
      </c>
      <c r="BY19" s="327">
        <v>200494</v>
      </c>
      <c r="BZ19" s="328">
        <v>1135225</v>
      </c>
      <c r="CA19" s="330">
        <v>1262345</v>
      </c>
      <c r="CB19" s="326">
        <v>19094</v>
      </c>
      <c r="CC19" s="327">
        <v>0</v>
      </c>
      <c r="CD19" s="328">
        <v>19094</v>
      </c>
      <c r="CE19" s="326">
        <v>0</v>
      </c>
      <c r="CF19" s="327">
        <v>558806</v>
      </c>
      <c r="CG19" s="327">
        <v>1015619</v>
      </c>
      <c r="CH19" s="327">
        <v>743273</v>
      </c>
      <c r="CI19" s="327">
        <v>481321</v>
      </c>
      <c r="CJ19" s="327">
        <v>268990</v>
      </c>
      <c r="CK19" s="328">
        <v>3068009</v>
      </c>
      <c r="CL19" s="330">
        <v>3087103</v>
      </c>
      <c r="CM19" s="326">
        <v>0</v>
      </c>
      <c r="CN19" s="327">
        <v>0</v>
      </c>
      <c r="CO19" s="328">
        <v>0</v>
      </c>
      <c r="CP19" s="332">
        <v>0</v>
      </c>
      <c r="CQ19" s="327">
        <v>507633</v>
      </c>
      <c r="CR19" s="327">
        <v>814127</v>
      </c>
      <c r="CS19" s="327">
        <v>604122</v>
      </c>
      <c r="CT19" s="327">
        <v>168669</v>
      </c>
      <c r="CU19" s="327">
        <v>258578</v>
      </c>
      <c r="CV19" s="328">
        <v>2353129</v>
      </c>
      <c r="CW19" s="330">
        <v>2353129</v>
      </c>
      <c r="CX19" s="326">
        <v>19094</v>
      </c>
      <c r="CY19" s="327">
        <v>0</v>
      </c>
      <c r="CZ19" s="328">
        <v>19094</v>
      </c>
      <c r="DA19" s="326">
        <v>0</v>
      </c>
      <c r="DB19" s="327">
        <v>51173</v>
      </c>
      <c r="DC19" s="327">
        <v>201492</v>
      </c>
      <c r="DD19" s="327">
        <v>139151</v>
      </c>
      <c r="DE19" s="327">
        <v>312652</v>
      </c>
      <c r="DF19" s="327">
        <v>10412</v>
      </c>
      <c r="DG19" s="328">
        <v>714880</v>
      </c>
      <c r="DH19" s="330">
        <v>733974</v>
      </c>
      <c r="DI19" s="326">
        <v>0</v>
      </c>
      <c r="DJ19" s="327">
        <v>0</v>
      </c>
      <c r="DK19" s="331">
        <v>0</v>
      </c>
      <c r="DL19" s="332">
        <v>0</v>
      </c>
      <c r="DM19" s="327">
        <v>13953</v>
      </c>
      <c r="DN19" s="327">
        <v>150838</v>
      </c>
      <c r="DO19" s="327">
        <v>316188</v>
      </c>
      <c r="DP19" s="327">
        <v>86263</v>
      </c>
      <c r="DQ19" s="327">
        <v>0</v>
      </c>
      <c r="DR19" s="328">
        <v>567242</v>
      </c>
      <c r="DS19" s="330">
        <v>567242</v>
      </c>
      <c r="DT19" s="326">
        <v>0</v>
      </c>
      <c r="DU19" s="327">
        <v>0</v>
      </c>
      <c r="DV19" s="328">
        <v>0</v>
      </c>
      <c r="DW19" s="326">
        <v>0</v>
      </c>
      <c r="DX19" s="327">
        <v>13953</v>
      </c>
      <c r="DY19" s="327">
        <v>109810</v>
      </c>
      <c r="DZ19" s="327">
        <v>316188</v>
      </c>
      <c r="EA19" s="327">
        <v>0</v>
      </c>
      <c r="EB19" s="327">
        <v>0</v>
      </c>
      <c r="EC19" s="328">
        <v>439951</v>
      </c>
      <c r="ED19" s="330">
        <v>439951</v>
      </c>
      <c r="EE19" s="326">
        <v>0</v>
      </c>
      <c r="EF19" s="331">
        <v>0</v>
      </c>
      <c r="EG19" s="328">
        <v>0</v>
      </c>
      <c r="EH19" s="326">
        <v>0</v>
      </c>
      <c r="EI19" s="327">
        <v>0</v>
      </c>
      <c r="EJ19" s="327">
        <v>41028</v>
      </c>
      <c r="EK19" s="327">
        <v>0</v>
      </c>
      <c r="EL19" s="327">
        <v>86263</v>
      </c>
      <c r="EM19" s="327">
        <v>0</v>
      </c>
      <c r="EN19" s="331">
        <v>127291</v>
      </c>
      <c r="EO19" s="330">
        <v>127291</v>
      </c>
      <c r="EP19" s="326">
        <v>0</v>
      </c>
      <c r="EQ19" s="327">
        <v>0</v>
      </c>
      <c r="ER19" s="331">
        <v>0</v>
      </c>
      <c r="ES19" s="332">
        <v>0</v>
      </c>
      <c r="ET19" s="327">
        <v>0</v>
      </c>
      <c r="EU19" s="327">
        <v>0</v>
      </c>
      <c r="EV19" s="327">
        <v>0</v>
      </c>
      <c r="EW19" s="327">
        <v>0</v>
      </c>
      <c r="EX19" s="327">
        <v>0</v>
      </c>
      <c r="EY19" s="328">
        <v>0</v>
      </c>
      <c r="EZ19" s="330">
        <v>0</v>
      </c>
      <c r="FA19" s="326">
        <v>0</v>
      </c>
      <c r="FB19" s="327">
        <v>0</v>
      </c>
      <c r="FC19" s="331">
        <v>0</v>
      </c>
      <c r="FD19" s="404">
        <v>0</v>
      </c>
      <c r="FE19" s="327">
        <v>0</v>
      </c>
      <c r="FF19" s="327">
        <v>0</v>
      </c>
      <c r="FG19" s="327">
        <v>0</v>
      </c>
      <c r="FH19" s="327">
        <v>0</v>
      </c>
      <c r="FI19" s="327">
        <v>0</v>
      </c>
      <c r="FJ19" s="328">
        <v>0</v>
      </c>
      <c r="FK19" s="330">
        <v>0</v>
      </c>
      <c r="FL19" s="326">
        <v>57981</v>
      </c>
      <c r="FM19" s="327">
        <v>230608</v>
      </c>
      <c r="FN19" s="328">
        <v>288589</v>
      </c>
      <c r="FO19" s="326">
        <v>0</v>
      </c>
      <c r="FP19" s="327">
        <v>343791</v>
      </c>
      <c r="FQ19" s="327">
        <v>517014</v>
      </c>
      <c r="FR19" s="327">
        <v>357203</v>
      </c>
      <c r="FS19" s="327">
        <v>264117</v>
      </c>
      <c r="FT19" s="327">
        <v>457814</v>
      </c>
      <c r="FU19" s="328">
        <v>1939939</v>
      </c>
      <c r="FV19" s="330">
        <v>2228528</v>
      </c>
      <c r="FW19" s="333">
        <v>8778</v>
      </c>
      <c r="FX19" s="327">
        <v>132608</v>
      </c>
      <c r="FY19" s="331">
        <v>141386</v>
      </c>
      <c r="FZ19" s="332">
        <v>0</v>
      </c>
      <c r="GA19" s="327">
        <v>118160</v>
      </c>
      <c r="GB19" s="327">
        <v>506042</v>
      </c>
      <c r="GC19" s="327">
        <v>357203</v>
      </c>
      <c r="GD19" s="327">
        <v>264117</v>
      </c>
      <c r="GE19" s="327">
        <v>457814</v>
      </c>
      <c r="GF19" s="328">
        <v>1703336</v>
      </c>
      <c r="GG19" s="334">
        <v>1844722</v>
      </c>
      <c r="GH19" s="333">
        <v>19635</v>
      </c>
      <c r="GI19" s="327">
        <v>0</v>
      </c>
      <c r="GJ19" s="331">
        <v>19635</v>
      </c>
      <c r="GK19" s="332">
        <v>0</v>
      </c>
      <c r="GL19" s="327">
        <v>46431</v>
      </c>
      <c r="GM19" s="327">
        <v>10972</v>
      </c>
      <c r="GN19" s="327">
        <v>0</v>
      </c>
      <c r="GO19" s="327">
        <v>0</v>
      </c>
      <c r="GP19" s="327">
        <v>0</v>
      </c>
      <c r="GQ19" s="328">
        <v>57403</v>
      </c>
      <c r="GR19" s="330">
        <v>77038</v>
      </c>
      <c r="GS19" s="326">
        <v>29568</v>
      </c>
      <c r="GT19" s="327">
        <v>98000</v>
      </c>
      <c r="GU19" s="328">
        <v>127568</v>
      </c>
      <c r="GV19" s="326">
        <v>0</v>
      </c>
      <c r="GW19" s="327">
        <v>179200</v>
      </c>
      <c r="GX19" s="327">
        <v>0</v>
      </c>
      <c r="GY19" s="327">
        <v>0</v>
      </c>
      <c r="GZ19" s="327">
        <v>0</v>
      </c>
      <c r="HA19" s="327">
        <v>0</v>
      </c>
      <c r="HB19" s="331">
        <v>179200</v>
      </c>
      <c r="HC19" s="330">
        <v>306768</v>
      </c>
      <c r="HD19" s="326">
        <v>148576</v>
      </c>
      <c r="HE19" s="327">
        <v>254496</v>
      </c>
      <c r="HF19" s="331">
        <v>403072</v>
      </c>
      <c r="HG19" s="332">
        <v>0</v>
      </c>
      <c r="HH19" s="327">
        <v>1461710</v>
      </c>
      <c r="HI19" s="327">
        <v>1326355</v>
      </c>
      <c r="HJ19" s="327">
        <v>1005780</v>
      </c>
      <c r="HK19" s="327">
        <v>1172624</v>
      </c>
      <c r="HL19" s="327">
        <v>318288</v>
      </c>
      <c r="HM19" s="328">
        <v>5284757</v>
      </c>
      <c r="HN19" s="329">
        <v>5687829</v>
      </c>
      <c r="HO19" s="333">
        <v>0</v>
      </c>
      <c r="HP19" s="327">
        <v>0</v>
      </c>
      <c r="HQ19" s="328">
        <v>0</v>
      </c>
      <c r="HR19" s="326">
        <v>0</v>
      </c>
      <c r="HS19" s="327">
        <v>0</v>
      </c>
      <c r="HT19" s="327">
        <v>0</v>
      </c>
      <c r="HU19" s="327">
        <v>0</v>
      </c>
      <c r="HV19" s="327">
        <v>0</v>
      </c>
      <c r="HW19" s="327">
        <v>0</v>
      </c>
      <c r="HX19" s="331">
        <v>0</v>
      </c>
      <c r="HY19" s="330">
        <v>0</v>
      </c>
      <c r="HZ19" s="335">
        <v>0</v>
      </c>
      <c r="IA19" s="336">
        <v>0</v>
      </c>
      <c r="IB19" s="337">
        <v>0</v>
      </c>
      <c r="IC19" s="338">
        <v>0</v>
      </c>
      <c r="ID19" s="336">
        <v>835851</v>
      </c>
      <c r="IE19" s="339">
        <v>471683</v>
      </c>
      <c r="IF19" s="337">
        <v>905015</v>
      </c>
      <c r="IG19" s="336">
        <v>19366</v>
      </c>
      <c r="IH19" s="337">
        <v>521367</v>
      </c>
      <c r="II19" s="340">
        <v>2753282</v>
      </c>
      <c r="IJ19" s="341">
        <v>2753282</v>
      </c>
      <c r="IK19" s="342">
        <v>0</v>
      </c>
      <c r="IL19" s="343">
        <v>0</v>
      </c>
      <c r="IM19" s="344">
        <v>0</v>
      </c>
      <c r="IN19" s="404">
        <v>0</v>
      </c>
      <c r="IO19" s="345">
        <v>0</v>
      </c>
      <c r="IP19" s="345">
        <v>0</v>
      </c>
      <c r="IQ19" s="345">
        <v>0</v>
      </c>
      <c r="IR19" s="345">
        <v>0</v>
      </c>
      <c r="IS19" s="345">
        <v>0</v>
      </c>
      <c r="IT19" s="346">
        <v>0</v>
      </c>
      <c r="IU19" s="347">
        <v>0</v>
      </c>
      <c r="IV19" s="348">
        <v>0</v>
      </c>
      <c r="IW19" s="345">
        <v>0</v>
      </c>
      <c r="IX19" s="349">
        <v>0</v>
      </c>
      <c r="IY19" s="404">
        <v>0</v>
      </c>
      <c r="IZ19" s="345">
        <v>0</v>
      </c>
      <c r="JA19" s="345">
        <v>0</v>
      </c>
      <c r="JB19" s="345">
        <v>0</v>
      </c>
      <c r="JC19" s="345">
        <v>0</v>
      </c>
      <c r="JD19" s="345">
        <v>0</v>
      </c>
      <c r="JE19" s="349">
        <v>0</v>
      </c>
      <c r="JF19" s="350">
        <v>0</v>
      </c>
      <c r="JG19" s="348">
        <v>0</v>
      </c>
      <c r="JH19" s="345">
        <v>0</v>
      </c>
      <c r="JI19" s="346">
        <v>0</v>
      </c>
      <c r="JJ19" s="351">
        <v>0</v>
      </c>
      <c r="JK19" s="345">
        <v>292215</v>
      </c>
      <c r="JL19" s="345">
        <v>413764</v>
      </c>
      <c r="JM19" s="345">
        <v>459769</v>
      </c>
      <c r="JN19" s="345">
        <v>19366</v>
      </c>
      <c r="JO19" s="345">
        <v>256101</v>
      </c>
      <c r="JP19" s="349">
        <v>1441215</v>
      </c>
      <c r="JQ19" s="347">
        <v>1441215</v>
      </c>
      <c r="JR19" s="348">
        <v>0</v>
      </c>
      <c r="JS19" s="345">
        <v>0</v>
      </c>
      <c r="JT19" s="346">
        <v>0</v>
      </c>
      <c r="JU19" s="351">
        <v>0</v>
      </c>
      <c r="JV19" s="345">
        <v>0</v>
      </c>
      <c r="JW19" s="345">
        <v>57919</v>
      </c>
      <c r="JX19" s="345">
        <v>266072</v>
      </c>
      <c r="JY19" s="345">
        <v>0</v>
      </c>
      <c r="JZ19" s="345">
        <v>0</v>
      </c>
      <c r="KA19" s="349">
        <v>323991</v>
      </c>
      <c r="KB19" s="347">
        <v>323991</v>
      </c>
      <c r="KC19" s="352">
        <v>0</v>
      </c>
      <c r="KD19" s="353">
        <v>0</v>
      </c>
      <c r="KE19" s="349">
        <v>0</v>
      </c>
      <c r="KF19" s="351">
        <v>0</v>
      </c>
      <c r="KG19" s="345">
        <v>121645</v>
      </c>
      <c r="KH19" s="345">
        <v>0</v>
      </c>
      <c r="KI19" s="345">
        <v>0</v>
      </c>
      <c r="KJ19" s="345">
        <v>0</v>
      </c>
      <c r="KK19" s="345">
        <v>265266</v>
      </c>
      <c r="KL19" s="349">
        <v>386911</v>
      </c>
      <c r="KM19" s="354">
        <v>386911</v>
      </c>
      <c r="KN19" s="342">
        <v>0</v>
      </c>
      <c r="KO19" s="343">
        <v>0</v>
      </c>
      <c r="KP19" s="344">
        <v>0</v>
      </c>
      <c r="KQ19" s="404">
        <v>0</v>
      </c>
      <c r="KR19" s="345">
        <v>421991</v>
      </c>
      <c r="KS19" s="345">
        <v>0</v>
      </c>
      <c r="KT19" s="345">
        <v>0</v>
      </c>
      <c r="KU19" s="345">
        <v>0</v>
      </c>
      <c r="KV19" s="345">
        <v>0</v>
      </c>
      <c r="KW19" s="349">
        <v>421991</v>
      </c>
      <c r="KX19" s="347">
        <v>421991</v>
      </c>
      <c r="KY19" s="348">
        <v>0</v>
      </c>
      <c r="KZ19" s="345">
        <v>0</v>
      </c>
      <c r="LA19" s="349">
        <v>0</v>
      </c>
      <c r="LB19" s="404">
        <v>0</v>
      </c>
      <c r="LC19" s="345">
        <v>0</v>
      </c>
      <c r="LD19" s="345">
        <v>0</v>
      </c>
      <c r="LE19" s="345">
        <v>179174</v>
      </c>
      <c r="LF19" s="345">
        <v>0</v>
      </c>
      <c r="LG19" s="345">
        <v>0</v>
      </c>
      <c r="LH19" s="349">
        <v>179174</v>
      </c>
      <c r="LI19" s="350">
        <v>179174</v>
      </c>
      <c r="LJ19" s="348">
        <v>0</v>
      </c>
      <c r="LK19" s="345">
        <v>0</v>
      </c>
      <c r="LL19" s="349">
        <v>0</v>
      </c>
      <c r="LM19" s="404">
        <v>0</v>
      </c>
      <c r="LN19" s="345">
        <v>0</v>
      </c>
      <c r="LO19" s="345">
        <v>0</v>
      </c>
      <c r="LP19" s="345">
        <v>0</v>
      </c>
      <c r="LQ19" s="345">
        <v>0</v>
      </c>
      <c r="LR19" s="345">
        <v>0</v>
      </c>
      <c r="LS19" s="349">
        <v>0</v>
      </c>
      <c r="LT19" s="347">
        <v>0</v>
      </c>
      <c r="LU19" s="348">
        <v>0</v>
      </c>
      <c r="LV19" s="345">
        <v>0</v>
      </c>
      <c r="LW19" s="349">
        <v>0</v>
      </c>
      <c r="LX19" s="404">
        <v>0</v>
      </c>
      <c r="LY19" s="345">
        <v>0</v>
      </c>
      <c r="LZ19" s="345">
        <v>0</v>
      </c>
      <c r="MA19" s="345">
        <v>0</v>
      </c>
      <c r="MB19" s="345">
        <v>0</v>
      </c>
      <c r="MC19" s="345">
        <v>0</v>
      </c>
      <c r="MD19" s="349">
        <v>0</v>
      </c>
      <c r="ME19" s="350">
        <v>0</v>
      </c>
      <c r="MF19" s="348">
        <v>0</v>
      </c>
      <c r="MG19" s="345">
        <v>0</v>
      </c>
      <c r="MH19" s="349">
        <v>0</v>
      </c>
      <c r="MI19" s="404">
        <v>0</v>
      </c>
      <c r="MJ19" s="345">
        <v>0</v>
      </c>
      <c r="MK19" s="345">
        <v>224511</v>
      </c>
      <c r="ML19" s="345">
        <v>1043850</v>
      </c>
      <c r="MM19" s="345">
        <v>1136992</v>
      </c>
      <c r="MN19" s="345">
        <v>1175423</v>
      </c>
      <c r="MO19" s="349">
        <v>3580776</v>
      </c>
      <c r="MP19" s="354">
        <v>3580776</v>
      </c>
      <c r="MQ19" s="348">
        <v>0</v>
      </c>
      <c r="MR19" s="345">
        <v>0</v>
      </c>
      <c r="MS19" s="349">
        <v>0</v>
      </c>
      <c r="MT19" s="404">
        <v>0</v>
      </c>
      <c r="MU19" s="345">
        <v>0</v>
      </c>
      <c r="MV19" s="345">
        <v>0</v>
      </c>
      <c r="MW19" s="345">
        <v>756950</v>
      </c>
      <c r="MX19" s="345">
        <v>774299</v>
      </c>
      <c r="MY19" s="345">
        <v>812408</v>
      </c>
      <c r="MZ19" s="349">
        <v>2343657</v>
      </c>
      <c r="NA19" s="354">
        <v>2343657</v>
      </c>
      <c r="NB19" s="348">
        <v>0</v>
      </c>
      <c r="NC19" s="345">
        <v>0</v>
      </c>
      <c r="ND19" s="349">
        <v>0</v>
      </c>
      <c r="NE19" s="404">
        <v>0</v>
      </c>
      <c r="NF19" s="345">
        <v>0</v>
      </c>
      <c r="NG19" s="345">
        <v>224511</v>
      </c>
      <c r="NH19" s="345">
        <v>286900</v>
      </c>
      <c r="NI19" s="345">
        <v>362693</v>
      </c>
      <c r="NJ19" s="345">
        <v>363015</v>
      </c>
      <c r="NK19" s="349">
        <v>1237119</v>
      </c>
      <c r="NL19" s="347">
        <v>1237119</v>
      </c>
      <c r="NM19" s="348">
        <v>0</v>
      </c>
      <c r="NN19" s="345">
        <v>0</v>
      </c>
      <c r="NO19" s="349">
        <v>0</v>
      </c>
      <c r="NP19" s="404">
        <v>0</v>
      </c>
      <c r="NQ19" s="345">
        <v>0</v>
      </c>
      <c r="NR19" s="345">
        <v>0</v>
      </c>
      <c r="NS19" s="345">
        <v>0</v>
      </c>
      <c r="NT19" s="345">
        <v>0</v>
      </c>
      <c r="NU19" s="345">
        <v>0</v>
      </c>
      <c r="NV19" s="349">
        <v>0</v>
      </c>
      <c r="NW19" s="350">
        <v>0</v>
      </c>
      <c r="NX19" s="348">
        <v>0</v>
      </c>
      <c r="NY19" s="345">
        <v>0</v>
      </c>
      <c r="NZ19" s="349">
        <v>0</v>
      </c>
      <c r="OA19" s="404">
        <v>0</v>
      </c>
      <c r="OB19" s="345">
        <v>0</v>
      </c>
      <c r="OC19" s="345">
        <v>0</v>
      </c>
      <c r="OD19" s="345">
        <v>0</v>
      </c>
      <c r="OE19" s="345">
        <v>0</v>
      </c>
      <c r="OF19" s="345">
        <v>0</v>
      </c>
      <c r="OG19" s="349">
        <v>0</v>
      </c>
      <c r="OH19" s="350">
        <v>0</v>
      </c>
      <c r="OI19" s="348">
        <v>312166</v>
      </c>
      <c r="OJ19" s="345">
        <v>661902</v>
      </c>
      <c r="OK19" s="346">
        <v>974068</v>
      </c>
      <c r="OL19" s="351">
        <v>0</v>
      </c>
      <c r="OM19" s="345">
        <v>4276541</v>
      </c>
      <c r="ON19" s="345">
        <v>6256813</v>
      </c>
      <c r="OO19" s="345">
        <v>5823585</v>
      </c>
      <c r="OP19" s="345">
        <v>5307057</v>
      </c>
      <c r="OQ19" s="345">
        <v>6227133</v>
      </c>
      <c r="OR19" s="349">
        <v>27891129</v>
      </c>
      <c r="OS19" s="354">
        <v>28865197</v>
      </c>
    </row>
    <row r="20" spans="2:409" s="70" customFormat="1" ht="21" customHeight="1" x14ac:dyDescent="0.2">
      <c r="B20" s="106" t="s">
        <v>15</v>
      </c>
      <c r="C20" s="326">
        <v>310416</v>
      </c>
      <c r="D20" s="327">
        <v>236389</v>
      </c>
      <c r="E20" s="328">
        <v>546805</v>
      </c>
      <c r="F20" s="329">
        <v>0</v>
      </c>
      <c r="G20" s="327">
        <v>668582</v>
      </c>
      <c r="H20" s="327">
        <v>982335</v>
      </c>
      <c r="I20" s="327">
        <v>553214</v>
      </c>
      <c r="J20" s="327">
        <v>278179</v>
      </c>
      <c r="K20" s="327">
        <v>765308</v>
      </c>
      <c r="L20" s="329">
        <v>3247618</v>
      </c>
      <c r="M20" s="330">
        <v>3794423</v>
      </c>
      <c r="N20" s="326">
        <v>40943</v>
      </c>
      <c r="O20" s="327">
        <v>34547</v>
      </c>
      <c r="P20" s="328">
        <v>75490</v>
      </c>
      <c r="Q20" s="326">
        <v>0</v>
      </c>
      <c r="R20" s="327">
        <v>118909</v>
      </c>
      <c r="S20" s="327">
        <v>264740</v>
      </c>
      <c r="T20" s="327">
        <v>47753</v>
      </c>
      <c r="U20" s="327">
        <v>70268</v>
      </c>
      <c r="V20" s="327">
        <v>174639</v>
      </c>
      <c r="W20" s="328">
        <v>676309</v>
      </c>
      <c r="X20" s="330">
        <v>751799</v>
      </c>
      <c r="Y20" s="326">
        <v>0</v>
      </c>
      <c r="Z20" s="327">
        <v>0</v>
      </c>
      <c r="AA20" s="328">
        <v>0</v>
      </c>
      <c r="AB20" s="326">
        <v>0</v>
      </c>
      <c r="AC20" s="327">
        <v>73395</v>
      </c>
      <c r="AD20" s="327">
        <v>83549</v>
      </c>
      <c r="AE20" s="327">
        <v>0</v>
      </c>
      <c r="AF20" s="327">
        <v>0</v>
      </c>
      <c r="AG20" s="327">
        <v>0</v>
      </c>
      <c r="AH20" s="328">
        <v>156944</v>
      </c>
      <c r="AI20" s="330">
        <v>156944</v>
      </c>
      <c r="AJ20" s="326">
        <v>0</v>
      </c>
      <c r="AK20" s="327">
        <v>0</v>
      </c>
      <c r="AL20" s="328">
        <v>0</v>
      </c>
      <c r="AM20" s="326">
        <v>0</v>
      </c>
      <c r="AN20" s="327">
        <v>0</v>
      </c>
      <c r="AO20" s="327">
        <v>0</v>
      </c>
      <c r="AP20" s="327">
        <v>0</v>
      </c>
      <c r="AQ20" s="327">
        <v>0</v>
      </c>
      <c r="AR20" s="327">
        <v>42037</v>
      </c>
      <c r="AS20" s="328">
        <v>42037</v>
      </c>
      <c r="AT20" s="330">
        <v>42037</v>
      </c>
      <c r="AU20" s="326">
        <v>13293</v>
      </c>
      <c r="AV20" s="327">
        <v>28394</v>
      </c>
      <c r="AW20" s="328">
        <v>41687</v>
      </c>
      <c r="AX20" s="326">
        <v>0</v>
      </c>
      <c r="AY20" s="327">
        <v>13020</v>
      </c>
      <c r="AZ20" s="327">
        <v>82018</v>
      </c>
      <c r="BA20" s="327">
        <v>34145</v>
      </c>
      <c r="BB20" s="327">
        <v>47696</v>
      </c>
      <c r="BC20" s="327">
        <v>79665</v>
      </c>
      <c r="BD20" s="328">
        <v>256544</v>
      </c>
      <c r="BE20" s="330">
        <v>298231</v>
      </c>
      <c r="BF20" s="326">
        <v>0</v>
      </c>
      <c r="BG20" s="327">
        <v>0</v>
      </c>
      <c r="BH20" s="331">
        <v>0</v>
      </c>
      <c r="BI20" s="332">
        <v>0</v>
      </c>
      <c r="BJ20" s="327">
        <v>0</v>
      </c>
      <c r="BK20" s="327">
        <v>28116</v>
      </c>
      <c r="BL20" s="327">
        <v>0</v>
      </c>
      <c r="BM20" s="327">
        <v>18386</v>
      </c>
      <c r="BN20" s="327">
        <v>21087</v>
      </c>
      <c r="BO20" s="328">
        <v>67589</v>
      </c>
      <c r="BP20" s="330">
        <v>67589</v>
      </c>
      <c r="BQ20" s="326">
        <v>27650</v>
      </c>
      <c r="BR20" s="327">
        <v>6153</v>
      </c>
      <c r="BS20" s="328">
        <v>33803</v>
      </c>
      <c r="BT20" s="326">
        <v>0</v>
      </c>
      <c r="BU20" s="327">
        <v>32494</v>
      </c>
      <c r="BV20" s="327">
        <v>71057</v>
      </c>
      <c r="BW20" s="327">
        <v>13608</v>
      </c>
      <c r="BX20" s="327">
        <v>4186</v>
      </c>
      <c r="BY20" s="327">
        <v>31850</v>
      </c>
      <c r="BZ20" s="328">
        <v>153195</v>
      </c>
      <c r="CA20" s="330">
        <v>186998</v>
      </c>
      <c r="CB20" s="326">
        <v>18759</v>
      </c>
      <c r="CC20" s="327">
        <v>0</v>
      </c>
      <c r="CD20" s="328">
        <v>18759</v>
      </c>
      <c r="CE20" s="326">
        <v>0</v>
      </c>
      <c r="CF20" s="327">
        <v>84004</v>
      </c>
      <c r="CG20" s="327">
        <v>146584</v>
      </c>
      <c r="CH20" s="327">
        <v>126622</v>
      </c>
      <c r="CI20" s="327">
        <v>115081</v>
      </c>
      <c r="CJ20" s="327">
        <v>93931</v>
      </c>
      <c r="CK20" s="328">
        <v>566222</v>
      </c>
      <c r="CL20" s="330">
        <v>584981</v>
      </c>
      <c r="CM20" s="326">
        <v>0</v>
      </c>
      <c r="CN20" s="327">
        <v>0</v>
      </c>
      <c r="CO20" s="328">
        <v>0</v>
      </c>
      <c r="CP20" s="332">
        <v>0</v>
      </c>
      <c r="CQ20" s="327">
        <v>84004</v>
      </c>
      <c r="CR20" s="327">
        <v>50840</v>
      </c>
      <c r="CS20" s="327">
        <v>0</v>
      </c>
      <c r="CT20" s="327">
        <v>40984</v>
      </c>
      <c r="CU20" s="327">
        <v>0</v>
      </c>
      <c r="CV20" s="328">
        <v>175828</v>
      </c>
      <c r="CW20" s="330">
        <v>175828</v>
      </c>
      <c r="CX20" s="326">
        <v>18759</v>
      </c>
      <c r="CY20" s="327">
        <v>0</v>
      </c>
      <c r="CZ20" s="328">
        <v>18759</v>
      </c>
      <c r="DA20" s="326">
        <v>0</v>
      </c>
      <c r="DB20" s="327">
        <v>0</v>
      </c>
      <c r="DC20" s="327">
        <v>95744</v>
      </c>
      <c r="DD20" s="327">
        <v>126622</v>
      </c>
      <c r="DE20" s="327">
        <v>74097</v>
      </c>
      <c r="DF20" s="327">
        <v>93931</v>
      </c>
      <c r="DG20" s="328">
        <v>390394</v>
      </c>
      <c r="DH20" s="330">
        <v>409153</v>
      </c>
      <c r="DI20" s="326">
        <v>0</v>
      </c>
      <c r="DJ20" s="327">
        <v>0</v>
      </c>
      <c r="DK20" s="331">
        <v>0</v>
      </c>
      <c r="DL20" s="332">
        <v>0</v>
      </c>
      <c r="DM20" s="327">
        <v>0</v>
      </c>
      <c r="DN20" s="327">
        <v>144358</v>
      </c>
      <c r="DO20" s="327">
        <v>170438</v>
      </c>
      <c r="DP20" s="327">
        <v>20042</v>
      </c>
      <c r="DQ20" s="327">
        <v>26668</v>
      </c>
      <c r="DR20" s="328">
        <v>361506</v>
      </c>
      <c r="DS20" s="330">
        <v>361506</v>
      </c>
      <c r="DT20" s="326">
        <v>0</v>
      </c>
      <c r="DU20" s="327">
        <v>0</v>
      </c>
      <c r="DV20" s="328">
        <v>0</v>
      </c>
      <c r="DW20" s="326">
        <v>0</v>
      </c>
      <c r="DX20" s="327">
        <v>0</v>
      </c>
      <c r="DY20" s="327">
        <v>49375</v>
      </c>
      <c r="DZ20" s="327">
        <v>0</v>
      </c>
      <c r="EA20" s="327">
        <v>20042</v>
      </c>
      <c r="EB20" s="327">
        <v>26668</v>
      </c>
      <c r="EC20" s="328">
        <v>96085</v>
      </c>
      <c r="ED20" s="330">
        <v>96085</v>
      </c>
      <c r="EE20" s="326">
        <v>0</v>
      </c>
      <c r="EF20" s="331">
        <v>0</v>
      </c>
      <c r="EG20" s="328">
        <v>0</v>
      </c>
      <c r="EH20" s="326">
        <v>0</v>
      </c>
      <c r="EI20" s="327">
        <v>0</v>
      </c>
      <c r="EJ20" s="327">
        <v>94983</v>
      </c>
      <c r="EK20" s="327">
        <v>170438</v>
      </c>
      <c r="EL20" s="327">
        <v>0</v>
      </c>
      <c r="EM20" s="327">
        <v>0</v>
      </c>
      <c r="EN20" s="331">
        <v>265421</v>
      </c>
      <c r="EO20" s="330">
        <v>265421</v>
      </c>
      <c r="EP20" s="326">
        <v>0</v>
      </c>
      <c r="EQ20" s="327">
        <v>0</v>
      </c>
      <c r="ER20" s="331">
        <v>0</v>
      </c>
      <c r="ES20" s="332">
        <v>0</v>
      </c>
      <c r="ET20" s="327">
        <v>0</v>
      </c>
      <c r="EU20" s="327">
        <v>0</v>
      </c>
      <c r="EV20" s="327">
        <v>0</v>
      </c>
      <c r="EW20" s="327">
        <v>0</v>
      </c>
      <c r="EX20" s="327">
        <v>0</v>
      </c>
      <c r="EY20" s="328">
        <v>0</v>
      </c>
      <c r="EZ20" s="330">
        <v>0</v>
      </c>
      <c r="FA20" s="326">
        <v>0</v>
      </c>
      <c r="FB20" s="327">
        <v>0</v>
      </c>
      <c r="FC20" s="331">
        <v>0</v>
      </c>
      <c r="FD20" s="404">
        <v>0</v>
      </c>
      <c r="FE20" s="327">
        <v>0</v>
      </c>
      <c r="FF20" s="327">
        <v>0</v>
      </c>
      <c r="FG20" s="327">
        <v>0</v>
      </c>
      <c r="FH20" s="327">
        <v>0</v>
      </c>
      <c r="FI20" s="327">
        <v>0</v>
      </c>
      <c r="FJ20" s="328">
        <v>0</v>
      </c>
      <c r="FK20" s="330">
        <v>0</v>
      </c>
      <c r="FL20" s="326">
        <v>33796</v>
      </c>
      <c r="FM20" s="327">
        <v>26320</v>
      </c>
      <c r="FN20" s="328">
        <v>60116</v>
      </c>
      <c r="FO20" s="326">
        <v>0</v>
      </c>
      <c r="FP20" s="327">
        <v>14994</v>
      </c>
      <c r="FQ20" s="327">
        <v>91280</v>
      </c>
      <c r="FR20" s="327">
        <v>35889</v>
      </c>
      <c r="FS20" s="327">
        <v>64680</v>
      </c>
      <c r="FT20" s="327">
        <v>32984</v>
      </c>
      <c r="FU20" s="328">
        <v>239827</v>
      </c>
      <c r="FV20" s="330">
        <v>299943</v>
      </c>
      <c r="FW20" s="333">
        <v>11620</v>
      </c>
      <c r="FX20" s="327">
        <v>26320</v>
      </c>
      <c r="FY20" s="331">
        <v>37940</v>
      </c>
      <c r="FZ20" s="332">
        <v>0</v>
      </c>
      <c r="GA20" s="327">
        <v>14994</v>
      </c>
      <c r="GB20" s="327">
        <v>91280</v>
      </c>
      <c r="GC20" s="327">
        <v>35889</v>
      </c>
      <c r="GD20" s="327">
        <v>64680</v>
      </c>
      <c r="GE20" s="327">
        <v>32984</v>
      </c>
      <c r="GF20" s="328">
        <v>239827</v>
      </c>
      <c r="GG20" s="334">
        <v>277767</v>
      </c>
      <c r="GH20" s="333">
        <v>22176</v>
      </c>
      <c r="GI20" s="327">
        <v>0</v>
      </c>
      <c r="GJ20" s="331">
        <v>22176</v>
      </c>
      <c r="GK20" s="332">
        <v>0</v>
      </c>
      <c r="GL20" s="327">
        <v>0</v>
      </c>
      <c r="GM20" s="327">
        <v>0</v>
      </c>
      <c r="GN20" s="327">
        <v>0</v>
      </c>
      <c r="GO20" s="327">
        <v>0</v>
      </c>
      <c r="GP20" s="327">
        <v>0</v>
      </c>
      <c r="GQ20" s="328">
        <v>0</v>
      </c>
      <c r="GR20" s="330">
        <v>22176</v>
      </c>
      <c r="GS20" s="326">
        <v>0</v>
      </c>
      <c r="GT20" s="327">
        <v>0</v>
      </c>
      <c r="GU20" s="328">
        <v>0</v>
      </c>
      <c r="GV20" s="326">
        <v>0</v>
      </c>
      <c r="GW20" s="327">
        <v>0</v>
      </c>
      <c r="GX20" s="327">
        <v>0</v>
      </c>
      <c r="GY20" s="327">
        <v>0</v>
      </c>
      <c r="GZ20" s="327">
        <v>0</v>
      </c>
      <c r="HA20" s="327">
        <v>0</v>
      </c>
      <c r="HB20" s="331">
        <v>0</v>
      </c>
      <c r="HC20" s="330">
        <v>0</v>
      </c>
      <c r="HD20" s="326">
        <v>216918</v>
      </c>
      <c r="HE20" s="327">
        <v>175522</v>
      </c>
      <c r="HF20" s="331">
        <v>392440</v>
      </c>
      <c r="HG20" s="332">
        <v>0</v>
      </c>
      <c r="HH20" s="327">
        <v>450675</v>
      </c>
      <c r="HI20" s="327">
        <v>335373</v>
      </c>
      <c r="HJ20" s="327">
        <v>172512</v>
      </c>
      <c r="HK20" s="327">
        <v>8108</v>
      </c>
      <c r="HL20" s="327">
        <v>437086</v>
      </c>
      <c r="HM20" s="328">
        <v>1403754</v>
      </c>
      <c r="HN20" s="329">
        <v>1796194</v>
      </c>
      <c r="HO20" s="333">
        <v>0</v>
      </c>
      <c r="HP20" s="327">
        <v>0</v>
      </c>
      <c r="HQ20" s="328">
        <v>0</v>
      </c>
      <c r="HR20" s="326">
        <v>0</v>
      </c>
      <c r="HS20" s="327">
        <v>0</v>
      </c>
      <c r="HT20" s="327">
        <v>0</v>
      </c>
      <c r="HU20" s="327">
        <v>0</v>
      </c>
      <c r="HV20" s="327">
        <v>0</v>
      </c>
      <c r="HW20" s="327">
        <v>0</v>
      </c>
      <c r="HX20" s="331">
        <v>0</v>
      </c>
      <c r="HY20" s="330">
        <v>0</v>
      </c>
      <c r="HZ20" s="358">
        <v>0</v>
      </c>
      <c r="IA20" s="356">
        <v>0</v>
      </c>
      <c r="IB20" s="358">
        <v>0</v>
      </c>
      <c r="IC20" s="355">
        <v>0</v>
      </c>
      <c r="ID20" s="356">
        <v>219690</v>
      </c>
      <c r="IE20" s="357">
        <v>763009</v>
      </c>
      <c r="IF20" s="358">
        <v>238329</v>
      </c>
      <c r="IG20" s="356">
        <v>269680</v>
      </c>
      <c r="IH20" s="358">
        <v>87650</v>
      </c>
      <c r="II20" s="359">
        <v>1578358</v>
      </c>
      <c r="IJ20" s="358">
        <v>1578358</v>
      </c>
      <c r="IK20" s="342">
        <v>0</v>
      </c>
      <c r="IL20" s="343">
        <v>0</v>
      </c>
      <c r="IM20" s="344">
        <v>0</v>
      </c>
      <c r="IN20" s="404">
        <v>0</v>
      </c>
      <c r="IO20" s="345">
        <v>0</v>
      </c>
      <c r="IP20" s="345">
        <v>0</v>
      </c>
      <c r="IQ20" s="345">
        <v>0</v>
      </c>
      <c r="IR20" s="345">
        <v>0</v>
      </c>
      <c r="IS20" s="345">
        <v>0</v>
      </c>
      <c r="IT20" s="346">
        <v>0</v>
      </c>
      <c r="IU20" s="347">
        <v>0</v>
      </c>
      <c r="IV20" s="348">
        <v>0</v>
      </c>
      <c r="IW20" s="345">
        <v>0</v>
      </c>
      <c r="IX20" s="349">
        <v>0</v>
      </c>
      <c r="IY20" s="404">
        <v>0</v>
      </c>
      <c r="IZ20" s="345">
        <v>0</v>
      </c>
      <c r="JA20" s="345">
        <v>0</v>
      </c>
      <c r="JB20" s="345">
        <v>0</v>
      </c>
      <c r="JC20" s="345">
        <v>0</v>
      </c>
      <c r="JD20" s="345">
        <v>0</v>
      </c>
      <c r="JE20" s="349">
        <v>0</v>
      </c>
      <c r="JF20" s="350">
        <v>0</v>
      </c>
      <c r="JG20" s="348">
        <v>0</v>
      </c>
      <c r="JH20" s="345">
        <v>0</v>
      </c>
      <c r="JI20" s="346">
        <v>0</v>
      </c>
      <c r="JJ20" s="351">
        <v>0</v>
      </c>
      <c r="JK20" s="345">
        <v>219690</v>
      </c>
      <c r="JL20" s="345">
        <v>154062</v>
      </c>
      <c r="JM20" s="345">
        <v>38468</v>
      </c>
      <c r="JN20" s="345">
        <v>0</v>
      </c>
      <c r="JO20" s="345">
        <v>87650</v>
      </c>
      <c r="JP20" s="349">
        <v>499870</v>
      </c>
      <c r="JQ20" s="347">
        <v>499870</v>
      </c>
      <c r="JR20" s="348">
        <v>0</v>
      </c>
      <c r="JS20" s="345">
        <v>0</v>
      </c>
      <c r="JT20" s="346">
        <v>0</v>
      </c>
      <c r="JU20" s="351">
        <v>0</v>
      </c>
      <c r="JV20" s="345">
        <v>0</v>
      </c>
      <c r="JW20" s="345">
        <v>0</v>
      </c>
      <c r="JX20" s="345">
        <v>0</v>
      </c>
      <c r="JY20" s="345">
        <v>0</v>
      </c>
      <c r="JZ20" s="345">
        <v>0</v>
      </c>
      <c r="KA20" s="349">
        <v>0</v>
      </c>
      <c r="KB20" s="347">
        <v>0</v>
      </c>
      <c r="KC20" s="352">
        <v>0</v>
      </c>
      <c r="KD20" s="353">
        <v>0</v>
      </c>
      <c r="KE20" s="349">
        <v>0</v>
      </c>
      <c r="KF20" s="351">
        <v>0</v>
      </c>
      <c r="KG20" s="345">
        <v>0</v>
      </c>
      <c r="KH20" s="345">
        <v>0</v>
      </c>
      <c r="KI20" s="345">
        <v>199861</v>
      </c>
      <c r="KJ20" s="345">
        <v>0</v>
      </c>
      <c r="KK20" s="345">
        <v>0</v>
      </c>
      <c r="KL20" s="349">
        <v>199861</v>
      </c>
      <c r="KM20" s="354">
        <v>199861</v>
      </c>
      <c r="KN20" s="342">
        <v>0</v>
      </c>
      <c r="KO20" s="343">
        <v>0</v>
      </c>
      <c r="KP20" s="344">
        <v>0</v>
      </c>
      <c r="KQ20" s="404">
        <v>0</v>
      </c>
      <c r="KR20" s="345">
        <v>0</v>
      </c>
      <c r="KS20" s="345">
        <v>608947</v>
      </c>
      <c r="KT20" s="345">
        <v>0</v>
      </c>
      <c r="KU20" s="345">
        <v>0</v>
      </c>
      <c r="KV20" s="345">
        <v>0</v>
      </c>
      <c r="KW20" s="349">
        <v>608947</v>
      </c>
      <c r="KX20" s="347">
        <v>608947</v>
      </c>
      <c r="KY20" s="348">
        <v>0</v>
      </c>
      <c r="KZ20" s="345">
        <v>0</v>
      </c>
      <c r="LA20" s="349">
        <v>0</v>
      </c>
      <c r="LB20" s="404">
        <v>0</v>
      </c>
      <c r="LC20" s="345">
        <v>0</v>
      </c>
      <c r="LD20" s="345">
        <v>0</v>
      </c>
      <c r="LE20" s="345">
        <v>0</v>
      </c>
      <c r="LF20" s="345">
        <v>0</v>
      </c>
      <c r="LG20" s="345">
        <v>0</v>
      </c>
      <c r="LH20" s="349">
        <v>0</v>
      </c>
      <c r="LI20" s="350">
        <v>0</v>
      </c>
      <c r="LJ20" s="348">
        <v>0</v>
      </c>
      <c r="LK20" s="345">
        <v>0</v>
      </c>
      <c r="LL20" s="349">
        <v>0</v>
      </c>
      <c r="LM20" s="404">
        <v>0</v>
      </c>
      <c r="LN20" s="345">
        <v>0</v>
      </c>
      <c r="LO20" s="345">
        <v>0</v>
      </c>
      <c r="LP20" s="345">
        <v>0</v>
      </c>
      <c r="LQ20" s="345">
        <v>269680</v>
      </c>
      <c r="LR20" s="345">
        <v>0</v>
      </c>
      <c r="LS20" s="349">
        <v>269680</v>
      </c>
      <c r="LT20" s="347">
        <v>269680</v>
      </c>
      <c r="LU20" s="348">
        <v>0</v>
      </c>
      <c r="LV20" s="345">
        <v>0</v>
      </c>
      <c r="LW20" s="349">
        <v>0</v>
      </c>
      <c r="LX20" s="404">
        <v>0</v>
      </c>
      <c r="LY20" s="345">
        <v>0</v>
      </c>
      <c r="LZ20" s="345">
        <v>0</v>
      </c>
      <c r="MA20" s="345">
        <v>0</v>
      </c>
      <c r="MB20" s="345">
        <v>0</v>
      </c>
      <c r="MC20" s="345">
        <v>0</v>
      </c>
      <c r="MD20" s="349">
        <v>0</v>
      </c>
      <c r="ME20" s="350">
        <v>0</v>
      </c>
      <c r="MF20" s="348">
        <v>0</v>
      </c>
      <c r="MG20" s="345">
        <v>0</v>
      </c>
      <c r="MH20" s="349">
        <v>0</v>
      </c>
      <c r="MI20" s="404">
        <v>0</v>
      </c>
      <c r="MJ20" s="345">
        <v>0</v>
      </c>
      <c r="MK20" s="345">
        <v>0</v>
      </c>
      <c r="ML20" s="345">
        <v>624301</v>
      </c>
      <c r="MM20" s="345">
        <v>270108</v>
      </c>
      <c r="MN20" s="345">
        <v>466276</v>
      </c>
      <c r="MO20" s="349">
        <v>1360685</v>
      </c>
      <c r="MP20" s="354">
        <v>1360685</v>
      </c>
      <c r="MQ20" s="348">
        <v>0</v>
      </c>
      <c r="MR20" s="345">
        <v>0</v>
      </c>
      <c r="MS20" s="349">
        <v>0</v>
      </c>
      <c r="MT20" s="404">
        <v>0</v>
      </c>
      <c r="MU20" s="345">
        <v>0</v>
      </c>
      <c r="MV20" s="345">
        <v>0</v>
      </c>
      <c r="MW20" s="345">
        <v>242234</v>
      </c>
      <c r="MX20" s="345">
        <v>270108</v>
      </c>
      <c r="MY20" s="345">
        <v>466276</v>
      </c>
      <c r="MZ20" s="349">
        <v>978618</v>
      </c>
      <c r="NA20" s="354">
        <v>978618</v>
      </c>
      <c r="NB20" s="348">
        <v>0</v>
      </c>
      <c r="NC20" s="345">
        <v>0</v>
      </c>
      <c r="ND20" s="349">
        <v>0</v>
      </c>
      <c r="NE20" s="404">
        <v>0</v>
      </c>
      <c r="NF20" s="345">
        <v>0</v>
      </c>
      <c r="NG20" s="345">
        <v>0</v>
      </c>
      <c r="NH20" s="345">
        <v>382067</v>
      </c>
      <c r="NI20" s="345">
        <v>0</v>
      </c>
      <c r="NJ20" s="345">
        <v>0</v>
      </c>
      <c r="NK20" s="349">
        <v>382067</v>
      </c>
      <c r="NL20" s="347">
        <v>382067</v>
      </c>
      <c r="NM20" s="348">
        <v>0</v>
      </c>
      <c r="NN20" s="345">
        <v>0</v>
      </c>
      <c r="NO20" s="349">
        <v>0</v>
      </c>
      <c r="NP20" s="404">
        <v>0</v>
      </c>
      <c r="NQ20" s="345">
        <v>0</v>
      </c>
      <c r="NR20" s="345">
        <v>0</v>
      </c>
      <c r="NS20" s="345">
        <v>0</v>
      </c>
      <c r="NT20" s="345">
        <v>0</v>
      </c>
      <c r="NU20" s="345">
        <v>0</v>
      </c>
      <c r="NV20" s="349">
        <v>0</v>
      </c>
      <c r="NW20" s="350">
        <v>0</v>
      </c>
      <c r="NX20" s="348">
        <v>0</v>
      </c>
      <c r="NY20" s="345">
        <v>0</v>
      </c>
      <c r="NZ20" s="349">
        <v>0</v>
      </c>
      <c r="OA20" s="404">
        <v>0</v>
      </c>
      <c r="OB20" s="345">
        <v>0</v>
      </c>
      <c r="OC20" s="345">
        <v>0</v>
      </c>
      <c r="OD20" s="345">
        <v>0</v>
      </c>
      <c r="OE20" s="345">
        <v>0</v>
      </c>
      <c r="OF20" s="345">
        <v>0</v>
      </c>
      <c r="OG20" s="349">
        <v>0</v>
      </c>
      <c r="OH20" s="350">
        <v>0</v>
      </c>
      <c r="OI20" s="348">
        <v>310416</v>
      </c>
      <c r="OJ20" s="345">
        <v>236389</v>
      </c>
      <c r="OK20" s="346">
        <v>546805</v>
      </c>
      <c r="OL20" s="351">
        <v>0</v>
      </c>
      <c r="OM20" s="345">
        <v>888272</v>
      </c>
      <c r="ON20" s="345">
        <v>1745344</v>
      </c>
      <c r="OO20" s="345">
        <v>1415844</v>
      </c>
      <c r="OP20" s="345">
        <v>817967</v>
      </c>
      <c r="OQ20" s="345">
        <v>1319234</v>
      </c>
      <c r="OR20" s="349">
        <v>6186661</v>
      </c>
      <c r="OS20" s="354">
        <v>6733466</v>
      </c>
    </row>
    <row r="21" spans="2:409" s="70" customFormat="1" ht="21" customHeight="1" x14ac:dyDescent="0.2">
      <c r="B21" s="106" t="s">
        <v>16</v>
      </c>
      <c r="C21" s="326">
        <v>430230</v>
      </c>
      <c r="D21" s="327">
        <v>514121</v>
      </c>
      <c r="E21" s="328">
        <v>944351</v>
      </c>
      <c r="F21" s="329">
        <v>0</v>
      </c>
      <c r="G21" s="327">
        <v>2256246</v>
      </c>
      <c r="H21" s="327">
        <v>5815372</v>
      </c>
      <c r="I21" s="327">
        <v>4252539</v>
      </c>
      <c r="J21" s="327">
        <v>3265775</v>
      </c>
      <c r="K21" s="327">
        <v>2867696</v>
      </c>
      <c r="L21" s="329">
        <v>18457628</v>
      </c>
      <c r="M21" s="330">
        <v>19401979</v>
      </c>
      <c r="N21" s="326">
        <v>117373</v>
      </c>
      <c r="O21" s="327">
        <v>43543</v>
      </c>
      <c r="P21" s="328">
        <v>160916</v>
      </c>
      <c r="Q21" s="326">
        <v>0</v>
      </c>
      <c r="R21" s="327">
        <v>487761</v>
      </c>
      <c r="S21" s="327">
        <v>1673911</v>
      </c>
      <c r="T21" s="327">
        <v>884552</v>
      </c>
      <c r="U21" s="327">
        <v>641198</v>
      </c>
      <c r="V21" s="327">
        <v>463354</v>
      </c>
      <c r="W21" s="328">
        <v>4150776</v>
      </c>
      <c r="X21" s="330">
        <v>4311692</v>
      </c>
      <c r="Y21" s="326">
        <v>0</v>
      </c>
      <c r="Z21" s="327">
        <v>0</v>
      </c>
      <c r="AA21" s="328">
        <v>0</v>
      </c>
      <c r="AB21" s="326">
        <v>0</v>
      </c>
      <c r="AC21" s="327">
        <v>95236</v>
      </c>
      <c r="AD21" s="327">
        <v>710375</v>
      </c>
      <c r="AE21" s="327">
        <v>329954</v>
      </c>
      <c r="AF21" s="327">
        <v>104791</v>
      </c>
      <c r="AG21" s="327">
        <v>36782</v>
      </c>
      <c r="AH21" s="328">
        <v>1277138</v>
      </c>
      <c r="AI21" s="330">
        <v>1277138</v>
      </c>
      <c r="AJ21" s="326">
        <v>0</v>
      </c>
      <c r="AK21" s="327">
        <v>0</v>
      </c>
      <c r="AL21" s="328">
        <v>0</v>
      </c>
      <c r="AM21" s="326">
        <v>0</v>
      </c>
      <c r="AN21" s="327">
        <v>0</v>
      </c>
      <c r="AO21" s="327">
        <v>0</v>
      </c>
      <c r="AP21" s="327">
        <v>0</v>
      </c>
      <c r="AQ21" s="327">
        <v>50510</v>
      </c>
      <c r="AR21" s="327">
        <v>100662</v>
      </c>
      <c r="AS21" s="328">
        <v>151172</v>
      </c>
      <c r="AT21" s="330">
        <v>151172</v>
      </c>
      <c r="AU21" s="326">
        <v>69771</v>
      </c>
      <c r="AV21" s="327">
        <v>43543</v>
      </c>
      <c r="AW21" s="328">
        <v>113314</v>
      </c>
      <c r="AX21" s="326">
        <v>0</v>
      </c>
      <c r="AY21" s="327">
        <v>296121</v>
      </c>
      <c r="AZ21" s="327">
        <v>653578</v>
      </c>
      <c r="BA21" s="327">
        <v>394599</v>
      </c>
      <c r="BB21" s="327">
        <v>316847</v>
      </c>
      <c r="BC21" s="327">
        <v>178669</v>
      </c>
      <c r="BD21" s="328">
        <v>1839814</v>
      </c>
      <c r="BE21" s="330">
        <v>1953128</v>
      </c>
      <c r="BF21" s="326">
        <v>26378</v>
      </c>
      <c r="BG21" s="327">
        <v>0</v>
      </c>
      <c r="BH21" s="331">
        <v>26378</v>
      </c>
      <c r="BI21" s="332">
        <v>0</v>
      </c>
      <c r="BJ21" s="327">
        <v>0</v>
      </c>
      <c r="BK21" s="327">
        <v>53205</v>
      </c>
      <c r="BL21" s="327">
        <v>0</v>
      </c>
      <c r="BM21" s="327">
        <v>0</v>
      </c>
      <c r="BN21" s="327">
        <v>27737</v>
      </c>
      <c r="BO21" s="328">
        <v>80942</v>
      </c>
      <c r="BP21" s="330">
        <v>107320</v>
      </c>
      <c r="BQ21" s="326">
        <v>21224</v>
      </c>
      <c r="BR21" s="327">
        <v>0</v>
      </c>
      <c r="BS21" s="328">
        <v>21224</v>
      </c>
      <c r="BT21" s="326">
        <v>0</v>
      </c>
      <c r="BU21" s="327">
        <v>96404</v>
      </c>
      <c r="BV21" s="327">
        <v>256753</v>
      </c>
      <c r="BW21" s="327">
        <v>159999</v>
      </c>
      <c r="BX21" s="327">
        <v>169050</v>
      </c>
      <c r="BY21" s="327">
        <v>119504</v>
      </c>
      <c r="BZ21" s="328">
        <v>801710</v>
      </c>
      <c r="CA21" s="330">
        <v>822934</v>
      </c>
      <c r="CB21" s="326">
        <v>92819</v>
      </c>
      <c r="CC21" s="327">
        <v>201873</v>
      </c>
      <c r="CD21" s="328">
        <v>294692</v>
      </c>
      <c r="CE21" s="326">
        <v>0</v>
      </c>
      <c r="CF21" s="327">
        <v>1043867</v>
      </c>
      <c r="CG21" s="327">
        <v>1783778</v>
      </c>
      <c r="CH21" s="327">
        <v>736783</v>
      </c>
      <c r="CI21" s="327">
        <v>298435</v>
      </c>
      <c r="CJ21" s="327">
        <v>290381</v>
      </c>
      <c r="CK21" s="328">
        <v>4153244</v>
      </c>
      <c r="CL21" s="330">
        <v>4447936</v>
      </c>
      <c r="CM21" s="326">
        <v>0</v>
      </c>
      <c r="CN21" s="327">
        <v>0</v>
      </c>
      <c r="CO21" s="328">
        <v>0</v>
      </c>
      <c r="CP21" s="332">
        <v>0</v>
      </c>
      <c r="CQ21" s="327">
        <v>605958</v>
      </c>
      <c r="CR21" s="327">
        <v>1141017</v>
      </c>
      <c r="CS21" s="327">
        <v>434670</v>
      </c>
      <c r="CT21" s="327">
        <v>211699</v>
      </c>
      <c r="CU21" s="327">
        <v>125971</v>
      </c>
      <c r="CV21" s="328">
        <v>2519315</v>
      </c>
      <c r="CW21" s="330">
        <v>2519315</v>
      </c>
      <c r="CX21" s="326">
        <v>92819</v>
      </c>
      <c r="CY21" s="327">
        <v>201873</v>
      </c>
      <c r="CZ21" s="328">
        <v>294692</v>
      </c>
      <c r="DA21" s="326">
        <v>0</v>
      </c>
      <c r="DB21" s="327">
        <v>437909</v>
      </c>
      <c r="DC21" s="327">
        <v>642761</v>
      </c>
      <c r="DD21" s="327">
        <v>302113</v>
      </c>
      <c r="DE21" s="327">
        <v>86736</v>
      </c>
      <c r="DF21" s="327">
        <v>164410</v>
      </c>
      <c r="DG21" s="328">
        <v>1633929</v>
      </c>
      <c r="DH21" s="330">
        <v>1928621</v>
      </c>
      <c r="DI21" s="326">
        <v>0</v>
      </c>
      <c r="DJ21" s="327">
        <v>77255</v>
      </c>
      <c r="DK21" s="331">
        <v>77255</v>
      </c>
      <c r="DL21" s="332">
        <v>0</v>
      </c>
      <c r="DM21" s="327">
        <v>73074</v>
      </c>
      <c r="DN21" s="327">
        <v>516860</v>
      </c>
      <c r="DO21" s="327">
        <v>348612</v>
      </c>
      <c r="DP21" s="327">
        <v>77241</v>
      </c>
      <c r="DQ21" s="327">
        <v>195938</v>
      </c>
      <c r="DR21" s="328">
        <v>1211725</v>
      </c>
      <c r="DS21" s="330">
        <v>1288980</v>
      </c>
      <c r="DT21" s="326">
        <v>0</v>
      </c>
      <c r="DU21" s="327">
        <v>77255</v>
      </c>
      <c r="DV21" s="328">
        <v>77255</v>
      </c>
      <c r="DW21" s="326">
        <v>0</v>
      </c>
      <c r="DX21" s="327">
        <v>73074</v>
      </c>
      <c r="DY21" s="327">
        <v>485732</v>
      </c>
      <c r="DZ21" s="327">
        <v>165933</v>
      </c>
      <c r="EA21" s="327">
        <v>77241</v>
      </c>
      <c r="EB21" s="327">
        <v>195938</v>
      </c>
      <c r="EC21" s="328">
        <v>997918</v>
      </c>
      <c r="ED21" s="330">
        <v>1075173</v>
      </c>
      <c r="EE21" s="326">
        <v>0</v>
      </c>
      <c r="EF21" s="331">
        <v>0</v>
      </c>
      <c r="EG21" s="328">
        <v>0</v>
      </c>
      <c r="EH21" s="326">
        <v>0</v>
      </c>
      <c r="EI21" s="327">
        <v>0</v>
      </c>
      <c r="EJ21" s="327">
        <v>31128</v>
      </c>
      <c r="EK21" s="327">
        <v>182679</v>
      </c>
      <c r="EL21" s="327">
        <v>0</v>
      </c>
      <c r="EM21" s="327">
        <v>0</v>
      </c>
      <c r="EN21" s="331">
        <v>213807</v>
      </c>
      <c r="EO21" s="330">
        <v>213807</v>
      </c>
      <c r="EP21" s="326">
        <v>0</v>
      </c>
      <c r="EQ21" s="327">
        <v>0</v>
      </c>
      <c r="ER21" s="331">
        <v>0</v>
      </c>
      <c r="ES21" s="332">
        <v>0</v>
      </c>
      <c r="ET21" s="327">
        <v>0</v>
      </c>
      <c r="EU21" s="327">
        <v>0</v>
      </c>
      <c r="EV21" s="327">
        <v>0</v>
      </c>
      <c r="EW21" s="327">
        <v>0</v>
      </c>
      <c r="EX21" s="327">
        <v>0</v>
      </c>
      <c r="EY21" s="328">
        <v>0</v>
      </c>
      <c r="EZ21" s="330">
        <v>0</v>
      </c>
      <c r="FA21" s="326">
        <v>0</v>
      </c>
      <c r="FB21" s="327">
        <v>0</v>
      </c>
      <c r="FC21" s="331">
        <v>0</v>
      </c>
      <c r="FD21" s="404">
        <v>0</v>
      </c>
      <c r="FE21" s="327">
        <v>0</v>
      </c>
      <c r="FF21" s="327">
        <v>0</v>
      </c>
      <c r="FG21" s="327">
        <v>0</v>
      </c>
      <c r="FH21" s="327">
        <v>0</v>
      </c>
      <c r="FI21" s="327">
        <v>0</v>
      </c>
      <c r="FJ21" s="328">
        <v>0</v>
      </c>
      <c r="FK21" s="330">
        <v>0</v>
      </c>
      <c r="FL21" s="326">
        <v>64556</v>
      </c>
      <c r="FM21" s="327">
        <v>191450</v>
      </c>
      <c r="FN21" s="328">
        <v>256006</v>
      </c>
      <c r="FO21" s="326">
        <v>0</v>
      </c>
      <c r="FP21" s="327">
        <v>93597</v>
      </c>
      <c r="FQ21" s="327">
        <v>387184</v>
      </c>
      <c r="FR21" s="327">
        <v>228823</v>
      </c>
      <c r="FS21" s="327">
        <v>311185</v>
      </c>
      <c r="FT21" s="327">
        <v>205240</v>
      </c>
      <c r="FU21" s="328">
        <v>1226029</v>
      </c>
      <c r="FV21" s="330">
        <v>1482035</v>
      </c>
      <c r="FW21" s="333">
        <v>43428</v>
      </c>
      <c r="FX21" s="327">
        <v>51450</v>
      </c>
      <c r="FY21" s="331">
        <v>94878</v>
      </c>
      <c r="FZ21" s="332">
        <v>0</v>
      </c>
      <c r="GA21" s="327">
        <v>93597</v>
      </c>
      <c r="GB21" s="327">
        <v>374248</v>
      </c>
      <c r="GC21" s="327">
        <v>228823</v>
      </c>
      <c r="GD21" s="327">
        <v>267449</v>
      </c>
      <c r="GE21" s="327">
        <v>205240</v>
      </c>
      <c r="GF21" s="328">
        <v>1169357</v>
      </c>
      <c r="GG21" s="334">
        <v>1264235</v>
      </c>
      <c r="GH21" s="333">
        <v>21128</v>
      </c>
      <c r="GI21" s="327">
        <v>0</v>
      </c>
      <c r="GJ21" s="331">
        <v>21128</v>
      </c>
      <c r="GK21" s="332">
        <v>0</v>
      </c>
      <c r="GL21" s="327">
        <v>0</v>
      </c>
      <c r="GM21" s="327">
        <v>12936</v>
      </c>
      <c r="GN21" s="327">
        <v>0</v>
      </c>
      <c r="GO21" s="327">
        <v>43736</v>
      </c>
      <c r="GP21" s="327">
        <v>0</v>
      </c>
      <c r="GQ21" s="328">
        <v>56672</v>
      </c>
      <c r="GR21" s="330">
        <v>77800</v>
      </c>
      <c r="GS21" s="326">
        <v>0</v>
      </c>
      <c r="GT21" s="327">
        <v>140000</v>
      </c>
      <c r="GU21" s="328">
        <v>140000</v>
      </c>
      <c r="GV21" s="326">
        <v>0</v>
      </c>
      <c r="GW21" s="327">
        <v>0</v>
      </c>
      <c r="GX21" s="327">
        <v>0</v>
      </c>
      <c r="GY21" s="327">
        <v>0</v>
      </c>
      <c r="GZ21" s="327">
        <v>0</v>
      </c>
      <c r="HA21" s="327">
        <v>0</v>
      </c>
      <c r="HB21" s="331">
        <v>0</v>
      </c>
      <c r="HC21" s="330">
        <v>140000</v>
      </c>
      <c r="HD21" s="326">
        <v>155482</v>
      </c>
      <c r="HE21" s="327">
        <v>0</v>
      </c>
      <c r="HF21" s="331">
        <v>155482</v>
      </c>
      <c r="HG21" s="332">
        <v>0</v>
      </c>
      <c r="HH21" s="327">
        <v>557947</v>
      </c>
      <c r="HI21" s="327">
        <v>1453639</v>
      </c>
      <c r="HJ21" s="327">
        <v>2053769</v>
      </c>
      <c r="HK21" s="327">
        <v>1937716</v>
      </c>
      <c r="HL21" s="327">
        <v>1712783</v>
      </c>
      <c r="HM21" s="328">
        <v>7715854</v>
      </c>
      <c r="HN21" s="329">
        <v>7871336</v>
      </c>
      <c r="HO21" s="333">
        <v>0</v>
      </c>
      <c r="HP21" s="327">
        <v>0</v>
      </c>
      <c r="HQ21" s="328">
        <v>0</v>
      </c>
      <c r="HR21" s="326">
        <v>0</v>
      </c>
      <c r="HS21" s="327">
        <v>0</v>
      </c>
      <c r="HT21" s="327">
        <v>0</v>
      </c>
      <c r="HU21" s="327">
        <v>0</v>
      </c>
      <c r="HV21" s="327">
        <v>0</v>
      </c>
      <c r="HW21" s="327">
        <v>0</v>
      </c>
      <c r="HX21" s="331">
        <v>0</v>
      </c>
      <c r="HY21" s="330">
        <v>0</v>
      </c>
      <c r="HZ21" s="335">
        <v>0</v>
      </c>
      <c r="IA21" s="336">
        <v>0</v>
      </c>
      <c r="IB21" s="337">
        <v>0</v>
      </c>
      <c r="IC21" s="338">
        <v>0</v>
      </c>
      <c r="ID21" s="336">
        <v>1056997</v>
      </c>
      <c r="IE21" s="339">
        <v>942122</v>
      </c>
      <c r="IF21" s="337">
        <v>360067</v>
      </c>
      <c r="IG21" s="336">
        <v>405579</v>
      </c>
      <c r="IH21" s="337">
        <v>256389</v>
      </c>
      <c r="II21" s="340">
        <v>3021154</v>
      </c>
      <c r="IJ21" s="341">
        <v>3021154</v>
      </c>
      <c r="IK21" s="342">
        <v>0</v>
      </c>
      <c r="IL21" s="343">
        <v>0</v>
      </c>
      <c r="IM21" s="344">
        <v>0</v>
      </c>
      <c r="IN21" s="404">
        <v>0</v>
      </c>
      <c r="IO21" s="345">
        <v>0</v>
      </c>
      <c r="IP21" s="345">
        <v>0</v>
      </c>
      <c r="IQ21" s="345">
        <v>157936</v>
      </c>
      <c r="IR21" s="345">
        <v>167049</v>
      </c>
      <c r="IS21" s="345">
        <v>0</v>
      </c>
      <c r="IT21" s="346">
        <v>324985</v>
      </c>
      <c r="IU21" s="347">
        <v>324985</v>
      </c>
      <c r="IV21" s="348">
        <v>0</v>
      </c>
      <c r="IW21" s="345">
        <v>0</v>
      </c>
      <c r="IX21" s="349">
        <v>0</v>
      </c>
      <c r="IY21" s="404">
        <v>0</v>
      </c>
      <c r="IZ21" s="345">
        <v>0</v>
      </c>
      <c r="JA21" s="345">
        <v>14522</v>
      </c>
      <c r="JB21" s="345">
        <v>0</v>
      </c>
      <c r="JC21" s="345">
        <v>0</v>
      </c>
      <c r="JD21" s="345">
        <v>0</v>
      </c>
      <c r="JE21" s="349">
        <v>14522</v>
      </c>
      <c r="JF21" s="350">
        <v>14522</v>
      </c>
      <c r="JG21" s="348">
        <v>0</v>
      </c>
      <c r="JH21" s="345">
        <v>0</v>
      </c>
      <c r="JI21" s="346">
        <v>0</v>
      </c>
      <c r="JJ21" s="351">
        <v>0</v>
      </c>
      <c r="JK21" s="345">
        <v>238077</v>
      </c>
      <c r="JL21" s="345">
        <v>319754</v>
      </c>
      <c r="JM21" s="345">
        <v>116036</v>
      </c>
      <c r="JN21" s="345">
        <v>0</v>
      </c>
      <c r="JO21" s="345">
        <v>0</v>
      </c>
      <c r="JP21" s="349">
        <v>673867</v>
      </c>
      <c r="JQ21" s="347">
        <v>673867</v>
      </c>
      <c r="JR21" s="348">
        <v>0</v>
      </c>
      <c r="JS21" s="345">
        <v>0</v>
      </c>
      <c r="JT21" s="346">
        <v>0</v>
      </c>
      <c r="JU21" s="351">
        <v>0</v>
      </c>
      <c r="JV21" s="345">
        <v>49951</v>
      </c>
      <c r="JW21" s="345">
        <v>0</v>
      </c>
      <c r="JX21" s="345">
        <v>0</v>
      </c>
      <c r="JY21" s="345">
        <v>0</v>
      </c>
      <c r="JZ21" s="345">
        <v>0</v>
      </c>
      <c r="KA21" s="349">
        <v>49951</v>
      </c>
      <c r="KB21" s="347">
        <v>49951</v>
      </c>
      <c r="KC21" s="352">
        <v>0</v>
      </c>
      <c r="KD21" s="353">
        <v>0</v>
      </c>
      <c r="KE21" s="349">
        <v>0</v>
      </c>
      <c r="KF21" s="351">
        <v>0</v>
      </c>
      <c r="KG21" s="345">
        <v>312687</v>
      </c>
      <c r="KH21" s="345">
        <v>162596</v>
      </c>
      <c r="KI21" s="345">
        <v>0</v>
      </c>
      <c r="KJ21" s="345">
        <v>0</v>
      </c>
      <c r="KK21" s="345">
        <v>256389</v>
      </c>
      <c r="KL21" s="349">
        <v>731672</v>
      </c>
      <c r="KM21" s="354">
        <v>731672</v>
      </c>
      <c r="KN21" s="342">
        <v>0</v>
      </c>
      <c r="KO21" s="343">
        <v>0</v>
      </c>
      <c r="KP21" s="344">
        <v>0</v>
      </c>
      <c r="KQ21" s="404">
        <v>0</v>
      </c>
      <c r="KR21" s="345">
        <v>217776</v>
      </c>
      <c r="KS21" s="345">
        <v>445250</v>
      </c>
      <c r="KT21" s="345">
        <v>86095</v>
      </c>
      <c r="KU21" s="345">
        <v>238530</v>
      </c>
      <c r="KV21" s="345">
        <v>0</v>
      </c>
      <c r="KW21" s="349">
        <v>987651</v>
      </c>
      <c r="KX21" s="347">
        <v>987651</v>
      </c>
      <c r="KY21" s="348">
        <v>0</v>
      </c>
      <c r="KZ21" s="345">
        <v>0</v>
      </c>
      <c r="LA21" s="349">
        <v>0</v>
      </c>
      <c r="LB21" s="404">
        <v>0</v>
      </c>
      <c r="LC21" s="345">
        <v>0</v>
      </c>
      <c r="LD21" s="345">
        <v>0</v>
      </c>
      <c r="LE21" s="345">
        <v>0</v>
      </c>
      <c r="LF21" s="345">
        <v>0</v>
      </c>
      <c r="LG21" s="345">
        <v>0</v>
      </c>
      <c r="LH21" s="349">
        <v>0</v>
      </c>
      <c r="LI21" s="350">
        <v>0</v>
      </c>
      <c r="LJ21" s="348">
        <v>0</v>
      </c>
      <c r="LK21" s="345">
        <v>0</v>
      </c>
      <c r="LL21" s="349">
        <v>0</v>
      </c>
      <c r="LM21" s="404">
        <v>0</v>
      </c>
      <c r="LN21" s="345">
        <v>0</v>
      </c>
      <c r="LO21" s="345">
        <v>0</v>
      </c>
      <c r="LP21" s="345">
        <v>0</v>
      </c>
      <c r="LQ21" s="345">
        <v>0</v>
      </c>
      <c r="LR21" s="345">
        <v>0</v>
      </c>
      <c r="LS21" s="349">
        <v>0</v>
      </c>
      <c r="LT21" s="347">
        <v>0</v>
      </c>
      <c r="LU21" s="348">
        <v>0</v>
      </c>
      <c r="LV21" s="345">
        <v>0</v>
      </c>
      <c r="LW21" s="349">
        <v>0</v>
      </c>
      <c r="LX21" s="404">
        <v>0</v>
      </c>
      <c r="LY21" s="345">
        <v>238506</v>
      </c>
      <c r="LZ21" s="345">
        <v>0</v>
      </c>
      <c r="MA21" s="345">
        <v>0</v>
      </c>
      <c r="MB21" s="345">
        <v>0</v>
      </c>
      <c r="MC21" s="345">
        <v>0</v>
      </c>
      <c r="MD21" s="349">
        <v>238506</v>
      </c>
      <c r="ME21" s="350">
        <v>238506</v>
      </c>
      <c r="MF21" s="348">
        <v>0</v>
      </c>
      <c r="MG21" s="345">
        <v>0</v>
      </c>
      <c r="MH21" s="349">
        <v>0</v>
      </c>
      <c r="MI21" s="404">
        <v>0</v>
      </c>
      <c r="MJ21" s="345">
        <v>0</v>
      </c>
      <c r="MK21" s="345">
        <v>529604</v>
      </c>
      <c r="ML21" s="345">
        <v>3143860</v>
      </c>
      <c r="MM21" s="345">
        <v>2495478</v>
      </c>
      <c r="MN21" s="345">
        <v>1407297</v>
      </c>
      <c r="MO21" s="349">
        <v>7576239</v>
      </c>
      <c r="MP21" s="354">
        <v>7576239</v>
      </c>
      <c r="MQ21" s="348">
        <v>0</v>
      </c>
      <c r="MR21" s="345">
        <v>0</v>
      </c>
      <c r="MS21" s="349">
        <v>0</v>
      </c>
      <c r="MT21" s="404">
        <v>0</v>
      </c>
      <c r="MU21" s="345">
        <v>0</v>
      </c>
      <c r="MV21" s="345">
        <v>0</v>
      </c>
      <c r="MW21" s="345">
        <v>1062408</v>
      </c>
      <c r="MX21" s="345">
        <v>2068208</v>
      </c>
      <c r="MY21" s="345">
        <v>562696</v>
      </c>
      <c r="MZ21" s="349">
        <v>3693312</v>
      </c>
      <c r="NA21" s="354">
        <v>3693312</v>
      </c>
      <c r="NB21" s="348">
        <v>0</v>
      </c>
      <c r="NC21" s="345">
        <v>0</v>
      </c>
      <c r="ND21" s="349">
        <v>0</v>
      </c>
      <c r="NE21" s="404">
        <v>0</v>
      </c>
      <c r="NF21" s="345">
        <v>0</v>
      </c>
      <c r="NG21" s="345">
        <v>529604</v>
      </c>
      <c r="NH21" s="345">
        <v>2081452</v>
      </c>
      <c r="NI21" s="345">
        <v>427270</v>
      </c>
      <c r="NJ21" s="345">
        <v>844601</v>
      </c>
      <c r="NK21" s="349">
        <v>3882927</v>
      </c>
      <c r="NL21" s="347">
        <v>3882927</v>
      </c>
      <c r="NM21" s="348">
        <v>0</v>
      </c>
      <c r="NN21" s="345">
        <v>0</v>
      </c>
      <c r="NO21" s="349">
        <v>0</v>
      </c>
      <c r="NP21" s="404">
        <v>0</v>
      </c>
      <c r="NQ21" s="345">
        <v>0</v>
      </c>
      <c r="NR21" s="345">
        <v>0</v>
      </c>
      <c r="NS21" s="345">
        <v>0</v>
      </c>
      <c r="NT21" s="345">
        <v>0</v>
      </c>
      <c r="NU21" s="345">
        <v>0</v>
      </c>
      <c r="NV21" s="349">
        <v>0</v>
      </c>
      <c r="NW21" s="350">
        <v>0</v>
      </c>
      <c r="NX21" s="348">
        <v>0</v>
      </c>
      <c r="NY21" s="345">
        <v>0</v>
      </c>
      <c r="NZ21" s="349">
        <v>0</v>
      </c>
      <c r="OA21" s="404">
        <v>0</v>
      </c>
      <c r="OB21" s="345">
        <v>0</v>
      </c>
      <c r="OC21" s="345">
        <v>0</v>
      </c>
      <c r="OD21" s="345">
        <v>0</v>
      </c>
      <c r="OE21" s="345">
        <v>0</v>
      </c>
      <c r="OF21" s="345">
        <v>0</v>
      </c>
      <c r="OG21" s="349">
        <v>0</v>
      </c>
      <c r="OH21" s="350">
        <v>0</v>
      </c>
      <c r="OI21" s="348">
        <v>430230</v>
      </c>
      <c r="OJ21" s="345">
        <v>514121</v>
      </c>
      <c r="OK21" s="346">
        <v>944351</v>
      </c>
      <c r="OL21" s="351">
        <v>0</v>
      </c>
      <c r="OM21" s="345">
        <v>3313243</v>
      </c>
      <c r="ON21" s="345">
        <v>7287098</v>
      </c>
      <c r="OO21" s="345">
        <v>7756466</v>
      </c>
      <c r="OP21" s="345">
        <v>6166832</v>
      </c>
      <c r="OQ21" s="345">
        <v>4531382</v>
      </c>
      <c r="OR21" s="349">
        <v>29055021</v>
      </c>
      <c r="OS21" s="354">
        <v>29999372</v>
      </c>
    </row>
    <row r="22" spans="2:409" s="70" customFormat="1" ht="21" customHeight="1" x14ac:dyDescent="0.2">
      <c r="B22" s="106" t="s">
        <v>17</v>
      </c>
      <c r="C22" s="326">
        <v>525638</v>
      </c>
      <c r="D22" s="327">
        <v>928671</v>
      </c>
      <c r="E22" s="328">
        <v>1454309</v>
      </c>
      <c r="F22" s="329">
        <v>0</v>
      </c>
      <c r="G22" s="327">
        <v>4438763</v>
      </c>
      <c r="H22" s="327">
        <v>7717295</v>
      </c>
      <c r="I22" s="327">
        <v>7852270</v>
      </c>
      <c r="J22" s="327">
        <v>5887323</v>
      </c>
      <c r="K22" s="327">
        <v>2929943</v>
      </c>
      <c r="L22" s="329">
        <v>28825594</v>
      </c>
      <c r="M22" s="330">
        <v>30279903</v>
      </c>
      <c r="N22" s="326">
        <v>156097</v>
      </c>
      <c r="O22" s="327">
        <v>338613</v>
      </c>
      <c r="P22" s="328">
        <v>494710</v>
      </c>
      <c r="Q22" s="326">
        <v>0</v>
      </c>
      <c r="R22" s="327">
        <v>883204</v>
      </c>
      <c r="S22" s="327">
        <v>2855634</v>
      </c>
      <c r="T22" s="327">
        <v>2985870</v>
      </c>
      <c r="U22" s="327">
        <v>2030261</v>
      </c>
      <c r="V22" s="327">
        <v>1336071</v>
      </c>
      <c r="W22" s="328">
        <v>10091040</v>
      </c>
      <c r="X22" s="330">
        <v>10585750</v>
      </c>
      <c r="Y22" s="326">
        <v>0</v>
      </c>
      <c r="Z22" s="327">
        <v>0</v>
      </c>
      <c r="AA22" s="328">
        <v>0</v>
      </c>
      <c r="AB22" s="326">
        <v>0</v>
      </c>
      <c r="AC22" s="327">
        <v>334474</v>
      </c>
      <c r="AD22" s="327">
        <v>1331930</v>
      </c>
      <c r="AE22" s="327">
        <v>1767204</v>
      </c>
      <c r="AF22" s="327">
        <v>1047514</v>
      </c>
      <c r="AG22" s="327">
        <v>463268</v>
      </c>
      <c r="AH22" s="328">
        <v>4944390</v>
      </c>
      <c r="AI22" s="330">
        <v>4944390</v>
      </c>
      <c r="AJ22" s="326">
        <v>0</v>
      </c>
      <c r="AK22" s="327">
        <v>0</v>
      </c>
      <c r="AL22" s="328">
        <v>0</v>
      </c>
      <c r="AM22" s="326">
        <v>0</v>
      </c>
      <c r="AN22" s="327">
        <v>0</v>
      </c>
      <c r="AO22" s="327">
        <v>0</v>
      </c>
      <c r="AP22" s="327">
        <v>64008</v>
      </c>
      <c r="AQ22" s="327">
        <v>150139</v>
      </c>
      <c r="AR22" s="327">
        <v>408046</v>
      </c>
      <c r="AS22" s="328">
        <v>622193</v>
      </c>
      <c r="AT22" s="330">
        <v>622193</v>
      </c>
      <c r="AU22" s="326">
        <v>63319</v>
      </c>
      <c r="AV22" s="327">
        <v>296529</v>
      </c>
      <c r="AW22" s="328">
        <v>359848</v>
      </c>
      <c r="AX22" s="326">
        <v>0</v>
      </c>
      <c r="AY22" s="327">
        <v>233910</v>
      </c>
      <c r="AZ22" s="327">
        <v>1094884</v>
      </c>
      <c r="BA22" s="327">
        <v>609809</v>
      </c>
      <c r="BB22" s="327">
        <v>500668</v>
      </c>
      <c r="BC22" s="327">
        <v>196496</v>
      </c>
      <c r="BD22" s="328">
        <v>2635767</v>
      </c>
      <c r="BE22" s="330">
        <v>2995615</v>
      </c>
      <c r="BF22" s="326">
        <v>32263</v>
      </c>
      <c r="BG22" s="327">
        <v>0</v>
      </c>
      <c r="BH22" s="331">
        <v>32263</v>
      </c>
      <c r="BI22" s="332">
        <v>0</v>
      </c>
      <c r="BJ22" s="327">
        <v>14282</v>
      </c>
      <c r="BK22" s="327">
        <v>81060</v>
      </c>
      <c r="BL22" s="327">
        <v>151442</v>
      </c>
      <c r="BM22" s="327">
        <v>0</v>
      </c>
      <c r="BN22" s="327">
        <v>0</v>
      </c>
      <c r="BO22" s="328">
        <v>246784</v>
      </c>
      <c r="BP22" s="330">
        <v>279047</v>
      </c>
      <c r="BQ22" s="326">
        <v>60515</v>
      </c>
      <c r="BR22" s="327">
        <v>42084</v>
      </c>
      <c r="BS22" s="328">
        <v>102599</v>
      </c>
      <c r="BT22" s="326">
        <v>0</v>
      </c>
      <c r="BU22" s="327">
        <v>300538</v>
      </c>
      <c r="BV22" s="327">
        <v>347760</v>
      </c>
      <c r="BW22" s="327">
        <v>393407</v>
      </c>
      <c r="BX22" s="327">
        <v>331940</v>
      </c>
      <c r="BY22" s="327">
        <v>268261</v>
      </c>
      <c r="BZ22" s="328">
        <v>1641906</v>
      </c>
      <c r="CA22" s="330">
        <v>1744505</v>
      </c>
      <c r="CB22" s="326">
        <v>94010</v>
      </c>
      <c r="CC22" s="327">
        <v>173685</v>
      </c>
      <c r="CD22" s="328">
        <v>267695</v>
      </c>
      <c r="CE22" s="326">
        <v>0</v>
      </c>
      <c r="CF22" s="327">
        <v>880833</v>
      </c>
      <c r="CG22" s="327">
        <v>2153930</v>
      </c>
      <c r="CH22" s="327">
        <v>1752552</v>
      </c>
      <c r="CI22" s="327">
        <v>841959</v>
      </c>
      <c r="CJ22" s="327">
        <v>0</v>
      </c>
      <c r="CK22" s="328">
        <v>5629274</v>
      </c>
      <c r="CL22" s="330">
        <v>5896969</v>
      </c>
      <c r="CM22" s="326">
        <v>0</v>
      </c>
      <c r="CN22" s="327">
        <v>0</v>
      </c>
      <c r="CO22" s="328">
        <v>0</v>
      </c>
      <c r="CP22" s="332">
        <v>0</v>
      </c>
      <c r="CQ22" s="327">
        <v>470267</v>
      </c>
      <c r="CR22" s="327">
        <v>1661485</v>
      </c>
      <c r="CS22" s="327">
        <v>1045316</v>
      </c>
      <c r="CT22" s="327">
        <v>514439</v>
      </c>
      <c r="CU22" s="327">
        <v>0</v>
      </c>
      <c r="CV22" s="328">
        <v>3691507</v>
      </c>
      <c r="CW22" s="330">
        <v>3691507</v>
      </c>
      <c r="CX22" s="326">
        <v>94010</v>
      </c>
      <c r="CY22" s="327">
        <v>173685</v>
      </c>
      <c r="CZ22" s="328">
        <v>267695</v>
      </c>
      <c r="DA22" s="326">
        <v>0</v>
      </c>
      <c r="DB22" s="327">
        <v>410566</v>
      </c>
      <c r="DC22" s="327">
        <v>492445</v>
      </c>
      <c r="DD22" s="327">
        <v>707236</v>
      </c>
      <c r="DE22" s="327">
        <v>327520</v>
      </c>
      <c r="DF22" s="327">
        <v>0</v>
      </c>
      <c r="DG22" s="328">
        <v>1937767</v>
      </c>
      <c r="DH22" s="330">
        <v>2205462</v>
      </c>
      <c r="DI22" s="326">
        <v>0</v>
      </c>
      <c r="DJ22" s="327">
        <v>0</v>
      </c>
      <c r="DK22" s="331">
        <v>0</v>
      </c>
      <c r="DL22" s="332">
        <v>0</v>
      </c>
      <c r="DM22" s="327">
        <v>143384</v>
      </c>
      <c r="DN22" s="327">
        <v>479152</v>
      </c>
      <c r="DO22" s="327">
        <v>768648</v>
      </c>
      <c r="DP22" s="327">
        <v>463165</v>
      </c>
      <c r="DQ22" s="327">
        <v>27147</v>
      </c>
      <c r="DR22" s="328">
        <v>1881496</v>
      </c>
      <c r="DS22" s="330">
        <v>1881496</v>
      </c>
      <c r="DT22" s="326">
        <v>0</v>
      </c>
      <c r="DU22" s="327">
        <v>0</v>
      </c>
      <c r="DV22" s="328">
        <v>0</v>
      </c>
      <c r="DW22" s="326">
        <v>0</v>
      </c>
      <c r="DX22" s="327">
        <v>95972</v>
      </c>
      <c r="DY22" s="327">
        <v>205359</v>
      </c>
      <c r="DZ22" s="327">
        <v>747559</v>
      </c>
      <c r="EA22" s="327">
        <v>463165</v>
      </c>
      <c r="EB22" s="327">
        <v>27147</v>
      </c>
      <c r="EC22" s="328">
        <v>1539202</v>
      </c>
      <c r="ED22" s="330">
        <v>1539202</v>
      </c>
      <c r="EE22" s="326">
        <v>0</v>
      </c>
      <c r="EF22" s="331">
        <v>0</v>
      </c>
      <c r="EG22" s="328">
        <v>0</v>
      </c>
      <c r="EH22" s="326">
        <v>0</v>
      </c>
      <c r="EI22" s="327">
        <v>47412</v>
      </c>
      <c r="EJ22" s="327">
        <v>273793</v>
      </c>
      <c r="EK22" s="327">
        <v>21089</v>
      </c>
      <c r="EL22" s="327">
        <v>0</v>
      </c>
      <c r="EM22" s="327">
        <v>0</v>
      </c>
      <c r="EN22" s="331">
        <v>342294</v>
      </c>
      <c r="EO22" s="330">
        <v>342294</v>
      </c>
      <c r="EP22" s="326">
        <v>0</v>
      </c>
      <c r="EQ22" s="327">
        <v>0</v>
      </c>
      <c r="ER22" s="331">
        <v>0</v>
      </c>
      <c r="ES22" s="332">
        <v>0</v>
      </c>
      <c r="ET22" s="327">
        <v>0</v>
      </c>
      <c r="EU22" s="327">
        <v>0</v>
      </c>
      <c r="EV22" s="327">
        <v>0</v>
      </c>
      <c r="EW22" s="327">
        <v>0</v>
      </c>
      <c r="EX22" s="327">
        <v>0</v>
      </c>
      <c r="EY22" s="328">
        <v>0</v>
      </c>
      <c r="EZ22" s="330">
        <v>0</v>
      </c>
      <c r="FA22" s="326">
        <v>0</v>
      </c>
      <c r="FB22" s="327">
        <v>0</v>
      </c>
      <c r="FC22" s="331">
        <v>0</v>
      </c>
      <c r="FD22" s="404">
        <v>0</v>
      </c>
      <c r="FE22" s="327">
        <v>0</v>
      </c>
      <c r="FF22" s="327">
        <v>0</v>
      </c>
      <c r="FG22" s="327">
        <v>0</v>
      </c>
      <c r="FH22" s="327">
        <v>0</v>
      </c>
      <c r="FI22" s="327">
        <v>0</v>
      </c>
      <c r="FJ22" s="328">
        <v>0</v>
      </c>
      <c r="FK22" s="330">
        <v>0</v>
      </c>
      <c r="FL22" s="326">
        <v>177562</v>
      </c>
      <c r="FM22" s="327">
        <v>137312</v>
      </c>
      <c r="FN22" s="328">
        <v>314874</v>
      </c>
      <c r="FO22" s="326">
        <v>0</v>
      </c>
      <c r="FP22" s="327">
        <v>295883</v>
      </c>
      <c r="FQ22" s="327">
        <v>881276</v>
      </c>
      <c r="FR22" s="327">
        <v>619983</v>
      </c>
      <c r="FS22" s="327">
        <v>420483</v>
      </c>
      <c r="FT22" s="327">
        <v>186172</v>
      </c>
      <c r="FU22" s="328">
        <v>2403797</v>
      </c>
      <c r="FV22" s="330">
        <v>2718671</v>
      </c>
      <c r="FW22" s="333">
        <v>37072</v>
      </c>
      <c r="FX22" s="327">
        <v>137312</v>
      </c>
      <c r="FY22" s="331">
        <v>174384</v>
      </c>
      <c r="FZ22" s="332">
        <v>0</v>
      </c>
      <c r="GA22" s="327">
        <v>189623</v>
      </c>
      <c r="GB22" s="327">
        <v>744016</v>
      </c>
      <c r="GC22" s="327">
        <v>619983</v>
      </c>
      <c r="GD22" s="327">
        <v>396473</v>
      </c>
      <c r="GE22" s="327">
        <v>186172</v>
      </c>
      <c r="GF22" s="328">
        <v>2136267</v>
      </c>
      <c r="GG22" s="334">
        <v>2310651</v>
      </c>
      <c r="GH22" s="333">
        <v>17290</v>
      </c>
      <c r="GI22" s="327">
        <v>0</v>
      </c>
      <c r="GJ22" s="331">
        <v>17290</v>
      </c>
      <c r="GK22" s="332">
        <v>0</v>
      </c>
      <c r="GL22" s="327">
        <v>83510</v>
      </c>
      <c r="GM22" s="327">
        <v>40810</v>
      </c>
      <c r="GN22" s="327">
        <v>0</v>
      </c>
      <c r="GO22" s="327">
        <v>24010</v>
      </c>
      <c r="GP22" s="327">
        <v>0</v>
      </c>
      <c r="GQ22" s="328">
        <v>148330</v>
      </c>
      <c r="GR22" s="330">
        <v>165620</v>
      </c>
      <c r="GS22" s="326">
        <v>123200</v>
      </c>
      <c r="GT22" s="327">
        <v>0</v>
      </c>
      <c r="GU22" s="328">
        <v>123200</v>
      </c>
      <c r="GV22" s="326">
        <v>0</v>
      </c>
      <c r="GW22" s="327">
        <v>22750</v>
      </c>
      <c r="GX22" s="327">
        <v>96450</v>
      </c>
      <c r="GY22" s="327">
        <v>0</v>
      </c>
      <c r="GZ22" s="327">
        <v>0</v>
      </c>
      <c r="HA22" s="327">
        <v>0</v>
      </c>
      <c r="HB22" s="331">
        <v>119200</v>
      </c>
      <c r="HC22" s="330">
        <v>242400</v>
      </c>
      <c r="HD22" s="326">
        <v>97969</v>
      </c>
      <c r="HE22" s="327">
        <v>279061</v>
      </c>
      <c r="HF22" s="331">
        <v>377030</v>
      </c>
      <c r="HG22" s="332">
        <v>0</v>
      </c>
      <c r="HH22" s="327">
        <v>2235459</v>
      </c>
      <c r="HI22" s="327">
        <v>1347303</v>
      </c>
      <c r="HJ22" s="327">
        <v>1725217</v>
      </c>
      <c r="HK22" s="327">
        <v>2131455</v>
      </c>
      <c r="HL22" s="327">
        <v>1380553</v>
      </c>
      <c r="HM22" s="328">
        <v>8819987</v>
      </c>
      <c r="HN22" s="329">
        <v>9197017</v>
      </c>
      <c r="HO22" s="333">
        <v>0</v>
      </c>
      <c r="HP22" s="327">
        <v>0</v>
      </c>
      <c r="HQ22" s="328">
        <v>0</v>
      </c>
      <c r="HR22" s="326">
        <v>0</v>
      </c>
      <c r="HS22" s="327">
        <v>0</v>
      </c>
      <c r="HT22" s="327">
        <v>0</v>
      </c>
      <c r="HU22" s="327">
        <v>0</v>
      </c>
      <c r="HV22" s="327">
        <v>0</v>
      </c>
      <c r="HW22" s="327">
        <v>0</v>
      </c>
      <c r="HX22" s="331">
        <v>0</v>
      </c>
      <c r="HY22" s="330">
        <v>0</v>
      </c>
      <c r="HZ22" s="358">
        <v>0</v>
      </c>
      <c r="IA22" s="356">
        <v>0</v>
      </c>
      <c r="IB22" s="358">
        <v>0</v>
      </c>
      <c r="IC22" s="355">
        <v>0</v>
      </c>
      <c r="ID22" s="356">
        <v>1267293</v>
      </c>
      <c r="IE22" s="357">
        <v>1163887</v>
      </c>
      <c r="IF22" s="358">
        <v>2570191</v>
      </c>
      <c r="IG22" s="356">
        <v>1385691</v>
      </c>
      <c r="IH22" s="358">
        <v>1334365</v>
      </c>
      <c r="II22" s="359">
        <v>7721427</v>
      </c>
      <c r="IJ22" s="358">
        <v>7721427</v>
      </c>
      <c r="IK22" s="342">
        <v>0</v>
      </c>
      <c r="IL22" s="343">
        <v>0</v>
      </c>
      <c r="IM22" s="344">
        <v>0</v>
      </c>
      <c r="IN22" s="404">
        <v>0</v>
      </c>
      <c r="IO22" s="345">
        <v>0</v>
      </c>
      <c r="IP22" s="345">
        <v>0</v>
      </c>
      <c r="IQ22" s="345">
        <v>0</v>
      </c>
      <c r="IR22" s="345">
        <v>0</v>
      </c>
      <c r="IS22" s="345">
        <v>0</v>
      </c>
      <c r="IT22" s="346">
        <v>0</v>
      </c>
      <c r="IU22" s="347">
        <v>0</v>
      </c>
      <c r="IV22" s="348">
        <v>0</v>
      </c>
      <c r="IW22" s="345">
        <v>0</v>
      </c>
      <c r="IX22" s="349">
        <v>0</v>
      </c>
      <c r="IY22" s="404">
        <v>0</v>
      </c>
      <c r="IZ22" s="345">
        <v>0</v>
      </c>
      <c r="JA22" s="345">
        <v>0</v>
      </c>
      <c r="JB22" s="345">
        <v>0</v>
      </c>
      <c r="JC22" s="345">
        <v>0</v>
      </c>
      <c r="JD22" s="345">
        <v>0</v>
      </c>
      <c r="JE22" s="349">
        <v>0</v>
      </c>
      <c r="JF22" s="350">
        <v>0</v>
      </c>
      <c r="JG22" s="348">
        <v>0</v>
      </c>
      <c r="JH22" s="345">
        <v>0</v>
      </c>
      <c r="JI22" s="346">
        <v>0</v>
      </c>
      <c r="JJ22" s="351">
        <v>0</v>
      </c>
      <c r="JK22" s="345">
        <v>886800</v>
      </c>
      <c r="JL22" s="345">
        <v>658171</v>
      </c>
      <c r="JM22" s="345">
        <v>737514</v>
      </c>
      <c r="JN22" s="345">
        <v>556076</v>
      </c>
      <c r="JO22" s="345">
        <v>128415</v>
      </c>
      <c r="JP22" s="349">
        <v>2966976</v>
      </c>
      <c r="JQ22" s="347">
        <v>2966976</v>
      </c>
      <c r="JR22" s="348">
        <v>0</v>
      </c>
      <c r="JS22" s="345">
        <v>0</v>
      </c>
      <c r="JT22" s="346">
        <v>0</v>
      </c>
      <c r="JU22" s="351">
        <v>0</v>
      </c>
      <c r="JV22" s="345">
        <v>164467</v>
      </c>
      <c r="JW22" s="345">
        <v>51618</v>
      </c>
      <c r="JX22" s="345">
        <v>0</v>
      </c>
      <c r="JY22" s="345">
        <v>0</v>
      </c>
      <c r="JZ22" s="345">
        <v>0</v>
      </c>
      <c r="KA22" s="349">
        <v>216085</v>
      </c>
      <c r="KB22" s="347">
        <v>216085</v>
      </c>
      <c r="KC22" s="352">
        <v>0</v>
      </c>
      <c r="KD22" s="353">
        <v>0</v>
      </c>
      <c r="KE22" s="349">
        <v>0</v>
      </c>
      <c r="KF22" s="351">
        <v>0</v>
      </c>
      <c r="KG22" s="345">
        <v>0</v>
      </c>
      <c r="KH22" s="345">
        <v>0</v>
      </c>
      <c r="KI22" s="345">
        <v>669423</v>
      </c>
      <c r="KJ22" s="345">
        <v>238020</v>
      </c>
      <c r="KK22" s="345">
        <v>447065</v>
      </c>
      <c r="KL22" s="349">
        <v>1354508</v>
      </c>
      <c r="KM22" s="354">
        <v>1354508</v>
      </c>
      <c r="KN22" s="342">
        <v>0</v>
      </c>
      <c r="KO22" s="343">
        <v>0</v>
      </c>
      <c r="KP22" s="344">
        <v>0</v>
      </c>
      <c r="KQ22" s="404">
        <v>0</v>
      </c>
      <c r="KR22" s="345">
        <v>216026</v>
      </c>
      <c r="KS22" s="345">
        <v>454098</v>
      </c>
      <c r="KT22" s="345">
        <v>935469</v>
      </c>
      <c r="KU22" s="345">
        <v>120527</v>
      </c>
      <c r="KV22" s="345">
        <v>493585</v>
      </c>
      <c r="KW22" s="349">
        <v>2219705</v>
      </c>
      <c r="KX22" s="347">
        <v>2219705</v>
      </c>
      <c r="KY22" s="348">
        <v>0</v>
      </c>
      <c r="KZ22" s="345">
        <v>0</v>
      </c>
      <c r="LA22" s="349">
        <v>0</v>
      </c>
      <c r="LB22" s="404">
        <v>0</v>
      </c>
      <c r="LC22" s="345">
        <v>0</v>
      </c>
      <c r="LD22" s="345">
        <v>0</v>
      </c>
      <c r="LE22" s="345">
        <v>0</v>
      </c>
      <c r="LF22" s="345">
        <v>0</v>
      </c>
      <c r="LG22" s="345">
        <v>0</v>
      </c>
      <c r="LH22" s="349">
        <v>0</v>
      </c>
      <c r="LI22" s="350">
        <v>0</v>
      </c>
      <c r="LJ22" s="348">
        <v>0</v>
      </c>
      <c r="LK22" s="345">
        <v>0</v>
      </c>
      <c r="LL22" s="349">
        <v>0</v>
      </c>
      <c r="LM22" s="404">
        <v>0</v>
      </c>
      <c r="LN22" s="345">
        <v>0</v>
      </c>
      <c r="LO22" s="345">
        <v>0</v>
      </c>
      <c r="LP22" s="345">
        <v>227785</v>
      </c>
      <c r="LQ22" s="345">
        <v>206090</v>
      </c>
      <c r="LR22" s="345">
        <v>265300</v>
      </c>
      <c r="LS22" s="349">
        <v>699175</v>
      </c>
      <c r="LT22" s="347">
        <v>699175</v>
      </c>
      <c r="LU22" s="348">
        <v>0</v>
      </c>
      <c r="LV22" s="345">
        <v>0</v>
      </c>
      <c r="LW22" s="349">
        <v>0</v>
      </c>
      <c r="LX22" s="404">
        <v>0</v>
      </c>
      <c r="LY22" s="345">
        <v>0</v>
      </c>
      <c r="LZ22" s="345">
        <v>0</v>
      </c>
      <c r="MA22" s="345">
        <v>0</v>
      </c>
      <c r="MB22" s="345">
        <v>264978</v>
      </c>
      <c r="MC22" s="345">
        <v>0</v>
      </c>
      <c r="MD22" s="349">
        <v>264978</v>
      </c>
      <c r="ME22" s="350">
        <v>264978</v>
      </c>
      <c r="MF22" s="348">
        <v>0</v>
      </c>
      <c r="MG22" s="345">
        <v>0</v>
      </c>
      <c r="MH22" s="349">
        <v>0</v>
      </c>
      <c r="MI22" s="404">
        <v>0</v>
      </c>
      <c r="MJ22" s="345">
        <v>230214</v>
      </c>
      <c r="MK22" s="345">
        <v>1937151</v>
      </c>
      <c r="ML22" s="345">
        <v>3747976</v>
      </c>
      <c r="MM22" s="345">
        <v>3456629</v>
      </c>
      <c r="MN22" s="345">
        <v>2868464</v>
      </c>
      <c r="MO22" s="349">
        <v>12240434</v>
      </c>
      <c r="MP22" s="354">
        <v>12240434</v>
      </c>
      <c r="MQ22" s="348">
        <v>0</v>
      </c>
      <c r="MR22" s="345">
        <v>0</v>
      </c>
      <c r="MS22" s="349">
        <v>0</v>
      </c>
      <c r="MT22" s="404">
        <v>0</v>
      </c>
      <c r="MU22" s="345">
        <v>0</v>
      </c>
      <c r="MV22" s="345">
        <v>224892</v>
      </c>
      <c r="MW22" s="345">
        <v>1569160</v>
      </c>
      <c r="MX22" s="345">
        <v>1193592</v>
      </c>
      <c r="MY22" s="345">
        <v>1861971</v>
      </c>
      <c r="MZ22" s="349">
        <v>4849615</v>
      </c>
      <c r="NA22" s="354">
        <v>4849615</v>
      </c>
      <c r="NB22" s="348">
        <v>0</v>
      </c>
      <c r="NC22" s="345">
        <v>0</v>
      </c>
      <c r="ND22" s="349">
        <v>0</v>
      </c>
      <c r="NE22" s="404">
        <v>0</v>
      </c>
      <c r="NF22" s="345">
        <v>230214</v>
      </c>
      <c r="NG22" s="345">
        <v>1712259</v>
      </c>
      <c r="NH22" s="345">
        <v>2178816</v>
      </c>
      <c r="NI22" s="345">
        <v>2263037</v>
      </c>
      <c r="NJ22" s="345">
        <v>642347</v>
      </c>
      <c r="NK22" s="349">
        <v>7026673</v>
      </c>
      <c r="NL22" s="347">
        <v>7026673</v>
      </c>
      <c r="NM22" s="348">
        <v>0</v>
      </c>
      <c r="NN22" s="345">
        <v>0</v>
      </c>
      <c r="NO22" s="349">
        <v>0</v>
      </c>
      <c r="NP22" s="404">
        <v>0</v>
      </c>
      <c r="NQ22" s="345">
        <v>0</v>
      </c>
      <c r="NR22" s="345">
        <v>0</v>
      </c>
      <c r="NS22" s="345">
        <v>0</v>
      </c>
      <c r="NT22" s="345">
        <v>0</v>
      </c>
      <c r="NU22" s="345">
        <v>0</v>
      </c>
      <c r="NV22" s="349">
        <v>0</v>
      </c>
      <c r="NW22" s="350">
        <v>0</v>
      </c>
      <c r="NX22" s="348">
        <v>0</v>
      </c>
      <c r="NY22" s="345">
        <v>0</v>
      </c>
      <c r="NZ22" s="349">
        <v>0</v>
      </c>
      <c r="OA22" s="404">
        <v>0</v>
      </c>
      <c r="OB22" s="345">
        <v>0</v>
      </c>
      <c r="OC22" s="345">
        <v>0</v>
      </c>
      <c r="OD22" s="345">
        <v>0</v>
      </c>
      <c r="OE22" s="345">
        <v>0</v>
      </c>
      <c r="OF22" s="345">
        <v>364146</v>
      </c>
      <c r="OG22" s="349">
        <v>364146</v>
      </c>
      <c r="OH22" s="350">
        <v>364146</v>
      </c>
      <c r="OI22" s="348">
        <v>525638</v>
      </c>
      <c r="OJ22" s="345">
        <v>928671</v>
      </c>
      <c r="OK22" s="346">
        <v>1454309</v>
      </c>
      <c r="OL22" s="351">
        <v>0</v>
      </c>
      <c r="OM22" s="345">
        <v>5936270</v>
      </c>
      <c r="ON22" s="345">
        <v>10818333</v>
      </c>
      <c r="OO22" s="345">
        <v>14170437</v>
      </c>
      <c r="OP22" s="345">
        <v>10729643</v>
      </c>
      <c r="OQ22" s="345">
        <v>7132772</v>
      </c>
      <c r="OR22" s="349">
        <v>48787455</v>
      </c>
      <c r="OS22" s="354">
        <v>50241764</v>
      </c>
    </row>
    <row r="23" spans="2:409" s="70" customFormat="1" ht="21" customHeight="1" x14ac:dyDescent="0.2">
      <c r="B23" s="106" t="s">
        <v>18</v>
      </c>
      <c r="C23" s="326">
        <v>556651</v>
      </c>
      <c r="D23" s="327">
        <v>767524</v>
      </c>
      <c r="E23" s="328">
        <v>1324175</v>
      </c>
      <c r="F23" s="329">
        <v>0</v>
      </c>
      <c r="G23" s="327">
        <v>7224765</v>
      </c>
      <c r="H23" s="327">
        <v>8646031</v>
      </c>
      <c r="I23" s="327">
        <v>8433546</v>
      </c>
      <c r="J23" s="327">
        <v>7823591</v>
      </c>
      <c r="K23" s="327">
        <v>8034977</v>
      </c>
      <c r="L23" s="329">
        <v>40162910</v>
      </c>
      <c r="M23" s="330">
        <v>41487085</v>
      </c>
      <c r="N23" s="326">
        <v>169144</v>
      </c>
      <c r="O23" s="327">
        <v>112153</v>
      </c>
      <c r="P23" s="328">
        <v>281297</v>
      </c>
      <c r="Q23" s="326">
        <v>0</v>
      </c>
      <c r="R23" s="327">
        <v>2256010</v>
      </c>
      <c r="S23" s="327">
        <v>2744139</v>
      </c>
      <c r="T23" s="327">
        <v>2903299</v>
      </c>
      <c r="U23" s="327">
        <v>3205032</v>
      </c>
      <c r="V23" s="327">
        <v>2795867</v>
      </c>
      <c r="W23" s="328">
        <v>13904347</v>
      </c>
      <c r="X23" s="330">
        <v>14185644</v>
      </c>
      <c r="Y23" s="326">
        <v>0</v>
      </c>
      <c r="Z23" s="327">
        <v>0</v>
      </c>
      <c r="AA23" s="328">
        <v>0</v>
      </c>
      <c r="AB23" s="326">
        <v>0</v>
      </c>
      <c r="AC23" s="327">
        <v>853595</v>
      </c>
      <c r="AD23" s="327">
        <v>1207338</v>
      </c>
      <c r="AE23" s="327">
        <v>1494052</v>
      </c>
      <c r="AF23" s="327">
        <v>1818718</v>
      </c>
      <c r="AG23" s="327">
        <v>1773570</v>
      </c>
      <c r="AH23" s="328">
        <v>7147273</v>
      </c>
      <c r="AI23" s="330">
        <v>7147273</v>
      </c>
      <c r="AJ23" s="326">
        <v>0</v>
      </c>
      <c r="AK23" s="327">
        <v>0</v>
      </c>
      <c r="AL23" s="328">
        <v>0</v>
      </c>
      <c r="AM23" s="326">
        <v>0</v>
      </c>
      <c r="AN23" s="327">
        <v>0</v>
      </c>
      <c r="AO23" s="327">
        <v>0</v>
      </c>
      <c r="AP23" s="327">
        <v>43171</v>
      </c>
      <c r="AQ23" s="327">
        <v>147939</v>
      </c>
      <c r="AR23" s="327">
        <v>93800</v>
      </c>
      <c r="AS23" s="328">
        <v>284910</v>
      </c>
      <c r="AT23" s="330">
        <v>284910</v>
      </c>
      <c r="AU23" s="326">
        <v>102794</v>
      </c>
      <c r="AV23" s="327">
        <v>48073</v>
      </c>
      <c r="AW23" s="328">
        <v>150867</v>
      </c>
      <c r="AX23" s="326">
        <v>0</v>
      </c>
      <c r="AY23" s="327">
        <v>845983</v>
      </c>
      <c r="AZ23" s="327">
        <v>963195</v>
      </c>
      <c r="BA23" s="327">
        <v>788327</v>
      </c>
      <c r="BB23" s="327">
        <v>708388</v>
      </c>
      <c r="BC23" s="327">
        <v>502318</v>
      </c>
      <c r="BD23" s="328">
        <v>3808211</v>
      </c>
      <c r="BE23" s="330">
        <v>3959078</v>
      </c>
      <c r="BF23" s="326">
        <v>26940</v>
      </c>
      <c r="BG23" s="327">
        <v>13470</v>
      </c>
      <c r="BH23" s="331">
        <v>40410</v>
      </c>
      <c r="BI23" s="332">
        <v>0</v>
      </c>
      <c r="BJ23" s="327">
        <v>130482</v>
      </c>
      <c r="BK23" s="327">
        <v>142933</v>
      </c>
      <c r="BL23" s="327">
        <v>42987</v>
      </c>
      <c r="BM23" s="327">
        <v>60224</v>
      </c>
      <c r="BN23" s="327">
        <v>40668</v>
      </c>
      <c r="BO23" s="328">
        <v>417294</v>
      </c>
      <c r="BP23" s="330">
        <v>457704</v>
      </c>
      <c r="BQ23" s="326">
        <v>39410</v>
      </c>
      <c r="BR23" s="327">
        <v>50610</v>
      </c>
      <c r="BS23" s="328">
        <v>90020</v>
      </c>
      <c r="BT23" s="326">
        <v>0</v>
      </c>
      <c r="BU23" s="327">
        <v>425950</v>
      </c>
      <c r="BV23" s="327">
        <v>430673</v>
      </c>
      <c r="BW23" s="327">
        <v>534762</v>
      </c>
      <c r="BX23" s="327">
        <v>469763</v>
      </c>
      <c r="BY23" s="327">
        <v>385511</v>
      </c>
      <c r="BZ23" s="328">
        <v>2246659</v>
      </c>
      <c r="CA23" s="330">
        <v>2336679</v>
      </c>
      <c r="CB23" s="326">
        <v>98622</v>
      </c>
      <c r="CC23" s="327">
        <v>282708</v>
      </c>
      <c r="CD23" s="328">
        <v>381330</v>
      </c>
      <c r="CE23" s="326">
        <v>0</v>
      </c>
      <c r="CF23" s="327">
        <v>1935422</v>
      </c>
      <c r="CG23" s="327">
        <v>2114390</v>
      </c>
      <c r="CH23" s="327">
        <v>1877586</v>
      </c>
      <c r="CI23" s="327">
        <v>1466165</v>
      </c>
      <c r="CJ23" s="327">
        <v>891059</v>
      </c>
      <c r="CK23" s="328">
        <v>8284622</v>
      </c>
      <c r="CL23" s="330">
        <v>8665952</v>
      </c>
      <c r="CM23" s="326">
        <v>0</v>
      </c>
      <c r="CN23" s="327">
        <v>0</v>
      </c>
      <c r="CO23" s="328">
        <v>0</v>
      </c>
      <c r="CP23" s="332">
        <v>0</v>
      </c>
      <c r="CQ23" s="327">
        <v>1248340</v>
      </c>
      <c r="CR23" s="327">
        <v>1665283</v>
      </c>
      <c r="CS23" s="327">
        <v>1520394</v>
      </c>
      <c r="CT23" s="327">
        <v>805185</v>
      </c>
      <c r="CU23" s="327">
        <v>513254</v>
      </c>
      <c r="CV23" s="328">
        <v>5752456</v>
      </c>
      <c r="CW23" s="330">
        <v>5752456</v>
      </c>
      <c r="CX23" s="326">
        <v>98622</v>
      </c>
      <c r="CY23" s="327">
        <v>282708</v>
      </c>
      <c r="CZ23" s="328">
        <v>381330</v>
      </c>
      <c r="DA23" s="326">
        <v>0</v>
      </c>
      <c r="DB23" s="327">
        <v>687082</v>
      </c>
      <c r="DC23" s="327">
        <v>449107</v>
      </c>
      <c r="DD23" s="327">
        <v>357192</v>
      </c>
      <c r="DE23" s="327">
        <v>660980</v>
      </c>
      <c r="DF23" s="327">
        <v>377805</v>
      </c>
      <c r="DG23" s="328">
        <v>2532166</v>
      </c>
      <c r="DH23" s="330">
        <v>2913496</v>
      </c>
      <c r="DI23" s="326">
        <v>0</v>
      </c>
      <c r="DJ23" s="327">
        <v>0</v>
      </c>
      <c r="DK23" s="331">
        <v>0</v>
      </c>
      <c r="DL23" s="332">
        <v>0</v>
      </c>
      <c r="DM23" s="327">
        <v>469827</v>
      </c>
      <c r="DN23" s="327">
        <v>625550</v>
      </c>
      <c r="DO23" s="327">
        <v>777522</v>
      </c>
      <c r="DP23" s="327">
        <v>855000</v>
      </c>
      <c r="DQ23" s="327">
        <v>994178</v>
      </c>
      <c r="DR23" s="328">
        <v>3722077</v>
      </c>
      <c r="DS23" s="330">
        <v>3722077</v>
      </c>
      <c r="DT23" s="326">
        <v>0</v>
      </c>
      <c r="DU23" s="327">
        <v>0</v>
      </c>
      <c r="DV23" s="328">
        <v>0</v>
      </c>
      <c r="DW23" s="326">
        <v>0</v>
      </c>
      <c r="DX23" s="327">
        <v>469827</v>
      </c>
      <c r="DY23" s="327">
        <v>575869</v>
      </c>
      <c r="DZ23" s="327">
        <v>777522</v>
      </c>
      <c r="EA23" s="327">
        <v>855000</v>
      </c>
      <c r="EB23" s="327">
        <v>994178</v>
      </c>
      <c r="EC23" s="328">
        <v>3672396</v>
      </c>
      <c r="ED23" s="330">
        <v>3672396</v>
      </c>
      <c r="EE23" s="326">
        <v>0</v>
      </c>
      <c r="EF23" s="331">
        <v>0</v>
      </c>
      <c r="EG23" s="328">
        <v>0</v>
      </c>
      <c r="EH23" s="326">
        <v>0</v>
      </c>
      <c r="EI23" s="327">
        <v>0</v>
      </c>
      <c r="EJ23" s="327">
        <v>49681</v>
      </c>
      <c r="EK23" s="327">
        <v>0</v>
      </c>
      <c r="EL23" s="327">
        <v>0</v>
      </c>
      <c r="EM23" s="327">
        <v>0</v>
      </c>
      <c r="EN23" s="331">
        <v>49681</v>
      </c>
      <c r="EO23" s="330">
        <v>49681</v>
      </c>
      <c r="EP23" s="326">
        <v>0</v>
      </c>
      <c r="EQ23" s="327">
        <v>0</v>
      </c>
      <c r="ER23" s="331">
        <v>0</v>
      </c>
      <c r="ES23" s="332">
        <v>0</v>
      </c>
      <c r="ET23" s="327">
        <v>0</v>
      </c>
      <c r="EU23" s="327">
        <v>0</v>
      </c>
      <c r="EV23" s="327">
        <v>0</v>
      </c>
      <c r="EW23" s="327">
        <v>0</v>
      </c>
      <c r="EX23" s="327">
        <v>0</v>
      </c>
      <c r="EY23" s="328">
        <v>0</v>
      </c>
      <c r="EZ23" s="330">
        <v>0</v>
      </c>
      <c r="FA23" s="326">
        <v>0</v>
      </c>
      <c r="FB23" s="327">
        <v>0</v>
      </c>
      <c r="FC23" s="331">
        <v>0</v>
      </c>
      <c r="FD23" s="404">
        <v>0</v>
      </c>
      <c r="FE23" s="327">
        <v>0</v>
      </c>
      <c r="FF23" s="327">
        <v>0</v>
      </c>
      <c r="FG23" s="327">
        <v>0</v>
      </c>
      <c r="FH23" s="327">
        <v>0</v>
      </c>
      <c r="FI23" s="327">
        <v>0</v>
      </c>
      <c r="FJ23" s="328">
        <v>0</v>
      </c>
      <c r="FK23" s="330">
        <v>0</v>
      </c>
      <c r="FL23" s="326">
        <v>63994</v>
      </c>
      <c r="FM23" s="327">
        <v>121667</v>
      </c>
      <c r="FN23" s="328">
        <v>185661</v>
      </c>
      <c r="FO23" s="326">
        <v>0</v>
      </c>
      <c r="FP23" s="327">
        <v>253316</v>
      </c>
      <c r="FQ23" s="327">
        <v>663658</v>
      </c>
      <c r="FR23" s="327">
        <v>558530</v>
      </c>
      <c r="FS23" s="327">
        <v>526736</v>
      </c>
      <c r="FT23" s="327">
        <v>374976</v>
      </c>
      <c r="FU23" s="328">
        <v>2377216</v>
      </c>
      <c r="FV23" s="330">
        <v>2562877</v>
      </c>
      <c r="FW23" s="333">
        <v>22694</v>
      </c>
      <c r="FX23" s="327">
        <v>121667</v>
      </c>
      <c r="FY23" s="331">
        <v>144361</v>
      </c>
      <c r="FZ23" s="332">
        <v>0</v>
      </c>
      <c r="GA23" s="327">
        <v>253316</v>
      </c>
      <c r="GB23" s="327">
        <v>605388</v>
      </c>
      <c r="GC23" s="327">
        <v>542745</v>
      </c>
      <c r="GD23" s="327">
        <v>490392</v>
      </c>
      <c r="GE23" s="327">
        <v>374976</v>
      </c>
      <c r="GF23" s="328">
        <v>2266817</v>
      </c>
      <c r="GG23" s="334">
        <v>2411178</v>
      </c>
      <c r="GH23" s="333">
        <v>0</v>
      </c>
      <c r="GI23" s="327">
        <v>0</v>
      </c>
      <c r="GJ23" s="331">
        <v>0</v>
      </c>
      <c r="GK23" s="332">
        <v>0</v>
      </c>
      <c r="GL23" s="327">
        <v>0</v>
      </c>
      <c r="GM23" s="327">
        <v>47770</v>
      </c>
      <c r="GN23" s="327">
        <v>0</v>
      </c>
      <c r="GO23" s="327">
        <v>36344</v>
      </c>
      <c r="GP23" s="327">
        <v>0</v>
      </c>
      <c r="GQ23" s="328">
        <v>84114</v>
      </c>
      <c r="GR23" s="330">
        <v>84114</v>
      </c>
      <c r="GS23" s="326">
        <v>41300</v>
      </c>
      <c r="GT23" s="327">
        <v>0</v>
      </c>
      <c r="GU23" s="328">
        <v>41300</v>
      </c>
      <c r="GV23" s="326">
        <v>0</v>
      </c>
      <c r="GW23" s="327">
        <v>0</v>
      </c>
      <c r="GX23" s="327">
        <v>10500</v>
      </c>
      <c r="GY23" s="327">
        <v>15785</v>
      </c>
      <c r="GZ23" s="327">
        <v>0</v>
      </c>
      <c r="HA23" s="327">
        <v>0</v>
      </c>
      <c r="HB23" s="331">
        <v>26285</v>
      </c>
      <c r="HC23" s="330">
        <v>67585</v>
      </c>
      <c r="HD23" s="326">
        <v>224891</v>
      </c>
      <c r="HE23" s="327">
        <v>250996</v>
      </c>
      <c r="HF23" s="331">
        <v>475887</v>
      </c>
      <c r="HG23" s="332">
        <v>0</v>
      </c>
      <c r="HH23" s="327">
        <v>2310190</v>
      </c>
      <c r="HI23" s="327">
        <v>2498294</v>
      </c>
      <c r="HJ23" s="327">
        <v>2316609</v>
      </c>
      <c r="HK23" s="327">
        <v>1770658</v>
      </c>
      <c r="HL23" s="327">
        <v>2978897</v>
      </c>
      <c r="HM23" s="328">
        <v>11874648</v>
      </c>
      <c r="HN23" s="329">
        <v>12350535</v>
      </c>
      <c r="HO23" s="333">
        <v>0</v>
      </c>
      <c r="HP23" s="327">
        <v>0</v>
      </c>
      <c r="HQ23" s="328">
        <v>0</v>
      </c>
      <c r="HR23" s="326">
        <v>0</v>
      </c>
      <c r="HS23" s="327">
        <v>0</v>
      </c>
      <c r="HT23" s="327">
        <v>0</v>
      </c>
      <c r="HU23" s="327">
        <v>0</v>
      </c>
      <c r="HV23" s="327">
        <v>0</v>
      </c>
      <c r="HW23" s="327">
        <v>0</v>
      </c>
      <c r="HX23" s="331">
        <v>0</v>
      </c>
      <c r="HY23" s="330">
        <v>0</v>
      </c>
      <c r="HZ23" s="335">
        <v>0</v>
      </c>
      <c r="IA23" s="336">
        <v>0</v>
      </c>
      <c r="IB23" s="337">
        <v>0</v>
      </c>
      <c r="IC23" s="338">
        <v>0</v>
      </c>
      <c r="ID23" s="336">
        <v>1330658</v>
      </c>
      <c r="IE23" s="339">
        <v>1446310</v>
      </c>
      <c r="IF23" s="337">
        <v>2814261</v>
      </c>
      <c r="IG23" s="336">
        <v>1403766</v>
      </c>
      <c r="IH23" s="337">
        <v>946370</v>
      </c>
      <c r="II23" s="340">
        <v>7941365</v>
      </c>
      <c r="IJ23" s="341">
        <v>7941365</v>
      </c>
      <c r="IK23" s="342">
        <v>0</v>
      </c>
      <c r="IL23" s="343">
        <v>0</v>
      </c>
      <c r="IM23" s="344">
        <v>0</v>
      </c>
      <c r="IN23" s="404">
        <v>0</v>
      </c>
      <c r="IO23" s="345">
        <v>0</v>
      </c>
      <c r="IP23" s="345">
        <v>205959</v>
      </c>
      <c r="IQ23" s="345">
        <v>0</v>
      </c>
      <c r="IR23" s="345">
        <v>470264</v>
      </c>
      <c r="IS23" s="345">
        <v>73147</v>
      </c>
      <c r="IT23" s="346">
        <v>749370</v>
      </c>
      <c r="IU23" s="347">
        <v>749370</v>
      </c>
      <c r="IV23" s="348">
        <v>0</v>
      </c>
      <c r="IW23" s="345">
        <v>0</v>
      </c>
      <c r="IX23" s="349">
        <v>0</v>
      </c>
      <c r="IY23" s="404">
        <v>0</v>
      </c>
      <c r="IZ23" s="345">
        <v>0</v>
      </c>
      <c r="JA23" s="345">
        <v>0</v>
      </c>
      <c r="JB23" s="345">
        <v>0</v>
      </c>
      <c r="JC23" s="345">
        <v>0</v>
      </c>
      <c r="JD23" s="345">
        <v>0</v>
      </c>
      <c r="JE23" s="349">
        <v>0</v>
      </c>
      <c r="JF23" s="350">
        <v>0</v>
      </c>
      <c r="JG23" s="348">
        <v>0</v>
      </c>
      <c r="JH23" s="345">
        <v>0</v>
      </c>
      <c r="JI23" s="346">
        <v>0</v>
      </c>
      <c r="JJ23" s="351">
        <v>0</v>
      </c>
      <c r="JK23" s="345">
        <v>781958</v>
      </c>
      <c r="JL23" s="345">
        <v>254087</v>
      </c>
      <c r="JM23" s="345">
        <v>156246</v>
      </c>
      <c r="JN23" s="345">
        <v>129466</v>
      </c>
      <c r="JO23" s="345">
        <v>28081</v>
      </c>
      <c r="JP23" s="349">
        <v>1349838</v>
      </c>
      <c r="JQ23" s="347">
        <v>1349838</v>
      </c>
      <c r="JR23" s="348">
        <v>0</v>
      </c>
      <c r="JS23" s="345">
        <v>0</v>
      </c>
      <c r="JT23" s="346">
        <v>0</v>
      </c>
      <c r="JU23" s="351">
        <v>0</v>
      </c>
      <c r="JV23" s="345">
        <v>0</v>
      </c>
      <c r="JW23" s="345">
        <v>20581</v>
      </c>
      <c r="JX23" s="345">
        <v>40048</v>
      </c>
      <c r="JY23" s="345">
        <v>0</v>
      </c>
      <c r="JZ23" s="345">
        <v>0</v>
      </c>
      <c r="KA23" s="349">
        <v>60629</v>
      </c>
      <c r="KB23" s="347">
        <v>60629</v>
      </c>
      <c r="KC23" s="352">
        <v>0</v>
      </c>
      <c r="KD23" s="353">
        <v>0</v>
      </c>
      <c r="KE23" s="349">
        <v>0</v>
      </c>
      <c r="KF23" s="351">
        <v>0</v>
      </c>
      <c r="KG23" s="345">
        <v>110006</v>
      </c>
      <c r="KH23" s="345">
        <v>297651</v>
      </c>
      <c r="KI23" s="345">
        <v>0</v>
      </c>
      <c r="KJ23" s="345">
        <v>0</v>
      </c>
      <c r="KK23" s="345">
        <v>0</v>
      </c>
      <c r="KL23" s="349">
        <v>407657</v>
      </c>
      <c r="KM23" s="354">
        <v>407657</v>
      </c>
      <c r="KN23" s="342">
        <v>0</v>
      </c>
      <c r="KO23" s="343">
        <v>0</v>
      </c>
      <c r="KP23" s="344">
        <v>0</v>
      </c>
      <c r="KQ23" s="404">
        <v>0</v>
      </c>
      <c r="KR23" s="345">
        <v>438694</v>
      </c>
      <c r="KS23" s="345">
        <v>668032</v>
      </c>
      <c r="KT23" s="345">
        <v>1542472</v>
      </c>
      <c r="KU23" s="345">
        <v>233867</v>
      </c>
      <c r="KV23" s="345">
        <v>217101</v>
      </c>
      <c r="KW23" s="349">
        <v>3100166</v>
      </c>
      <c r="KX23" s="347">
        <v>3100166</v>
      </c>
      <c r="KY23" s="348">
        <v>0</v>
      </c>
      <c r="KZ23" s="345">
        <v>0</v>
      </c>
      <c r="LA23" s="349">
        <v>0</v>
      </c>
      <c r="LB23" s="404">
        <v>0</v>
      </c>
      <c r="LC23" s="345">
        <v>0</v>
      </c>
      <c r="LD23" s="345">
        <v>0</v>
      </c>
      <c r="LE23" s="345">
        <v>0</v>
      </c>
      <c r="LF23" s="345">
        <v>0</v>
      </c>
      <c r="LG23" s="345">
        <v>0</v>
      </c>
      <c r="LH23" s="349">
        <v>0</v>
      </c>
      <c r="LI23" s="350">
        <v>0</v>
      </c>
      <c r="LJ23" s="348">
        <v>0</v>
      </c>
      <c r="LK23" s="345">
        <v>0</v>
      </c>
      <c r="LL23" s="349">
        <v>0</v>
      </c>
      <c r="LM23" s="404">
        <v>0</v>
      </c>
      <c r="LN23" s="345">
        <v>0</v>
      </c>
      <c r="LO23" s="345">
        <v>0</v>
      </c>
      <c r="LP23" s="345">
        <v>0</v>
      </c>
      <c r="LQ23" s="345">
        <v>265007</v>
      </c>
      <c r="LR23" s="345">
        <v>0</v>
      </c>
      <c r="LS23" s="349">
        <v>265007</v>
      </c>
      <c r="LT23" s="347">
        <v>265007</v>
      </c>
      <c r="LU23" s="348">
        <v>0</v>
      </c>
      <c r="LV23" s="345">
        <v>0</v>
      </c>
      <c r="LW23" s="349">
        <v>0</v>
      </c>
      <c r="LX23" s="404">
        <v>0</v>
      </c>
      <c r="LY23" s="345">
        <v>0</v>
      </c>
      <c r="LZ23" s="345">
        <v>0</v>
      </c>
      <c r="MA23" s="345">
        <v>1075495</v>
      </c>
      <c r="MB23" s="345">
        <v>305162</v>
      </c>
      <c r="MC23" s="345">
        <v>628041</v>
      </c>
      <c r="MD23" s="349">
        <v>2008698</v>
      </c>
      <c r="ME23" s="350">
        <v>2008698</v>
      </c>
      <c r="MF23" s="348">
        <v>0</v>
      </c>
      <c r="MG23" s="345">
        <v>0</v>
      </c>
      <c r="MH23" s="349">
        <v>0</v>
      </c>
      <c r="MI23" s="404">
        <v>0</v>
      </c>
      <c r="MJ23" s="345">
        <v>0</v>
      </c>
      <c r="MK23" s="345">
        <v>402724</v>
      </c>
      <c r="ML23" s="345">
        <v>3288174</v>
      </c>
      <c r="MM23" s="345">
        <v>2585836</v>
      </c>
      <c r="MN23" s="345">
        <v>2804722</v>
      </c>
      <c r="MO23" s="349">
        <v>9081456</v>
      </c>
      <c r="MP23" s="354">
        <v>9081456</v>
      </c>
      <c r="MQ23" s="348">
        <v>0</v>
      </c>
      <c r="MR23" s="345">
        <v>0</v>
      </c>
      <c r="MS23" s="349">
        <v>0</v>
      </c>
      <c r="MT23" s="404">
        <v>0</v>
      </c>
      <c r="MU23" s="345">
        <v>0</v>
      </c>
      <c r="MV23" s="345">
        <v>205856</v>
      </c>
      <c r="MW23" s="345">
        <v>1799210</v>
      </c>
      <c r="MX23" s="345">
        <v>1601981</v>
      </c>
      <c r="MY23" s="345">
        <v>1830800</v>
      </c>
      <c r="MZ23" s="349">
        <v>5437847</v>
      </c>
      <c r="NA23" s="354">
        <v>5437847</v>
      </c>
      <c r="NB23" s="348">
        <v>0</v>
      </c>
      <c r="NC23" s="345">
        <v>0</v>
      </c>
      <c r="ND23" s="349">
        <v>0</v>
      </c>
      <c r="NE23" s="404">
        <v>0</v>
      </c>
      <c r="NF23" s="345">
        <v>0</v>
      </c>
      <c r="NG23" s="345">
        <v>196868</v>
      </c>
      <c r="NH23" s="345">
        <v>1488964</v>
      </c>
      <c r="NI23" s="345">
        <v>983855</v>
      </c>
      <c r="NJ23" s="345">
        <v>312705</v>
      </c>
      <c r="NK23" s="349">
        <v>2982392</v>
      </c>
      <c r="NL23" s="347">
        <v>2982392</v>
      </c>
      <c r="NM23" s="348">
        <v>0</v>
      </c>
      <c r="NN23" s="345">
        <v>0</v>
      </c>
      <c r="NO23" s="349">
        <v>0</v>
      </c>
      <c r="NP23" s="404">
        <v>0</v>
      </c>
      <c r="NQ23" s="345">
        <v>0</v>
      </c>
      <c r="NR23" s="345">
        <v>0</v>
      </c>
      <c r="NS23" s="345">
        <v>0</v>
      </c>
      <c r="NT23" s="345">
        <v>0</v>
      </c>
      <c r="NU23" s="345">
        <v>0</v>
      </c>
      <c r="NV23" s="349">
        <v>0</v>
      </c>
      <c r="NW23" s="350">
        <v>0</v>
      </c>
      <c r="NX23" s="348">
        <v>0</v>
      </c>
      <c r="NY23" s="345">
        <v>0</v>
      </c>
      <c r="NZ23" s="349">
        <v>0</v>
      </c>
      <c r="OA23" s="404">
        <v>0</v>
      </c>
      <c r="OB23" s="345">
        <v>0</v>
      </c>
      <c r="OC23" s="345">
        <v>0</v>
      </c>
      <c r="OD23" s="345">
        <v>0</v>
      </c>
      <c r="OE23" s="345">
        <v>0</v>
      </c>
      <c r="OF23" s="345">
        <v>661217</v>
      </c>
      <c r="OG23" s="349">
        <v>661217</v>
      </c>
      <c r="OH23" s="350">
        <v>661217</v>
      </c>
      <c r="OI23" s="348">
        <v>556651</v>
      </c>
      <c r="OJ23" s="345">
        <v>767524</v>
      </c>
      <c r="OK23" s="346">
        <v>1324175</v>
      </c>
      <c r="OL23" s="351">
        <v>0</v>
      </c>
      <c r="OM23" s="345">
        <v>8555423</v>
      </c>
      <c r="ON23" s="345">
        <v>10495065</v>
      </c>
      <c r="OO23" s="345">
        <v>14535981</v>
      </c>
      <c r="OP23" s="345">
        <v>11813193</v>
      </c>
      <c r="OQ23" s="345">
        <v>11786069</v>
      </c>
      <c r="OR23" s="349">
        <v>57185731</v>
      </c>
      <c r="OS23" s="354">
        <v>58509906</v>
      </c>
    </row>
    <row r="24" spans="2:409" s="70" customFormat="1" ht="21" customHeight="1" x14ac:dyDescent="0.2">
      <c r="B24" s="106" t="s">
        <v>19</v>
      </c>
      <c r="C24" s="326">
        <v>486717</v>
      </c>
      <c r="D24" s="327">
        <v>380922</v>
      </c>
      <c r="E24" s="328">
        <v>867639</v>
      </c>
      <c r="F24" s="329">
        <v>0</v>
      </c>
      <c r="G24" s="327">
        <v>2570736</v>
      </c>
      <c r="H24" s="327">
        <v>3728515</v>
      </c>
      <c r="I24" s="327">
        <v>2465697</v>
      </c>
      <c r="J24" s="327">
        <v>1609003</v>
      </c>
      <c r="K24" s="327">
        <v>1201924</v>
      </c>
      <c r="L24" s="329">
        <v>11575875</v>
      </c>
      <c r="M24" s="330">
        <v>12443514</v>
      </c>
      <c r="N24" s="326">
        <v>122347</v>
      </c>
      <c r="O24" s="327">
        <v>134275</v>
      </c>
      <c r="P24" s="328">
        <v>256622</v>
      </c>
      <c r="Q24" s="326">
        <v>0</v>
      </c>
      <c r="R24" s="327">
        <v>932132</v>
      </c>
      <c r="S24" s="327">
        <v>961215</v>
      </c>
      <c r="T24" s="327">
        <v>1260443</v>
      </c>
      <c r="U24" s="327">
        <v>813168</v>
      </c>
      <c r="V24" s="327">
        <v>257499</v>
      </c>
      <c r="W24" s="328">
        <v>4224457</v>
      </c>
      <c r="X24" s="330">
        <v>4481079</v>
      </c>
      <c r="Y24" s="326">
        <v>0</v>
      </c>
      <c r="Z24" s="327">
        <v>0</v>
      </c>
      <c r="AA24" s="328">
        <v>0</v>
      </c>
      <c r="AB24" s="326">
        <v>0</v>
      </c>
      <c r="AC24" s="327">
        <v>252827</v>
      </c>
      <c r="AD24" s="327">
        <v>456160</v>
      </c>
      <c r="AE24" s="327">
        <v>855392</v>
      </c>
      <c r="AF24" s="327">
        <v>339127</v>
      </c>
      <c r="AG24" s="327">
        <v>118196</v>
      </c>
      <c r="AH24" s="328">
        <v>2021702</v>
      </c>
      <c r="AI24" s="330">
        <v>2021702</v>
      </c>
      <c r="AJ24" s="326">
        <v>0</v>
      </c>
      <c r="AK24" s="327">
        <v>0</v>
      </c>
      <c r="AL24" s="328">
        <v>0</v>
      </c>
      <c r="AM24" s="326">
        <v>0</v>
      </c>
      <c r="AN24" s="327">
        <v>0</v>
      </c>
      <c r="AO24" s="327">
        <v>0</v>
      </c>
      <c r="AP24" s="327">
        <v>42172</v>
      </c>
      <c r="AQ24" s="327">
        <v>70714</v>
      </c>
      <c r="AR24" s="327">
        <v>0</v>
      </c>
      <c r="AS24" s="328">
        <v>112886</v>
      </c>
      <c r="AT24" s="330">
        <v>112886</v>
      </c>
      <c r="AU24" s="326">
        <v>21632</v>
      </c>
      <c r="AV24" s="327">
        <v>98078</v>
      </c>
      <c r="AW24" s="328">
        <v>119710</v>
      </c>
      <c r="AX24" s="326">
        <v>0</v>
      </c>
      <c r="AY24" s="327">
        <v>494702</v>
      </c>
      <c r="AZ24" s="327">
        <v>220113</v>
      </c>
      <c r="BA24" s="327">
        <v>167984</v>
      </c>
      <c r="BB24" s="327">
        <v>343187</v>
      </c>
      <c r="BC24" s="327">
        <v>76359</v>
      </c>
      <c r="BD24" s="328">
        <v>1302345</v>
      </c>
      <c r="BE24" s="330">
        <v>1422055</v>
      </c>
      <c r="BF24" s="326">
        <v>30050</v>
      </c>
      <c r="BG24" s="327">
        <v>0</v>
      </c>
      <c r="BH24" s="331">
        <v>30050</v>
      </c>
      <c r="BI24" s="332">
        <v>0</v>
      </c>
      <c r="BJ24" s="327">
        <v>108912</v>
      </c>
      <c r="BK24" s="327">
        <v>17479</v>
      </c>
      <c r="BL24" s="327">
        <v>49575</v>
      </c>
      <c r="BM24" s="327">
        <v>27737</v>
      </c>
      <c r="BN24" s="327">
        <v>0</v>
      </c>
      <c r="BO24" s="328">
        <v>203703</v>
      </c>
      <c r="BP24" s="330">
        <v>233753</v>
      </c>
      <c r="BQ24" s="326">
        <v>70665</v>
      </c>
      <c r="BR24" s="327">
        <v>36197</v>
      </c>
      <c r="BS24" s="328">
        <v>106862</v>
      </c>
      <c r="BT24" s="326">
        <v>0</v>
      </c>
      <c r="BU24" s="327">
        <v>75691</v>
      </c>
      <c r="BV24" s="327">
        <v>267463</v>
      </c>
      <c r="BW24" s="327">
        <v>145320</v>
      </c>
      <c r="BX24" s="327">
        <v>32403</v>
      </c>
      <c r="BY24" s="327">
        <v>62944</v>
      </c>
      <c r="BZ24" s="328">
        <v>583821</v>
      </c>
      <c r="CA24" s="330">
        <v>690683</v>
      </c>
      <c r="CB24" s="326">
        <v>55562</v>
      </c>
      <c r="CC24" s="327">
        <v>102893</v>
      </c>
      <c r="CD24" s="328">
        <v>158455</v>
      </c>
      <c r="CE24" s="326">
        <v>0</v>
      </c>
      <c r="CF24" s="327">
        <v>1201188</v>
      </c>
      <c r="CG24" s="327">
        <v>920286</v>
      </c>
      <c r="CH24" s="327">
        <v>198862</v>
      </c>
      <c r="CI24" s="327">
        <v>358727</v>
      </c>
      <c r="CJ24" s="327">
        <v>234965</v>
      </c>
      <c r="CK24" s="328">
        <v>2914028</v>
      </c>
      <c r="CL24" s="330">
        <v>3072483</v>
      </c>
      <c r="CM24" s="326">
        <v>0</v>
      </c>
      <c r="CN24" s="327">
        <v>0</v>
      </c>
      <c r="CO24" s="328">
        <v>0</v>
      </c>
      <c r="CP24" s="332">
        <v>0</v>
      </c>
      <c r="CQ24" s="327">
        <v>700223</v>
      </c>
      <c r="CR24" s="327">
        <v>640519</v>
      </c>
      <c r="CS24" s="327">
        <v>136763</v>
      </c>
      <c r="CT24" s="327">
        <v>74707</v>
      </c>
      <c r="CU24" s="327">
        <v>153273</v>
      </c>
      <c r="CV24" s="328">
        <v>1705485</v>
      </c>
      <c r="CW24" s="330">
        <v>1705485</v>
      </c>
      <c r="CX24" s="326">
        <v>55562</v>
      </c>
      <c r="CY24" s="327">
        <v>102893</v>
      </c>
      <c r="CZ24" s="328">
        <v>158455</v>
      </c>
      <c r="DA24" s="326">
        <v>0</v>
      </c>
      <c r="DB24" s="327">
        <v>500965</v>
      </c>
      <c r="DC24" s="327">
        <v>279767</v>
      </c>
      <c r="DD24" s="327">
        <v>62099</v>
      </c>
      <c r="DE24" s="327">
        <v>284020</v>
      </c>
      <c r="DF24" s="327">
        <v>81692</v>
      </c>
      <c r="DG24" s="328">
        <v>1208543</v>
      </c>
      <c r="DH24" s="330">
        <v>1366998</v>
      </c>
      <c r="DI24" s="326">
        <v>0</v>
      </c>
      <c r="DJ24" s="327">
        <v>0</v>
      </c>
      <c r="DK24" s="331">
        <v>0</v>
      </c>
      <c r="DL24" s="332">
        <v>0</v>
      </c>
      <c r="DM24" s="327">
        <v>103030</v>
      </c>
      <c r="DN24" s="327">
        <v>0</v>
      </c>
      <c r="DO24" s="327">
        <v>94934</v>
      </c>
      <c r="DP24" s="327">
        <v>206129</v>
      </c>
      <c r="DQ24" s="327">
        <v>0</v>
      </c>
      <c r="DR24" s="328">
        <v>404093</v>
      </c>
      <c r="DS24" s="330">
        <v>404093</v>
      </c>
      <c r="DT24" s="326">
        <v>0</v>
      </c>
      <c r="DU24" s="327">
        <v>0</v>
      </c>
      <c r="DV24" s="328">
        <v>0</v>
      </c>
      <c r="DW24" s="326">
        <v>0</v>
      </c>
      <c r="DX24" s="327">
        <v>64612</v>
      </c>
      <c r="DY24" s="327">
        <v>0</v>
      </c>
      <c r="DZ24" s="327">
        <v>94934</v>
      </c>
      <c r="EA24" s="327">
        <v>0</v>
      </c>
      <c r="EB24" s="327">
        <v>0</v>
      </c>
      <c r="EC24" s="328">
        <v>159546</v>
      </c>
      <c r="ED24" s="330">
        <v>159546</v>
      </c>
      <c r="EE24" s="326">
        <v>0</v>
      </c>
      <c r="EF24" s="331">
        <v>0</v>
      </c>
      <c r="EG24" s="328">
        <v>0</v>
      </c>
      <c r="EH24" s="326">
        <v>0</v>
      </c>
      <c r="EI24" s="327">
        <v>38418</v>
      </c>
      <c r="EJ24" s="327">
        <v>0</v>
      </c>
      <c r="EK24" s="327">
        <v>0</v>
      </c>
      <c r="EL24" s="327">
        <v>206129</v>
      </c>
      <c r="EM24" s="327">
        <v>0</v>
      </c>
      <c r="EN24" s="331">
        <v>244547</v>
      </c>
      <c r="EO24" s="330">
        <v>244547</v>
      </c>
      <c r="EP24" s="326">
        <v>0</v>
      </c>
      <c r="EQ24" s="327">
        <v>0</v>
      </c>
      <c r="ER24" s="331">
        <v>0</v>
      </c>
      <c r="ES24" s="332">
        <v>0</v>
      </c>
      <c r="ET24" s="327">
        <v>0</v>
      </c>
      <c r="EU24" s="327">
        <v>0</v>
      </c>
      <c r="EV24" s="327">
        <v>0</v>
      </c>
      <c r="EW24" s="327">
        <v>0</v>
      </c>
      <c r="EX24" s="327">
        <v>0</v>
      </c>
      <c r="EY24" s="328">
        <v>0</v>
      </c>
      <c r="EZ24" s="330">
        <v>0</v>
      </c>
      <c r="FA24" s="326">
        <v>0</v>
      </c>
      <c r="FB24" s="327">
        <v>0</v>
      </c>
      <c r="FC24" s="331">
        <v>0</v>
      </c>
      <c r="FD24" s="404">
        <v>0</v>
      </c>
      <c r="FE24" s="327">
        <v>0</v>
      </c>
      <c r="FF24" s="327">
        <v>0</v>
      </c>
      <c r="FG24" s="327">
        <v>0</v>
      </c>
      <c r="FH24" s="327">
        <v>0</v>
      </c>
      <c r="FI24" s="327">
        <v>0</v>
      </c>
      <c r="FJ24" s="328">
        <v>0</v>
      </c>
      <c r="FK24" s="330">
        <v>0</v>
      </c>
      <c r="FL24" s="326">
        <v>25760</v>
      </c>
      <c r="FM24" s="327">
        <v>60620</v>
      </c>
      <c r="FN24" s="328">
        <v>86380</v>
      </c>
      <c r="FO24" s="326">
        <v>0</v>
      </c>
      <c r="FP24" s="327">
        <v>183288</v>
      </c>
      <c r="FQ24" s="327">
        <v>255185</v>
      </c>
      <c r="FR24" s="327">
        <v>209146</v>
      </c>
      <c r="FS24" s="327">
        <v>230979</v>
      </c>
      <c r="FT24" s="327">
        <v>62384</v>
      </c>
      <c r="FU24" s="328">
        <v>940982</v>
      </c>
      <c r="FV24" s="330">
        <v>1027362</v>
      </c>
      <c r="FW24" s="333">
        <v>25760</v>
      </c>
      <c r="FX24" s="327">
        <v>60620</v>
      </c>
      <c r="FY24" s="331">
        <v>86380</v>
      </c>
      <c r="FZ24" s="332">
        <v>0</v>
      </c>
      <c r="GA24" s="327">
        <v>103698</v>
      </c>
      <c r="GB24" s="327">
        <v>228774</v>
      </c>
      <c r="GC24" s="327">
        <v>209146</v>
      </c>
      <c r="GD24" s="327">
        <v>230979</v>
      </c>
      <c r="GE24" s="327">
        <v>62384</v>
      </c>
      <c r="GF24" s="328">
        <v>834981</v>
      </c>
      <c r="GG24" s="334">
        <v>921361</v>
      </c>
      <c r="GH24" s="333">
        <v>0</v>
      </c>
      <c r="GI24" s="327">
        <v>0</v>
      </c>
      <c r="GJ24" s="331">
        <v>0</v>
      </c>
      <c r="GK24" s="332">
        <v>0</v>
      </c>
      <c r="GL24" s="327">
        <v>79590</v>
      </c>
      <c r="GM24" s="327">
        <v>26411</v>
      </c>
      <c r="GN24" s="327">
        <v>0</v>
      </c>
      <c r="GO24" s="327">
        <v>0</v>
      </c>
      <c r="GP24" s="327">
        <v>0</v>
      </c>
      <c r="GQ24" s="328">
        <v>106001</v>
      </c>
      <c r="GR24" s="330">
        <v>106001</v>
      </c>
      <c r="GS24" s="326">
        <v>0</v>
      </c>
      <c r="GT24" s="327">
        <v>0</v>
      </c>
      <c r="GU24" s="328">
        <v>0</v>
      </c>
      <c r="GV24" s="326">
        <v>0</v>
      </c>
      <c r="GW24" s="327">
        <v>0</v>
      </c>
      <c r="GX24" s="327">
        <v>0</v>
      </c>
      <c r="GY24" s="327">
        <v>0</v>
      </c>
      <c r="GZ24" s="327">
        <v>0</v>
      </c>
      <c r="HA24" s="327">
        <v>0</v>
      </c>
      <c r="HB24" s="331">
        <v>0</v>
      </c>
      <c r="HC24" s="330">
        <v>0</v>
      </c>
      <c r="HD24" s="326">
        <v>283048</v>
      </c>
      <c r="HE24" s="327">
        <v>83134</v>
      </c>
      <c r="HF24" s="331">
        <v>366182</v>
      </c>
      <c r="HG24" s="332">
        <v>0</v>
      </c>
      <c r="HH24" s="327">
        <v>151098</v>
      </c>
      <c r="HI24" s="327">
        <v>1591829</v>
      </c>
      <c r="HJ24" s="327">
        <v>702312</v>
      </c>
      <c r="HK24" s="327">
        <v>0</v>
      </c>
      <c r="HL24" s="327">
        <v>647076</v>
      </c>
      <c r="HM24" s="328">
        <v>3092315</v>
      </c>
      <c r="HN24" s="329">
        <v>3458497</v>
      </c>
      <c r="HO24" s="333">
        <v>0</v>
      </c>
      <c r="HP24" s="327">
        <v>0</v>
      </c>
      <c r="HQ24" s="328">
        <v>0</v>
      </c>
      <c r="HR24" s="326">
        <v>0</v>
      </c>
      <c r="HS24" s="327">
        <v>0</v>
      </c>
      <c r="HT24" s="327">
        <v>0</v>
      </c>
      <c r="HU24" s="327">
        <v>0</v>
      </c>
      <c r="HV24" s="327">
        <v>0</v>
      </c>
      <c r="HW24" s="327">
        <v>0</v>
      </c>
      <c r="HX24" s="331">
        <v>0</v>
      </c>
      <c r="HY24" s="330">
        <v>0</v>
      </c>
      <c r="HZ24" s="358">
        <v>19363</v>
      </c>
      <c r="IA24" s="356">
        <v>0</v>
      </c>
      <c r="IB24" s="358">
        <v>19363</v>
      </c>
      <c r="IC24" s="355">
        <v>0</v>
      </c>
      <c r="ID24" s="356">
        <v>535657</v>
      </c>
      <c r="IE24" s="357">
        <v>630585</v>
      </c>
      <c r="IF24" s="358">
        <v>862289</v>
      </c>
      <c r="IG24" s="356">
        <v>610293</v>
      </c>
      <c r="IH24" s="358">
        <v>330463</v>
      </c>
      <c r="II24" s="359">
        <v>2969287</v>
      </c>
      <c r="IJ24" s="358">
        <v>2988650</v>
      </c>
      <c r="IK24" s="342">
        <v>0</v>
      </c>
      <c r="IL24" s="343">
        <v>0</v>
      </c>
      <c r="IM24" s="344">
        <v>0</v>
      </c>
      <c r="IN24" s="404">
        <v>0</v>
      </c>
      <c r="IO24" s="345">
        <v>0</v>
      </c>
      <c r="IP24" s="345">
        <v>85040</v>
      </c>
      <c r="IQ24" s="345">
        <v>158967</v>
      </c>
      <c r="IR24" s="345">
        <v>181092</v>
      </c>
      <c r="IS24" s="345">
        <v>0</v>
      </c>
      <c r="IT24" s="346">
        <v>425099</v>
      </c>
      <c r="IU24" s="347">
        <v>425099</v>
      </c>
      <c r="IV24" s="348">
        <v>0</v>
      </c>
      <c r="IW24" s="345">
        <v>0</v>
      </c>
      <c r="IX24" s="349">
        <v>0</v>
      </c>
      <c r="IY24" s="404">
        <v>0</v>
      </c>
      <c r="IZ24" s="345">
        <v>0</v>
      </c>
      <c r="JA24" s="345">
        <v>9069</v>
      </c>
      <c r="JB24" s="345">
        <v>0</v>
      </c>
      <c r="JC24" s="345">
        <v>14268</v>
      </c>
      <c r="JD24" s="345">
        <v>0</v>
      </c>
      <c r="JE24" s="349">
        <v>23337</v>
      </c>
      <c r="JF24" s="350">
        <v>23337</v>
      </c>
      <c r="JG24" s="348">
        <v>0</v>
      </c>
      <c r="JH24" s="345">
        <v>0</v>
      </c>
      <c r="JI24" s="346">
        <v>0</v>
      </c>
      <c r="JJ24" s="351">
        <v>0</v>
      </c>
      <c r="JK24" s="345">
        <v>452770</v>
      </c>
      <c r="JL24" s="345">
        <v>152355</v>
      </c>
      <c r="JM24" s="345">
        <v>14768</v>
      </c>
      <c r="JN24" s="345">
        <v>174227</v>
      </c>
      <c r="JO24" s="345">
        <v>0</v>
      </c>
      <c r="JP24" s="349">
        <v>794120</v>
      </c>
      <c r="JQ24" s="347">
        <v>794120</v>
      </c>
      <c r="JR24" s="348">
        <v>19363</v>
      </c>
      <c r="JS24" s="345">
        <v>0</v>
      </c>
      <c r="JT24" s="346">
        <v>19363</v>
      </c>
      <c r="JU24" s="351">
        <v>0</v>
      </c>
      <c r="JV24" s="345">
        <v>82887</v>
      </c>
      <c r="JW24" s="345">
        <v>66176</v>
      </c>
      <c r="JX24" s="345">
        <v>16844</v>
      </c>
      <c r="JY24" s="345">
        <v>0</v>
      </c>
      <c r="JZ24" s="345">
        <v>0</v>
      </c>
      <c r="KA24" s="349">
        <v>165907</v>
      </c>
      <c r="KB24" s="347">
        <v>185270</v>
      </c>
      <c r="KC24" s="352">
        <v>0</v>
      </c>
      <c r="KD24" s="353">
        <v>0</v>
      </c>
      <c r="KE24" s="349">
        <v>0</v>
      </c>
      <c r="KF24" s="351">
        <v>0</v>
      </c>
      <c r="KG24" s="345">
        <v>0</v>
      </c>
      <c r="KH24" s="345">
        <v>317945</v>
      </c>
      <c r="KI24" s="345">
        <v>214246</v>
      </c>
      <c r="KJ24" s="345">
        <v>240706</v>
      </c>
      <c r="KK24" s="345">
        <v>0</v>
      </c>
      <c r="KL24" s="349">
        <v>772897</v>
      </c>
      <c r="KM24" s="354">
        <v>772897</v>
      </c>
      <c r="KN24" s="342">
        <v>0</v>
      </c>
      <c r="KO24" s="343">
        <v>0</v>
      </c>
      <c r="KP24" s="344">
        <v>0</v>
      </c>
      <c r="KQ24" s="404">
        <v>0</v>
      </c>
      <c r="KR24" s="345">
        <v>0</v>
      </c>
      <c r="KS24" s="345">
        <v>0</v>
      </c>
      <c r="KT24" s="345">
        <v>457464</v>
      </c>
      <c r="KU24" s="345">
        <v>0</v>
      </c>
      <c r="KV24" s="345">
        <v>0</v>
      </c>
      <c r="KW24" s="349">
        <v>457464</v>
      </c>
      <c r="KX24" s="347">
        <v>457464</v>
      </c>
      <c r="KY24" s="348">
        <v>0</v>
      </c>
      <c r="KZ24" s="345">
        <v>0</v>
      </c>
      <c r="LA24" s="349">
        <v>0</v>
      </c>
      <c r="LB24" s="404">
        <v>0</v>
      </c>
      <c r="LC24" s="345">
        <v>0</v>
      </c>
      <c r="LD24" s="345">
        <v>0</v>
      </c>
      <c r="LE24" s="345">
        <v>0</v>
      </c>
      <c r="LF24" s="345">
        <v>0</v>
      </c>
      <c r="LG24" s="345">
        <v>0</v>
      </c>
      <c r="LH24" s="349">
        <v>0</v>
      </c>
      <c r="LI24" s="350">
        <v>0</v>
      </c>
      <c r="LJ24" s="348">
        <v>0</v>
      </c>
      <c r="LK24" s="345">
        <v>0</v>
      </c>
      <c r="LL24" s="349">
        <v>0</v>
      </c>
      <c r="LM24" s="404">
        <v>0</v>
      </c>
      <c r="LN24" s="345">
        <v>0</v>
      </c>
      <c r="LO24" s="345">
        <v>0</v>
      </c>
      <c r="LP24" s="345">
        <v>0</v>
      </c>
      <c r="LQ24" s="345">
        <v>0</v>
      </c>
      <c r="LR24" s="345">
        <v>0</v>
      </c>
      <c r="LS24" s="349">
        <v>0</v>
      </c>
      <c r="LT24" s="347">
        <v>0</v>
      </c>
      <c r="LU24" s="348">
        <v>0</v>
      </c>
      <c r="LV24" s="345">
        <v>0</v>
      </c>
      <c r="LW24" s="349">
        <v>0</v>
      </c>
      <c r="LX24" s="404">
        <v>0</v>
      </c>
      <c r="LY24" s="345">
        <v>0</v>
      </c>
      <c r="LZ24" s="345">
        <v>0</v>
      </c>
      <c r="MA24" s="345">
        <v>0</v>
      </c>
      <c r="MB24" s="345">
        <v>0</v>
      </c>
      <c r="MC24" s="345">
        <v>330463</v>
      </c>
      <c r="MD24" s="349">
        <v>330463</v>
      </c>
      <c r="ME24" s="350">
        <v>330463</v>
      </c>
      <c r="MF24" s="348">
        <v>0</v>
      </c>
      <c r="MG24" s="345">
        <v>0</v>
      </c>
      <c r="MH24" s="349">
        <v>0</v>
      </c>
      <c r="MI24" s="404">
        <v>0</v>
      </c>
      <c r="MJ24" s="345">
        <v>396991</v>
      </c>
      <c r="MK24" s="345">
        <v>496981</v>
      </c>
      <c r="ML24" s="345">
        <v>1252133</v>
      </c>
      <c r="MM24" s="345">
        <v>709077</v>
      </c>
      <c r="MN24" s="345">
        <v>326313</v>
      </c>
      <c r="MO24" s="349">
        <v>3181495</v>
      </c>
      <c r="MP24" s="354">
        <v>3181495</v>
      </c>
      <c r="MQ24" s="348">
        <v>0</v>
      </c>
      <c r="MR24" s="345">
        <v>0</v>
      </c>
      <c r="MS24" s="349">
        <v>0</v>
      </c>
      <c r="MT24" s="404">
        <v>0</v>
      </c>
      <c r="MU24" s="345">
        <v>0</v>
      </c>
      <c r="MV24" s="345">
        <v>0</v>
      </c>
      <c r="MW24" s="345">
        <v>649036</v>
      </c>
      <c r="MX24" s="345">
        <v>709077</v>
      </c>
      <c r="MY24" s="345">
        <v>326313</v>
      </c>
      <c r="MZ24" s="349">
        <v>1684426</v>
      </c>
      <c r="NA24" s="354">
        <v>1684426</v>
      </c>
      <c r="NB24" s="348">
        <v>0</v>
      </c>
      <c r="NC24" s="345">
        <v>0</v>
      </c>
      <c r="ND24" s="349">
        <v>0</v>
      </c>
      <c r="NE24" s="404">
        <v>0</v>
      </c>
      <c r="NF24" s="345">
        <v>396991</v>
      </c>
      <c r="NG24" s="345">
        <v>496981</v>
      </c>
      <c r="NH24" s="345">
        <v>603097</v>
      </c>
      <c r="NI24" s="345">
        <v>0</v>
      </c>
      <c r="NJ24" s="345">
        <v>0</v>
      </c>
      <c r="NK24" s="349">
        <v>1497069</v>
      </c>
      <c r="NL24" s="347">
        <v>1497069</v>
      </c>
      <c r="NM24" s="348">
        <v>0</v>
      </c>
      <c r="NN24" s="345">
        <v>0</v>
      </c>
      <c r="NO24" s="349">
        <v>0</v>
      </c>
      <c r="NP24" s="404">
        <v>0</v>
      </c>
      <c r="NQ24" s="345">
        <v>0</v>
      </c>
      <c r="NR24" s="345">
        <v>0</v>
      </c>
      <c r="NS24" s="345">
        <v>0</v>
      </c>
      <c r="NT24" s="345">
        <v>0</v>
      </c>
      <c r="NU24" s="345">
        <v>0</v>
      </c>
      <c r="NV24" s="349">
        <v>0</v>
      </c>
      <c r="NW24" s="350">
        <v>0</v>
      </c>
      <c r="NX24" s="348">
        <v>0</v>
      </c>
      <c r="NY24" s="345">
        <v>0</v>
      </c>
      <c r="NZ24" s="349">
        <v>0</v>
      </c>
      <c r="OA24" s="404">
        <v>0</v>
      </c>
      <c r="OB24" s="345">
        <v>0</v>
      </c>
      <c r="OC24" s="345">
        <v>0</v>
      </c>
      <c r="OD24" s="345">
        <v>0</v>
      </c>
      <c r="OE24" s="345">
        <v>0</v>
      </c>
      <c r="OF24" s="345">
        <v>0</v>
      </c>
      <c r="OG24" s="349">
        <v>0</v>
      </c>
      <c r="OH24" s="350">
        <v>0</v>
      </c>
      <c r="OI24" s="348">
        <v>506080</v>
      </c>
      <c r="OJ24" s="345">
        <v>380922</v>
      </c>
      <c r="OK24" s="346">
        <v>887002</v>
      </c>
      <c r="OL24" s="351">
        <v>0</v>
      </c>
      <c r="OM24" s="345">
        <v>3503384</v>
      </c>
      <c r="ON24" s="345">
        <v>4856081</v>
      </c>
      <c r="OO24" s="345">
        <v>4580119</v>
      </c>
      <c r="OP24" s="345">
        <v>2928373</v>
      </c>
      <c r="OQ24" s="345">
        <v>1858700</v>
      </c>
      <c r="OR24" s="349">
        <v>17726657</v>
      </c>
      <c r="OS24" s="354">
        <v>18613659</v>
      </c>
    </row>
    <row r="25" spans="2:409" s="70" customFormat="1" ht="21" customHeight="1" x14ac:dyDescent="0.2">
      <c r="B25" s="106" t="s">
        <v>20</v>
      </c>
      <c r="C25" s="326">
        <v>278096</v>
      </c>
      <c r="D25" s="327">
        <v>411709</v>
      </c>
      <c r="E25" s="328">
        <v>689805</v>
      </c>
      <c r="F25" s="326">
        <v>0</v>
      </c>
      <c r="G25" s="327">
        <v>3545140</v>
      </c>
      <c r="H25" s="327">
        <v>4589463</v>
      </c>
      <c r="I25" s="327">
        <v>3252003</v>
      </c>
      <c r="J25" s="327">
        <v>2962680</v>
      </c>
      <c r="K25" s="327">
        <v>3072480</v>
      </c>
      <c r="L25" s="367">
        <v>17421766</v>
      </c>
      <c r="M25" s="330">
        <v>18111571</v>
      </c>
      <c r="N25" s="326">
        <v>114981</v>
      </c>
      <c r="O25" s="327">
        <v>198640</v>
      </c>
      <c r="P25" s="328">
        <v>313621</v>
      </c>
      <c r="Q25" s="326">
        <v>0</v>
      </c>
      <c r="R25" s="327">
        <v>1485102</v>
      </c>
      <c r="S25" s="327">
        <v>1547178</v>
      </c>
      <c r="T25" s="327">
        <v>1053903</v>
      </c>
      <c r="U25" s="327">
        <v>466216</v>
      </c>
      <c r="V25" s="327">
        <v>1674012</v>
      </c>
      <c r="W25" s="328">
        <v>6226411</v>
      </c>
      <c r="X25" s="330">
        <v>6540032</v>
      </c>
      <c r="Y25" s="326">
        <v>0</v>
      </c>
      <c r="Z25" s="327">
        <v>0</v>
      </c>
      <c r="AA25" s="328">
        <v>0</v>
      </c>
      <c r="AB25" s="326">
        <v>0</v>
      </c>
      <c r="AC25" s="327">
        <v>617398</v>
      </c>
      <c r="AD25" s="327">
        <v>609671</v>
      </c>
      <c r="AE25" s="327">
        <v>370618</v>
      </c>
      <c r="AF25" s="327">
        <v>168999</v>
      </c>
      <c r="AG25" s="327">
        <v>1203201</v>
      </c>
      <c r="AH25" s="328">
        <v>2969887</v>
      </c>
      <c r="AI25" s="330">
        <v>2969887</v>
      </c>
      <c r="AJ25" s="326">
        <v>0</v>
      </c>
      <c r="AK25" s="327">
        <v>0</v>
      </c>
      <c r="AL25" s="328">
        <v>0</v>
      </c>
      <c r="AM25" s="326">
        <v>0</v>
      </c>
      <c r="AN25" s="327">
        <v>0</v>
      </c>
      <c r="AO25" s="327">
        <v>0</v>
      </c>
      <c r="AP25" s="327">
        <v>52546</v>
      </c>
      <c r="AQ25" s="327">
        <v>42851</v>
      </c>
      <c r="AR25" s="327">
        <v>217359</v>
      </c>
      <c r="AS25" s="328">
        <v>312756</v>
      </c>
      <c r="AT25" s="330">
        <v>312756</v>
      </c>
      <c r="AU25" s="326">
        <v>72923</v>
      </c>
      <c r="AV25" s="327">
        <v>81354</v>
      </c>
      <c r="AW25" s="328">
        <v>154277</v>
      </c>
      <c r="AX25" s="326">
        <v>0</v>
      </c>
      <c r="AY25" s="327">
        <v>588895</v>
      </c>
      <c r="AZ25" s="327">
        <v>647846</v>
      </c>
      <c r="BA25" s="327">
        <v>376644</v>
      </c>
      <c r="BB25" s="327">
        <v>107282</v>
      </c>
      <c r="BC25" s="327">
        <v>11092</v>
      </c>
      <c r="BD25" s="328">
        <v>1731759</v>
      </c>
      <c r="BE25" s="330">
        <v>1886036</v>
      </c>
      <c r="BF25" s="326">
        <v>13610</v>
      </c>
      <c r="BG25" s="327">
        <v>91148</v>
      </c>
      <c r="BH25" s="331">
        <v>104758</v>
      </c>
      <c r="BI25" s="332">
        <v>0</v>
      </c>
      <c r="BJ25" s="327">
        <v>71035</v>
      </c>
      <c r="BK25" s="327">
        <v>82006</v>
      </c>
      <c r="BL25" s="327">
        <v>89301</v>
      </c>
      <c r="BM25" s="327">
        <v>13230</v>
      </c>
      <c r="BN25" s="327">
        <v>33823</v>
      </c>
      <c r="BO25" s="328">
        <v>289395</v>
      </c>
      <c r="BP25" s="330">
        <v>394153</v>
      </c>
      <c r="BQ25" s="326">
        <v>28448</v>
      </c>
      <c r="BR25" s="327">
        <v>26138</v>
      </c>
      <c r="BS25" s="328">
        <v>54586</v>
      </c>
      <c r="BT25" s="326">
        <v>0</v>
      </c>
      <c r="BU25" s="327">
        <v>207774</v>
      </c>
      <c r="BV25" s="327">
        <v>207655</v>
      </c>
      <c r="BW25" s="327">
        <v>164794</v>
      </c>
      <c r="BX25" s="327">
        <v>133854</v>
      </c>
      <c r="BY25" s="327">
        <v>208537</v>
      </c>
      <c r="BZ25" s="328">
        <v>922614</v>
      </c>
      <c r="CA25" s="330">
        <v>977200</v>
      </c>
      <c r="CB25" s="326">
        <v>0</v>
      </c>
      <c r="CC25" s="327">
        <v>108986</v>
      </c>
      <c r="CD25" s="328">
        <v>108986</v>
      </c>
      <c r="CE25" s="326">
        <v>0</v>
      </c>
      <c r="CF25" s="327">
        <v>724085</v>
      </c>
      <c r="CG25" s="327">
        <v>1297343</v>
      </c>
      <c r="CH25" s="327">
        <v>774324</v>
      </c>
      <c r="CI25" s="327">
        <v>552706</v>
      </c>
      <c r="CJ25" s="327">
        <v>156503</v>
      </c>
      <c r="CK25" s="328">
        <v>3504961</v>
      </c>
      <c r="CL25" s="330">
        <v>3613947</v>
      </c>
      <c r="CM25" s="326">
        <v>0</v>
      </c>
      <c r="CN25" s="327">
        <v>0</v>
      </c>
      <c r="CO25" s="328">
        <v>0</v>
      </c>
      <c r="CP25" s="332">
        <v>0</v>
      </c>
      <c r="CQ25" s="327">
        <v>543013</v>
      </c>
      <c r="CR25" s="327">
        <v>732533</v>
      </c>
      <c r="CS25" s="327">
        <v>600051</v>
      </c>
      <c r="CT25" s="327">
        <v>425213</v>
      </c>
      <c r="CU25" s="327">
        <v>39634</v>
      </c>
      <c r="CV25" s="328">
        <v>2340444</v>
      </c>
      <c r="CW25" s="330">
        <v>2340444</v>
      </c>
      <c r="CX25" s="326">
        <v>0</v>
      </c>
      <c r="CY25" s="327">
        <v>108986</v>
      </c>
      <c r="CZ25" s="328">
        <v>108986</v>
      </c>
      <c r="DA25" s="326">
        <v>0</v>
      </c>
      <c r="DB25" s="327">
        <v>181072</v>
      </c>
      <c r="DC25" s="327">
        <v>564810</v>
      </c>
      <c r="DD25" s="327">
        <v>174273</v>
      </c>
      <c r="DE25" s="327">
        <v>127493</v>
      </c>
      <c r="DF25" s="327">
        <v>116869</v>
      </c>
      <c r="DG25" s="328">
        <v>1164517</v>
      </c>
      <c r="DH25" s="330">
        <v>1273503</v>
      </c>
      <c r="DI25" s="326">
        <v>0</v>
      </c>
      <c r="DJ25" s="327">
        <v>0</v>
      </c>
      <c r="DK25" s="331">
        <v>0</v>
      </c>
      <c r="DL25" s="332">
        <v>0</v>
      </c>
      <c r="DM25" s="327">
        <v>48381</v>
      </c>
      <c r="DN25" s="327">
        <v>219157</v>
      </c>
      <c r="DO25" s="327">
        <v>553135</v>
      </c>
      <c r="DP25" s="327">
        <v>273732</v>
      </c>
      <c r="DQ25" s="327">
        <v>0</v>
      </c>
      <c r="DR25" s="328">
        <v>1094405</v>
      </c>
      <c r="DS25" s="330">
        <v>1094405</v>
      </c>
      <c r="DT25" s="326">
        <v>0</v>
      </c>
      <c r="DU25" s="327">
        <v>0</v>
      </c>
      <c r="DV25" s="328">
        <v>0</v>
      </c>
      <c r="DW25" s="326">
        <v>0</v>
      </c>
      <c r="DX25" s="327">
        <v>48381</v>
      </c>
      <c r="DY25" s="327">
        <v>185558</v>
      </c>
      <c r="DZ25" s="327">
        <v>516460</v>
      </c>
      <c r="EA25" s="327">
        <v>273732</v>
      </c>
      <c r="EB25" s="327">
        <v>0</v>
      </c>
      <c r="EC25" s="328">
        <v>1024131</v>
      </c>
      <c r="ED25" s="330">
        <v>1024131</v>
      </c>
      <c r="EE25" s="326">
        <v>0</v>
      </c>
      <c r="EF25" s="331">
        <v>0</v>
      </c>
      <c r="EG25" s="328">
        <v>0</v>
      </c>
      <c r="EH25" s="326">
        <v>0</v>
      </c>
      <c r="EI25" s="327">
        <v>0</v>
      </c>
      <c r="EJ25" s="327">
        <v>33599</v>
      </c>
      <c r="EK25" s="327">
        <v>36675</v>
      </c>
      <c r="EL25" s="327">
        <v>0</v>
      </c>
      <c r="EM25" s="327">
        <v>0</v>
      </c>
      <c r="EN25" s="331">
        <v>70274</v>
      </c>
      <c r="EO25" s="330">
        <v>70274</v>
      </c>
      <c r="EP25" s="326">
        <v>0</v>
      </c>
      <c r="EQ25" s="327">
        <v>0</v>
      </c>
      <c r="ER25" s="331">
        <v>0</v>
      </c>
      <c r="ES25" s="332">
        <v>0</v>
      </c>
      <c r="ET25" s="327">
        <v>0</v>
      </c>
      <c r="EU25" s="327">
        <v>0</v>
      </c>
      <c r="EV25" s="327">
        <v>0</v>
      </c>
      <c r="EW25" s="327">
        <v>0</v>
      </c>
      <c r="EX25" s="327">
        <v>0</v>
      </c>
      <c r="EY25" s="328">
        <v>0</v>
      </c>
      <c r="EZ25" s="330">
        <v>0</v>
      </c>
      <c r="FA25" s="326">
        <v>0</v>
      </c>
      <c r="FB25" s="327">
        <v>0</v>
      </c>
      <c r="FC25" s="331">
        <v>0</v>
      </c>
      <c r="FD25" s="404">
        <v>0</v>
      </c>
      <c r="FE25" s="327">
        <v>0</v>
      </c>
      <c r="FF25" s="327">
        <v>0</v>
      </c>
      <c r="FG25" s="327">
        <v>0</v>
      </c>
      <c r="FH25" s="327">
        <v>0</v>
      </c>
      <c r="FI25" s="327">
        <v>0</v>
      </c>
      <c r="FJ25" s="328">
        <v>0</v>
      </c>
      <c r="FK25" s="330">
        <v>0</v>
      </c>
      <c r="FL25" s="326">
        <v>64407</v>
      </c>
      <c r="FM25" s="327">
        <v>104083</v>
      </c>
      <c r="FN25" s="328">
        <v>168490</v>
      </c>
      <c r="FO25" s="326">
        <v>0</v>
      </c>
      <c r="FP25" s="327">
        <v>140287</v>
      </c>
      <c r="FQ25" s="327">
        <v>380737</v>
      </c>
      <c r="FR25" s="327">
        <v>323330</v>
      </c>
      <c r="FS25" s="327">
        <v>181412</v>
      </c>
      <c r="FT25" s="327">
        <v>146447</v>
      </c>
      <c r="FU25" s="328">
        <v>1172213</v>
      </c>
      <c r="FV25" s="330">
        <v>1340703</v>
      </c>
      <c r="FW25" s="333">
        <v>64407</v>
      </c>
      <c r="FX25" s="327">
        <v>104083</v>
      </c>
      <c r="FY25" s="331">
        <v>168490</v>
      </c>
      <c r="FZ25" s="332">
        <v>0</v>
      </c>
      <c r="GA25" s="327">
        <v>140287</v>
      </c>
      <c r="GB25" s="327">
        <v>326907</v>
      </c>
      <c r="GC25" s="327">
        <v>301770</v>
      </c>
      <c r="GD25" s="327">
        <v>181412</v>
      </c>
      <c r="GE25" s="327">
        <v>146447</v>
      </c>
      <c r="GF25" s="328">
        <v>1096823</v>
      </c>
      <c r="GG25" s="334">
        <v>1265313</v>
      </c>
      <c r="GH25" s="333">
        <v>0</v>
      </c>
      <c r="GI25" s="327">
        <v>0</v>
      </c>
      <c r="GJ25" s="331">
        <v>0</v>
      </c>
      <c r="GK25" s="332">
        <v>0</v>
      </c>
      <c r="GL25" s="327">
        <v>0</v>
      </c>
      <c r="GM25" s="327">
        <v>53830</v>
      </c>
      <c r="GN25" s="327">
        <v>21560</v>
      </c>
      <c r="GO25" s="327">
        <v>0</v>
      </c>
      <c r="GP25" s="327">
        <v>0</v>
      </c>
      <c r="GQ25" s="328">
        <v>75390</v>
      </c>
      <c r="GR25" s="330">
        <v>75390</v>
      </c>
      <c r="GS25" s="326">
        <v>0</v>
      </c>
      <c r="GT25" s="327">
        <v>0</v>
      </c>
      <c r="GU25" s="328">
        <v>0</v>
      </c>
      <c r="GV25" s="326">
        <v>0</v>
      </c>
      <c r="GW25" s="327">
        <v>0</v>
      </c>
      <c r="GX25" s="327">
        <v>0</v>
      </c>
      <c r="GY25" s="327">
        <v>0</v>
      </c>
      <c r="GZ25" s="327">
        <v>0</v>
      </c>
      <c r="HA25" s="327">
        <v>0</v>
      </c>
      <c r="HB25" s="331">
        <v>0</v>
      </c>
      <c r="HC25" s="330">
        <v>0</v>
      </c>
      <c r="HD25" s="326">
        <v>98708</v>
      </c>
      <c r="HE25" s="327">
        <v>0</v>
      </c>
      <c r="HF25" s="331">
        <v>98708</v>
      </c>
      <c r="HG25" s="332">
        <v>0</v>
      </c>
      <c r="HH25" s="327">
        <v>1147285</v>
      </c>
      <c r="HI25" s="327">
        <v>1145048</v>
      </c>
      <c r="HJ25" s="327">
        <v>547311</v>
      </c>
      <c r="HK25" s="327">
        <v>1488614</v>
      </c>
      <c r="HL25" s="327">
        <v>1095518</v>
      </c>
      <c r="HM25" s="328">
        <v>5423776</v>
      </c>
      <c r="HN25" s="329">
        <v>5522484</v>
      </c>
      <c r="HO25" s="333">
        <v>0</v>
      </c>
      <c r="HP25" s="327">
        <v>0</v>
      </c>
      <c r="HQ25" s="328">
        <v>0</v>
      </c>
      <c r="HR25" s="326">
        <v>0</v>
      </c>
      <c r="HS25" s="327">
        <v>0</v>
      </c>
      <c r="HT25" s="327">
        <v>0</v>
      </c>
      <c r="HU25" s="327">
        <v>0</v>
      </c>
      <c r="HV25" s="327">
        <v>0</v>
      </c>
      <c r="HW25" s="327">
        <v>0</v>
      </c>
      <c r="HX25" s="331">
        <v>0</v>
      </c>
      <c r="HY25" s="330">
        <v>0</v>
      </c>
      <c r="HZ25" s="335">
        <v>0</v>
      </c>
      <c r="IA25" s="336">
        <v>0</v>
      </c>
      <c r="IB25" s="337">
        <v>0</v>
      </c>
      <c r="IC25" s="338">
        <v>0</v>
      </c>
      <c r="ID25" s="336">
        <v>549169</v>
      </c>
      <c r="IE25" s="339">
        <v>1049714</v>
      </c>
      <c r="IF25" s="337">
        <v>1161318</v>
      </c>
      <c r="IG25" s="336">
        <v>0</v>
      </c>
      <c r="IH25" s="337">
        <v>16570</v>
      </c>
      <c r="II25" s="340">
        <v>2776771</v>
      </c>
      <c r="IJ25" s="341">
        <v>2776771</v>
      </c>
      <c r="IK25" s="342">
        <v>0</v>
      </c>
      <c r="IL25" s="343">
        <v>0</v>
      </c>
      <c r="IM25" s="344">
        <v>0</v>
      </c>
      <c r="IN25" s="404">
        <v>0</v>
      </c>
      <c r="IO25" s="345">
        <v>0</v>
      </c>
      <c r="IP25" s="345">
        <v>105534</v>
      </c>
      <c r="IQ25" s="345">
        <v>0</v>
      </c>
      <c r="IR25" s="345">
        <v>0</v>
      </c>
      <c r="IS25" s="345">
        <v>0</v>
      </c>
      <c r="IT25" s="346">
        <v>105534</v>
      </c>
      <c r="IU25" s="347">
        <v>105534</v>
      </c>
      <c r="IV25" s="348">
        <v>0</v>
      </c>
      <c r="IW25" s="345">
        <v>0</v>
      </c>
      <c r="IX25" s="349">
        <v>0</v>
      </c>
      <c r="IY25" s="404">
        <v>0</v>
      </c>
      <c r="IZ25" s="345">
        <v>0</v>
      </c>
      <c r="JA25" s="345">
        <v>0</v>
      </c>
      <c r="JB25" s="345">
        <v>0</v>
      </c>
      <c r="JC25" s="345">
        <v>0</v>
      </c>
      <c r="JD25" s="345">
        <v>0</v>
      </c>
      <c r="JE25" s="349">
        <v>0</v>
      </c>
      <c r="JF25" s="350">
        <v>0</v>
      </c>
      <c r="JG25" s="348">
        <v>0</v>
      </c>
      <c r="JH25" s="345">
        <v>0</v>
      </c>
      <c r="JI25" s="346">
        <v>0</v>
      </c>
      <c r="JJ25" s="351">
        <v>0</v>
      </c>
      <c r="JK25" s="345">
        <v>211380</v>
      </c>
      <c r="JL25" s="345">
        <v>488300</v>
      </c>
      <c r="JM25" s="345">
        <v>54727</v>
      </c>
      <c r="JN25" s="345">
        <v>0</v>
      </c>
      <c r="JO25" s="345">
        <v>16570</v>
      </c>
      <c r="JP25" s="349">
        <v>770977</v>
      </c>
      <c r="JQ25" s="347">
        <v>770977</v>
      </c>
      <c r="JR25" s="348">
        <v>0</v>
      </c>
      <c r="JS25" s="345">
        <v>0</v>
      </c>
      <c r="JT25" s="346">
        <v>0</v>
      </c>
      <c r="JU25" s="351">
        <v>0</v>
      </c>
      <c r="JV25" s="345">
        <v>0</v>
      </c>
      <c r="JW25" s="345">
        <v>0</v>
      </c>
      <c r="JX25" s="345">
        <v>81291</v>
      </c>
      <c r="JY25" s="345">
        <v>0</v>
      </c>
      <c r="JZ25" s="345">
        <v>0</v>
      </c>
      <c r="KA25" s="349">
        <v>81291</v>
      </c>
      <c r="KB25" s="347">
        <v>81291</v>
      </c>
      <c r="KC25" s="352">
        <v>0</v>
      </c>
      <c r="KD25" s="353">
        <v>0</v>
      </c>
      <c r="KE25" s="349">
        <v>0</v>
      </c>
      <c r="KF25" s="351">
        <v>0</v>
      </c>
      <c r="KG25" s="345">
        <v>123466</v>
      </c>
      <c r="KH25" s="345">
        <v>158283</v>
      </c>
      <c r="KI25" s="345">
        <v>0</v>
      </c>
      <c r="KJ25" s="345">
        <v>0</v>
      </c>
      <c r="KK25" s="345">
        <v>0</v>
      </c>
      <c r="KL25" s="349">
        <v>281749</v>
      </c>
      <c r="KM25" s="354">
        <v>281749</v>
      </c>
      <c r="KN25" s="342">
        <v>0</v>
      </c>
      <c r="KO25" s="343">
        <v>0</v>
      </c>
      <c r="KP25" s="344">
        <v>0</v>
      </c>
      <c r="KQ25" s="404">
        <v>0</v>
      </c>
      <c r="KR25" s="345">
        <v>214323</v>
      </c>
      <c r="KS25" s="345">
        <v>297597</v>
      </c>
      <c r="KT25" s="345">
        <v>1025300</v>
      </c>
      <c r="KU25" s="345">
        <v>0</v>
      </c>
      <c r="KV25" s="345">
        <v>0</v>
      </c>
      <c r="KW25" s="349">
        <v>1537220</v>
      </c>
      <c r="KX25" s="347">
        <v>1537220</v>
      </c>
      <c r="KY25" s="348">
        <v>0</v>
      </c>
      <c r="KZ25" s="345">
        <v>0</v>
      </c>
      <c r="LA25" s="349">
        <v>0</v>
      </c>
      <c r="LB25" s="404">
        <v>0</v>
      </c>
      <c r="LC25" s="345">
        <v>0</v>
      </c>
      <c r="LD25" s="345">
        <v>0</v>
      </c>
      <c r="LE25" s="345">
        <v>0</v>
      </c>
      <c r="LF25" s="345">
        <v>0</v>
      </c>
      <c r="LG25" s="345">
        <v>0</v>
      </c>
      <c r="LH25" s="349">
        <v>0</v>
      </c>
      <c r="LI25" s="350">
        <v>0</v>
      </c>
      <c r="LJ25" s="348">
        <v>0</v>
      </c>
      <c r="LK25" s="345">
        <v>0</v>
      </c>
      <c r="LL25" s="349">
        <v>0</v>
      </c>
      <c r="LM25" s="404">
        <v>0</v>
      </c>
      <c r="LN25" s="345">
        <v>0</v>
      </c>
      <c r="LO25" s="345">
        <v>0</v>
      </c>
      <c r="LP25" s="345">
        <v>0</v>
      </c>
      <c r="LQ25" s="345">
        <v>0</v>
      </c>
      <c r="LR25" s="345">
        <v>0</v>
      </c>
      <c r="LS25" s="349">
        <v>0</v>
      </c>
      <c r="LT25" s="347">
        <v>0</v>
      </c>
      <c r="LU25" s="348">
        <v>0</v>
      </c>
      <c r="LV25" s="345">
        <v>0</v>
      </c>
      <c r="LW25" s="349">
        <v>0</v>
      </c>
      <c r="LX25" s="404">
        <v>0</v>
      </c>
      <c r="LY25" s="345">
        <v>0</v>
      </c>
      <c r="LZ25" s="345">
        <v>0</v>
      </c>
      <c r="MA25" s="345">
        <v>0</v>
      </c>
      <c r="MB25" s="345">
        <v>0</v>
      </c>
      <c r="MC25" s="345">
        <v>0</v>
      </c>
      <c r="MD25" s="349">
        <v>0</v>
      </c>
      <c r="ME25" s="350">
        <v>0</v>
      </c>
      <c r="MF25" s="348">
        <v>0</v>
      </c>
      <c r="MG25" s="345">
        <v>0</v>
      </c>
      <c r="MH25" s="349">
        <v>0</v>
      </c>
      <c r="MI25" s="404">
        <v>0</v>
      </c>
      <c r="MJ25" s="345">
        <v>488452</v>
      </c>
      <c r="MK25" s="345">
        <v>697295</v>
      </c>
      <c r="ML25" s="345">
        <v>844069</v>
      </c>
      <c r="MM25" s="345">
        <v>2679266</v>
      </c>
      <c r="MN25" s="345">
        <v>1596794</v>
      </c>
      <c r="MO25" s="349">
        <v>6305876</v>
      </c>
      <c r="MP25" s="354">
        <v>6305876</v>
      </c>
      <c r="MQ25" s="348">
        <v>0</v>
      </c>
      <c r="MR25" s="345">
        <v>0</v>
      </c>
      <c r="MS25" s="349">
        <v>0</v>
      </c>
      <c r="MT25" s="404">
        <v>0</v>
      </c>
      <c r="MU25" s="345">
        <v>0</v>
      </c>
      <c r="MV25" s="345">
        <v>449982</v>
      </c>
      <c r="MW25" s="345">
        <v>580935</v>
      </c>
      <c r="MX25" s="345">
        <v>1197564</v>
      </c>
      <c r="MY25" s="345">
        <v>1596794</v>
      </c>
      <c r="MZ25" s="349">
        <v>3825275</v>
      </c>
      <c r="NA25" s="354">
        <v>3825275</v>
      </c>
      <c r="NB25" s="348">
        <v>0</v>
      </c>
      <c r="NC25" s="345">
        <v>0</v>
      </c>
      <c r="ND25" s="349">
        <v>0</v>
      </c>
      <c r="NE25" s="404">
        <v>0</v>
      </c>
      <c r="NF25" s="345">
        <v>488452</v>
      </c>
      <c r="NG25" s="345">
        <v>247313</v>
      </c>
      <c r="NH25" s="345">
        <v>263134</v>
      </c>
      <c r="NI25" s="345">
        <v>1481702</v>
      </c>
      <c r="NJ25" s="345">
        <v>0</v>
      </c>
      <c r="NK25" s="349">
        <v>2480601</v>
      </c>
      <c r="NL25" s="347">
        <v>2480601</v>
      </c>
      <c r="NM25" s="348">
        <v>0</v>
      </c>
      <c r="NN25" s="345">
        <v>0</v>
      </c>
      <c r="NO25" s="349">
        <v>0</v>
      </c>
      <c r="NP25" s="404">
        <v>0</v>
      </c>
      <c r="NQ25" s="345">
        <v>0</v>
      </c>
      <c r="NR25" s="345">
        <v>0</v>
      </c>
      <c r="NS25" s="345">
        <v>0</v>
      </c>
      <c r="NT25" s="345">
        <v>0</v>
      </c>
      <c r="NU25" s="345">
        <v>0</v>
      </c>
      <c r="NV25" s="349">
        <v>0</v>
      </c>
      <c r="NW25" s="350">
        <v>0</v>
      </c>
      <c r="NX25" s="348">
        <v>0</v>
      </c>
      <c r="NY25" s="345">
        <v>0</v>
      </c>
      <c r="NZ25" s="349">
        <v>0</v>
      </c>
      <c r="OA25" s="404">
        <v>0</v>
      </c>
      <c r="OB25" s="345">
        <v>0</v>
      </c>
      <c r="OC25" s="345">
        <v>0</v>
      </c>
      <c r="OD25" s="345">
        <v>0</v>
      </c>
      <c r="OE25" s="345">
        <v>0</v>
      </c>
      <c r="OF25" s="345">
        <v>0</v>
      </c>
      <c r="OG25" s="349">
        <v>0</v>
      </c>
      <c r="OH25" s="350">
        <v>0</v>
      </c>
      <c r="OI25" s="348">
        <v>278096</v>
      </c>
      <c r="OJ25" s="345">
        <v>411709</v>
      </c>
      <c r="OK25" s="346">
        <v>689805</v>
      </c>
      <c r="OL25" s="351">
        <v>0</v>
      </c>
      <c r="OM25" s="345">
        <v>4582761</v>
      </c>
      <c r="ON25" s="345">
        <v>6336472</v>
      </c>
      <c r="OO25" s="345">
        <v>5257390</v>
      </c>
      <c r="OP25" s="345">
        <v>5641946</v>
      </c>
      <c r="OQ25" s="345">
        <v>4685844</v>
      </c>
      <c r="OR25" s="349">
        <v>26504413</v>
      </c>
      <c r="OS25" s="354">
        <v>27194218</v>
      </c>
    </row>
    <row r="26" spans="2:409" s="70" customFormat="1" ht="21" customHeight="1" x14ac:dyDescent="0.2">
      <c r="B26" s="106" t="s">
        <v>21</v>
      </c>
      <c r="C26" s="326">
        <v>277420</v>
      </c>
      <c r="D26" s="327">
        <v>380094</v>
      </c>
      <c r="E26" s="328">
        <v>657514</v>
      </c>
      <c r="F26" s="329">
        <v>0</v>
      </c>
      <c r="G26" s="327">
        <v>2396245</v>
      </c>
      <c r="H26" s="327">
        <v>3011040</v>
      </c>
      <c r="I26" s="327">
        <v>2459334</v>
      </c>
      <c r="J26" s="327">
        <v>1710832</v>
      </c>
      <c r="K26" s="327">
        <v>2794787</v>
      </c>
      <c r="L26" s="367">
        <v>12372238</v>
      </c>
      <c r="M26" s="330">
        <v>13029752</v>
      </c>
      <c r="N26" s="326">
        <v>79410</v>
      </c>
      <c r="O26" s="327">
        <v>151036</v>
      </c>
      <c r="P26" s="328">
        <v>230446</v>
      </c>
      <c r="Q26" s="326">
        <v>0</v>
      </c>
      <c r="R26" s="327">
        <v>1036336</v>
      </c>
      <c r="S26" s="327">
        <v>1380464</v>
      </c>
      <c r="T26" s="327">
        <v>785368</v>
      </c>
      <c r="U26" s="327">
        <v>763786</v>
      </c>
      <c r="V26" s="327">
        <v>1234719</v>
      </c>
      <c r="W26" s="328">
        <v>5200673</v>
      </c>
      <c r="X26" s="330">
        <v>5431119</v>
      </c>
      <c r="Y26" s="326">
        <v>0</v>
      </c>
      <c r="Z26" s="327">
        <v>0</v>
      </c>
      <c r="AA26" s="328">
        <v>0</v>
      </c>
      <c r="AB26" s="326">
        <v>0</v>
      </c>
      <c r="AC26" s="327">
        <v>396492</v>
      </c>
      <c r="AD26" s="327">
        <v>774595</v>
      </c>
      <c r="AE26" s="327">
        <v>461845</v>
      </c>
      <c r="AF26" s="327">
        <v>295620</v>
      </c>
      <c r="AG26" s="327">
        <v>499411</v>
      </c>
      <c r="AH26" s="328">
        <v>2427963</v>
      </c>
      <c r="AI26" s="330">
        <v>2427963</v>
      </c>
      <c r="AJ26" s="326">
        <v>0</v>
      </c>
      <c r="AK26" s="327">
        <v>0</v>
      </c>
      <c r="AL26" s="328">
        <v>0</v>
      </c>
      <c r="AM26" s="326">
        <v>0</v>
      </c>
      <c r="AN26" s="327">
        <v>0</v>
      </c>
      <c r="AO26" s="327">
        <v>0</v>
      </c>
      <c r="AP26" s="327">
        <v>0</v>
      </c>
      <c r="AQ26" s="327">
        <v>115791</v>
      </c>
      <c r="AR26" s="327">
        <v>227187</v>
      </c>
      <c r="AS26" s="328">
        <v>342978</v>
      </c>
      <c r="AT26" s="330">
        <v>342978</v>
      </c>
      <c r="AU26" s="326">
        <v>20176</v>
      </c>
      <c r="AV26" s="327">
        <v>25840</v>
      </c>
      <c r="AW26" s="328">
        <v>46016</v>
      </c>
      <c r="AX26" s="326">
        <v>0</v>
      </c>
      <c r="AY26" s="327">
        <v>451054</v>
      </c>
      <c r="AZ26" s="327">
        <v>353134</v>
      </c>
      <c r="BA26" s="327">
        <v>195710</v>
      </c>
      <c r="BB26" s="327">
        <v>267997</v>
      </c>
      <c r="BC26" s="327">
        <v>325448</v>
      </c>
      <c r="BD26" s="328">
        <v>1593343</v>
      </c>
      <c r="BE26" s="330">
        <v>1639359</v>
      </c>
      <c r="BF26" s="326">
        <v>0</v>
      </c>
      <c r="BG26" s="327">
        <v>53880</v>
      </c>
      <c r="BH26" s="331">
        <v>53880</v>
      </c>
      <c r="BI26" s="332">
        <v>0</v>
      </c>
      <c r="BJ26" s="327">
        <v>0</v>
      </c>
      <c r="BK26" s="327">
        <v>0</v>
      </c>
      <c r="BL26" s="327">
        <v>105964</v>
      </c>
      <c r="BM26" s="327">
        <v>0</v>
      </c>
      <c r="BN26" s="327">
        <v>27294</v>
      </c>
      <c r="BO26" s="328">
        <v>133258</v>
      </c>
      <c r="BP26" s="330">
        <v>187138</v>
      </c>
      <c r="BQ26" s="326">
        <v>59234</v>
      </c>
      <c r="BR26" s="327">
        <v>71316</v>
      </c>
      <c r="BS26" s="328">
        <v>130550</v>
      </c>
      <c r="BT26" s="326">
        <v>0</v>
      </c>
      <c r="BU26" s="327">
        <v>188790</v>
      </c>
      <c r="BV26" s="327">
        <v>252735</v>
      </c>
      <c r="BW26" s="327">
        <v>21849</v>
      </c>
      <c r="BX26" s="327">
        <v>84378</v>
      </c>
      <c r="BY26" s="327">
        <v>155379</v>
      </c>
      <c r="BZ26" s="328">
        <v>703131</v>
      </c>
      <c r="CA26" s="330">
        <v>833681</v>
      </c>
      <c r="CB26" s="326">
        <v>18358</v>
      </c>
      <c r="CC26" s="327">
        <v>0</v>
      </c>
      <c r="CD26" s="328">
        <v>18358</v>
      </c>
      <c r="CE26" s="326">
        <v>0</v>
      </c>
      <c r="CF26" s="327">
        <v>724564</v>
      </c>
      <c r="CG26" s="327">
        <v>526750</v>
      </c>
      <c r="CH26" s="327">
        <v>174940</v>
      </c>
      <c r="CI26" s="327">
        <v>257844</v>
      </c>
      <c r="CJ26" s="327">
        <v>437750</v>
      </c>
      <c r="CK26" s="328">
        <v>2121848</v>
      </c>
      <c r="CL26" s="330">
        <v>2140206</v>
      </c>
      <c r="CM26" s="326">
        <v>0</v>
      </c>
      <c r="CN26" s="327">
        <v>0</v>
      </c>
      <c r="CO26" s="328">
        <v>0</v>
      </c>
      <c r="CP26" s="332">
        <v>0</v>
      </c>
      <c r="CQ26" s="327">
        <v>675918</v>
      </c>
      <c r="CR26" s="327">
        <v>513982</v>
      </c>
      <c r="CS26" s="327">
        <v>141612</v>
      </c>
      <c r="CT26" s="327">
        <v>175964</v>
      </c>
      <c r="CU26" s="327">
        <v>225039</v>
      </c>
      <c r="CV26" s="328">
        <v>1732515</v>
      </c>
      <c r="CW26" s="330">
        <v>1732515</v>
      </c>
      <c r="CX26" s="326">
        <v>18358</v>
      </c>
      <c r="CY26" s="327">
        <v>0</v>
      </c>
      <c r="CZ26" s="328">
        <v>18358</v>
      </c>
      <c r="DA26" s="326">
        <v>0</v>
      </c>
      <c r="DB26" s="327">
        <v>48646</v>
      </c>
      <c r="DC26" s="327">
        <v>12768</v>
      </c>
      <c r="DD26" s="327">
        <v>33328</v>
      </c>
      <c r="DE26" s="327">
        <v>81880</v>
      </c>
      <c r="DF26" s="327">
        <v>212711</v>
      </c>
      <c r="DG26" s="328">
        <v>389333</v>
      </c>
      <c r="DH26" s="330">
        <v>407691</v>
      </c>
      <c r="DI26" s="326">
        <v>0</v>
      </c>
      <c r="DJ26" s="327">
        <v>0</v>
      </c>
      <c r="DK26" s="331">
        <v>0</v>
      </c>
      <c r="DL26" s="332">
        <v>0</v>
      </c>
      <c r="DM26" s="327">
        <v>0</v>
      </c>
      <c r="DN26" s="327">
        <v>184095</v>
      </c>
      <c r="DO26" s="327">
        <v>356172</v>
      </c>
      <c r="DP26" s="327">
        <v>0</v>
      </c>
      <c r="DQ26" s="327">
        <v>359336</v>
      </c>
      <c r="DR26" s="328">
        <v>899603</v>
      </c>
      <c r="DS26" s="330">
        <v>899603</v>
      </c>
      <c r="DT26" s="326">
        <v>0</v>
      </c>
      <c r="DU26" s="327">
        <v>0</v>
      </c>
      <c r="DV26" s="328">
        <v>0</v>
      </c>
      <c r="DW26" s="326">
        <v>0</v>
      </c>
      <c r="DX26" s="327">
        <v>0</v>
      </c>
      <c r="DY26" s="327">
        <v>184095</v>
      </c>
      <c r="DZ26" s="327">
        <v>356172</v>
      </c>
      <c r="EA26" s="327">
        <v>0</v>
      </c>
      <c r="EB26" s="327">
        <v>359336</v>
      </c>
      <c r="EC26" s="328">
        <v>899603</v>
      </c>
      <c r="ED26" s="330">
        <v>899603</v>
      </c>
      <c r="EE26" s="326">
        <v>0</v>
      </c>
      <c r="EF26" s="331">
        <v>0</v>
      </c>
      <c r="EG26" s="328">
        <v>0</v>
      </c>
      <c r="EH26" s="326">
        <v>0</v>
      </c>
      <c r="EI26" s="327">
        <v>0</v>
      </c>
      <c r="EJ26" s="327">
        <v>0</v>
      </c>
      <c r="EK26" s="327">
        <v>0</v>
      </c>
      <c r="EL26" s="327">
        <v>0</v>
      </c>
      <c r="EM26" s="327">
        <v>0</v>
      </c>
      <c r="EN26" s="331">
        <v>0</v>
      </c>
      <c r="EO26" s="330">
        <v>0</v>
      </c>
      <c r="EP26" s="326">
        <v>0</v>
      </c>
      <c r="EQ26" s="327">
        <v>0</v>
      </c>
      <c r="ER26" s="331">
        <v>0</v>
      </c>
      <c r="ES26" s="332">
        <v>0</v>
      </c>
      <c r="ET26" s="327">
        <v>0</v>
      </c>
      <c r="EU26" s="327">
        <v>0</v>
      </c>
      <c r="EV26" s="327">
        <v>0</v>
      </c>
      <c r="EW26" s="327">
        <v>0</v>
      </c>
      <c r="EX26" s="327">
        <v>0</v>
      </c>
      <c r="EY26" s="328">
        <v>0</v>
      </c>
      <c r="EZ26" s="330">
        <v>0</v>
      </c>
      <c r="FA26" s="326">
        <v>0</v>
      </c>
      <c r="FB26" s="327">
        <v>0</v>
      </c>
      <c r="FC26" s="331">
        <v>0</v>
      </c>
      <c r="FD26" s="404">
        <v>0</v>
      </c>
      <c r="FE26" s="327">
        <v>0</v>
      </c>
      <c r="FF26" s="327">
        <v>0</v>
      </c>
      <c r="FG26" s="327">
        <v>0</v>
      </c>
      <c r="FH26" s="327">
        <v>0</v>
      </c>
      <c r="FI26" s="327">
        <v>0</v>
      </c>
      <c r="FJ26" s="328">
        <v>0</v>
      </c>
      <c r="FK26" s="330">
        <v>0</v>
      </c>
      <c r="FL26" s="326">
        <v>30086</v>
      </c>
      <c r="FM26" s="327">
        <v>62790</v>
      </c>
      <c r="FN26" s="328">
        <v>92876</v>
      </c>
      <c r="FO26" s="326">
        <v>0</v>
      </c>
      <c r="FP26" s="327">
        <v>63574</v>
      </c>
      <c r="FQ26" s="327">
        <v>365372</v>
      </c>
      <c r="FR26" s="327">
        <v>196714</v>
      </c>
      <c r="FS26" s="327">
        <v>91623</v>
      </c>
      <c r="FT26" s="327">
        <v>119567</v>
      </c>
      <c r="FU26" s="328">
        <v>836850</v>
      </c>
      <c r="FV26" s="330">
        <v>929726</v>
      </c>
      <c r="FW26" s="333">
        <v>30086</v>
      </c>
      <c r="FX26" s="327">
        <v>62790</v>
      </c>
      <c r="FY26" s="331">
        <v>92876</v>
      </c>
      <c r="FZ26" s="332">
        <v>0</v>
      </c>
      <c r="GA26" s="327">
        <v>63574</v>
      </c>
      <c r="GB26" s="327">
        <v>269052</v>
      </c>
      <c r="GC26" s="327">
        <v>196714</v>
      </c>
      <c r="GD26" s="327">
        <v>91623</v>
      </c>
      <c r="GE26" s="327">
        <v>119567</v>
      </c>
      <c r="GF26" s="328">
        <v>740530</v>
      </c>
      <c r="GG26" s="334">
        <v>833406</v>
      </c>
      <c r="GH26" s="333">
        <v>0</v>
      </c>
      <c r="GI26" s="327">
        <v>0</v>
      </c>
      <c r="GJ26" s="331">
        <v>0</v>
      </c>
      <c r="GK26" s="332">
        <v>0</v>
      </c>
      <c r="GL26" s="327">
        <v>0</v>
      </c>
      <c r="GM26" s="327">
        <v>20020</v>
      </c>
      <c r="GN26" s="327">
        <v>0</v>
      </c>
      <c r="GO26" s="327">
        <v>0</v>
      </c>
      <c r="GP26" s="327">
        <v>0</v>
      </c>
      <c r="GQ26" s="328">
        <v>20020</v>
      </c>
      <c r="GR26" s="330">
        <v>20020</v>
      </c>
      <c r="GS26" s="326">
        <v>0</v>
      </c>
      <c r="GT26" s="327">
        <v>0</v>
      </c>
      <c r="GU26" s="328">
        <v>0</v>
      </c>
      <c r="GV26" s="326">
        <v>0</v>
      </c>
      <c r="GW26" s="327">
        <v>0</v>
      </c>
      <c r="GX26" s="327">
        <v>76300</v>
      </c>
      <c r="GY26" s="327">
        <v>0</v>
      </c>
      <c r="GZ26" s="327">
        <v>0</v>
      </c>
      <c r="HA26" s="327">
        <v>0</v>
      </c>
      <c r="HB26" s="331">
        <v>76300</v>
      </c>
      <c r="HC26" s="330">
        <v>76300</v>
      </c>
      <c r="HD26" s="326">
        <v>149566</v>
      </c>
      <c r="HE26" s="327">
        <v>166268</v>
      </c>
      <c r="HF26" s="331">
        <v>315834</v>
      </c>
      <c r="HG26" s="332">
        <v>0</v>
      </c>
      <c r="HH26" s="327">
        <v>571771</v>
      </c>
      <c r="HI26" s="327">
        <v>554359</v>
      </c>
      <c r="HJ26" s="327">
        <v>946140</v>
      </c>
      <c r="HK26" s="327">
        <v>597579</v>
      </c>
      <c r="HL26" s="327">
        <v>643415</v>
      </c>
      <c r="HM26" s="328">
        <v>3313264</v>
      </c>
      <c r="HN26" s="329">
        <v>3629098</v>
      </c>
      <c r="HO26" s="333">
        <v>0</v>
      </c>
      <c r="HP26" s="327">
        <v>0</v>
      </c>
      <c r="HQ26" s="328">
        <v>0</v>
      </c>
      <c r="HR26" s="326">
        <v>0</v>
      </c>
      <c r="HS26" s="327">
        <v>0</v>
      </c>
      <c r="HT26" s="327">
        <v>0</v>
      </c>
      <c r="HU26" s="327">
        <v>0</v>
      </c>
      <c r="HV26" s="327">
        <v>0</v>
      </c>
      <c r="HW26" s="327">
        <v>0</v>
      </c>
      <c r="HX26" s="331">
        <v>0</v>
      </c>
      <c r="HY26" s="330">
        <v>0</v>
      </c>
      <c r="HZ26" s="358">
        <v>0</v>
      </c>
      <c r="IA26" s="356">
        <v>0</v>
      </c>
      <c r="IB26" s="358">
        <v>0</v>
      </c>
      <c r="IC26" s="355">
        <v>0</v>
      </c>
      <c r="ID26" s="356">
        <v>496286</v>
      </c>
      <c r="IE26" s="357">
        <v>446133</v>
      </c>
      <c r="IF26" s="358">
        <v>463206</v>
      </c>
      <c r="IG26" s="356">
        <v>266593</v>
      </c>
      <c r="IH26" s="358">
        <v>226888</v>
      </c>
      <c r="II26" s="359">
        <v>1899106</v>
      </c>
      <c r="IJ26" s="358">
        <v>1899106</v>
      </c>
      <c r="IK26" s="342">
        <v>0</v>
      </c>
      <c r="IL26" s="343">
        <v>0</v>
      </c>
      <c r="IM26" s="344">
        <v>0</v>
      </c>
      <c r="IN26" s="404">
        <v>0</v>
      </c>
      <c r="IO26" s="345">
        <v>0</v>
      </c>
      <c r="IP26" s="345">
        <v>0</v>
      </c>
      <c r="IQ26" s="345">
        <v>0</v>
      </c>
      <c r="IR26" s="345">
        <v>0</v>
      </c>
      <c r="IS26" s="345">
        <v>0</v>
      </c>
      <c r="IT26" s="346">
        <v>0</v>
      </c>
      <c r="IU26" s="347">
        <v>0</v>
      </c>
      <c r="IV26" s="348">
        <v>0</v>
      </c>
      <c r="IW26" s="345">
        <v>0</v>
      </c>
      <c r="IX26" s="349">
        <v>0</v>
      </c>
      <c r="IY26" s="404">
        <v>0</v>
      </c>
      <c r="IZ26" s="345">
        <v>0</v>
      </c>
      <c r="JA26" s="345">
        <v>0</v>
      </c>
      <c r="JB26" s="345">
        <v>0</v>
      </c>
      <c r="JC26" s="345">
        <v>0</v>
      </c>
      <c r="JD26" s="345">
        <v>0</v>
      </c>
      <c r="JE26" s="349">
        <v>0</v>
      </c>
      <c r="JF26" s="350">
        <v>0</v>
      </c>
      <c r="JG26" s="348">
        <v>0</v>
      </c>
      <c r="JH26" s="345">
        <v>0</v>
      </c>
      <c r="JI26" s="346">
        <v>0</v>
      </c>
      <c r="JJ26" s="351">
        <v>0</v>
      </c>
      <c r="JK26" s="345">
        <v>397623</v>
      </c>
      <c r="JL26" s="345">
        <v>220619</v>
      </c>
      <c r="JM26" s="345">
        <v>263819</v>
      </c>
      <c r="JN26" s="345">
        <v>34065</v>
      </c>
      <c r="JO26" s="345">
        <v>0</v>
      </c>
      <c r="JP26" s="349">
        <v>916126</v>
      </c>
      <c r="JQ26" s="347">
        <v>916126</v>
      </c>
      <c r="JR26" s="348">
        <v>0</v>
      </c>
      <c r="JS26" s="345">
        <v>0</v>
      </c>
      <c r="JT26" s="346">
        <v>0</v>
      </c>
      <c r="JU26" s="351">
        <v>0</v>
      </c>
      <c r="JV26" s="345">
        <v>0</v>
      </c>
      <c r="JW26" s="345">
        <v>0</v>
      </c>
      <c r="JX26" s="345">
        <v>0</v>
      </c>
      <c r="JY26" s="345">
        <v>0</v>
      </c>
      <c r="JZ26" s="345">
        <v>0</v>
      </c>
      <c r="KA26" s="349">
        <v>0</v>
      </c>
      <c r="KB26" s="347">
        <v>0</v>
      </c>
      <c r="KC26" s="352">
        <v>0</v>
      </c>
      <c r="KD26" s="353">
        <v>0</v>
      </c>
      <c r="KE26" s="349">
        <v>0</v>
      </c>
      <c r="KF26" s="351">
        <v>0</v>
      </c>
      <c r="KG26" s="345">
        <v>98663</v>
      </c>
      <c r="KH26" s="345">
        <v>0</v>
      </c>
      <c r="KI26" s="345">
        <v>199387</v>
      </c>
      <c r="KJ26" s="345">
        <v>0</v>
      </c>
      <c r="KK26" s="345">
        <v>0</v>
      </c>
      <c r="KL26" s="349">
        <v>298050</v>
      </c>
      <c r="KM26" s="354">
        <v>298050</v>
      </c>
      <c r="KN26" s="342">
        <v>0</v>
      </c>
      <c r="KO26" s="343">
        <v>0</v>
      </c>
      <c r="KP26" s="344">
        <v>0</v>
      </c>
      <c r="KQ26" s="404">
        <v>0</v>
      </c>
      <c r="KR26" s="345">
        <v>0</v>
      </c>
      <c r="KS26" s="345">
        <v>225514</v>
      </c>
      <c r="KT26" s="345">
        <v>0</v>
      </c>
      <c r="KU26" s="345">
        <v>232528</v>
      </c>
      <c r="KV26" s="345">
        <v>226888</v>
      </c>
      <c r="KW26" s="349">
        <v>684930</v>
      </c>
      <c r="KX26" s="347">
        <v>684930</v>
      </c>
      <c r="KY26" s="348">
        <v>0</v>
      </c>
      <c r="KZ26" s="345">
        <v>0</v>
      </c>
      <c r="LA26" s="349">
        <v>0</v>
      </c>
      <c r="LB26" s="404">
        <v>0</v>
      </c>
      <c r="LC26" s="345">
        <v>0</v>
      </c>
      <c r="LD26" s="345">
        <v>0</v>
      </c>
      <c r="LE26" s="345">
        <v>0</v>
      </c>
      <c r="LF26" s="345">
        <v>0</v>
      </c>
      <c r="LG26" s="345">
        <v>0</v>
      </c>
      <c r="LH26" s="349">
        <v>0</v>
      </c>
      <c r="LI26" s="350">
        <v>0</v>
      </c>
      <c r="LJ26" s="348">
        <v>0</v>
      </c>
      <c r="LK26" s="345">
        <v>0</v>
      </c>
      <c r="LL26" s="349">
        <v>0</v>
      </c>
      <c r="LM26" s="404">
        <v>0</v>
      </c>
      <c r="LN26" s="345">
        <v>0</v>
      </c>
      <c r="LO26" s="345">
        <v>0</v>
      </c>
      <c r="LP26" s="345">
        <v>0</v>
      </c>
      <c r="LQ26" s="345">
        <v>0</v>
      </c>
      <c r="LR26" s="345">
        <v>0</v>
      </c>
      <c r="LS26" s="349">
        <v>0</v>
      </c>
      <c r="LT26" s="347">
        <v>0</v>
      </c>
      <c r="LU26" s="348">
        <v>0</v>
      </c>
      <c r="LV26" s="345">
        <v>0</v>
      </c>
      <c r="LW26" s="349">
        <v>0</v>
      </c>
      <c r="LX26" s="404">
        <v>0</v>
      </c>
      <c r="LY26" s="345">
        <v>0</v>
      </c>
      <c r="LZ26" s="345">
        <v>0</v>
      </c>
      <c r="MA26" s="345">
        <v>0</v>
      </c>
      <c r="MB26" s="345">
        <v>0</v>
      </c>
      <c r="MC26" s="345">
        <v>0</v>
      </c>
      <c r="MD26" s="349">
        <v>0</v>
      </c>
      <c r="ME26" s="350">
        <v>0</v>
      </c>
      <c r="MF26" s="348">
        <v>0</v>
      </c>
      <c r="MG26" s="345">
        <v>0</v>
      </c>
      <c r="MH26" s="349">
        <v>0</v>
      </c>
      <c r="MI26" s="404">
        <v>0</v>
      </c>
      <c r="MJ26" s="345">
        <v>0</v>
      </c>
      <c r="MK26" s="345">
        <v>1939334</v>
      </c>
      <c r="ML26" s="345">
        <v>1891302</v>
      </c>
      <c r="MM26" s="345">
        <v>2067975</v>
      </c>
      <c r="MN26" s="345">
        <v>479877</v>
      </c>
      <c r="MO26" s="349">
        <v>6378488</v>
      </c>
      <c r="MP26" s="354">
        <v>6378488</v>
      </c>
      <c r="MQ26" s="348">
        <v>0</v>
      </c>
      <c r="MR26" s="345">
        <v>0</v>
      </c>
      <c r="MS26" s="349">
        <v>0</v>
      </c>
      <c r="MT26" s="404">
        <v>0</v>
      </c>
      <c r="MU26" s="345">
        <v>0</v>
      </c>
      <c r="MV26" s="345">
        <v>0</v>
      </c>
      <c r="MW26" s="345">
        <v>1356797</v>
      </c>
      <c r="MX26" s="345">
        <v>1502374</v>
      </c>
      <c r="MY26" s="345">
        <v>479877</v>
      </c>
      <c r="MZ26" s="349">
        <v>3339048</v>
      </c>
      <c r="NA26" s="354">
        <v>3339048</v>
      </c>
      <c r="NB26" s="348">
        <v>0</v>
      </c>
      <c r="NC26" s="345">
        <v>0</v>
      </c>
      <c r="ND26" s="349">
        <v>0</v>
      </c>
      <c r="NE26" s="404">
        <v>0</v>
      </c>
      <c r="NF26" s="345">
        <v>0</v>
      </c>
      <c r="NG26" s="345">
        <v>684490</v>
      </c>
      <c r="NH26" s="345">
        <v>534505</v>
      </c>
      <c r="NI26" s="345">
        <v>242656</v>
      </c>
      <c r="NJ26" s="345">
        <v>0</v>
      </c>
      <c r="NK26" s="349">
        <v>1461651</v>
      </c>
      <c r="NL26" s="347">
        <v>1461651</v>
      </c>
      <c r="NM26" s="348">
        <v>0</v>
      </c>
      <c r="NN26" s="345">
        <v>0</v>
      </c>
      <c r="NO26" s="349">
        <v>0</v>
      </c>
      <c r="NP26" s="404">
        <v>0</v>
      </c>
      <c r="NQ26" s="345">
        <v>0</v>
      </c>
      <c r="NR26" s="345">
        <v>0</v>
      </c>
      <c r="NS26" s="345">
        <v>0</v>
      </c>
      <c r="NT26" s="345">
        <v>0</v>
      </c>
      <c r="NU26" s="345">
        <v>0</v>
      </c>
      <c r="NV26" s="349">
        <v>0</v>
      </c>
      <c r="NW26" s="350">
        <v>0</v>
      </c>
      <c r="NX26" s="348">
        <v>0</v>
      </c>
      <c r="NY26" s="345">
        <v>0</v>
      </c>
      <c r="NZ26" s="349">
        <v>0</v>
      </c>
      <c r="OA26" s="404">
        <v>0</v>
      </c>
      <c r="OB26" s="345">
        <v>0</v>
      </c>
      <c r="OC26" s="345">
        <v>1254844</v>
      </c>
      <c r="OD26" s="345">
        <v>0</v>
      </c>
      <c r="OE26" s="345">
        <v>322945</v>
      </c>
      <c r="OF26" s="345">
        <v>0</v>
      </c>
      <c r="OG26" s="349">
        <v>1577789</v>
      </c>
      <c r="OH26" s="350">
        <v>1577789</v>
      </c>
      <c r="OI26" s="348">
        <v>277420</v>
      </c>
      <c r="OJ26" s="345">
        <v>380094</v>
      </c>
      <c r="OK26" s="346">
        <v>657514</v>
      </c>
      <c r="OL26" s="351">
        <v>0</v>
      </c>
      <c r="OM26" s="345">
        <v>2892531</v>
      </c>
      <c r="ON26" s="345">
        <v>5396507</v>
      </c>
      <c r="OO26" s="345">
        <v>4813842</v>
      </c>
      <c r="OP26" s="345">
        <v>4045400</v>
      </c>
      <c r="OQ26" s="345">
        <v>3501552</v>
      </c>
      <c r="OR26" s="349">
        <v>20649832</v>
      </c>
      <c r="OS26" s="354">
        <v>21307346</v>
      </c>
    </row>
    <row r="27" spans="2:409" s="70" customFormat="1" ht="21" customHeight="1" x14ac:dyDescent="0.2">
      <c r="B27" s="106" t="s">
        <v>22</v>
      </c>
      <c r="C27" s="326">
        <v>47488</v>
      </c>
      <c r="D27" s="327">
        <v>74137</v>
      </c>
      <c r="E27" s="328">
        <v>121625</v>
      </c>
      <c r="F27" s="329">
        <v>0</v>
      </c>
      <c r="G27" s="327">
        <v>1315294</v>
      </c>
      <c r="H27" s="327">
        <v>887531</v>
      </c>
      <c r="I27" s="327">
        <v>1279793</v>
      </c>
      <c r="J27" s="327">
        <v>1419431</v>
      </c>
      <c r="K27" s="327">
        <v>1435501</v>
      </c>
      <c r="L27" s="367">
        <v>6337550</v>
      </c>
      <c r="M27" s="330">
        <v>6459175</v>
      </c>
      <c r="N27" s="326">
        <v>0</v>
      </c>
      <c r="O27" s="327">
        <v>12537</v>
      </c>
      <c r="P27" s="328">
        <v>12537</v>
      </c>
      <c r="Q27" s="326">
        <v>0</v>
      </c>
      <c r="R27" s="327">
        <v>328068</v>
      </c>
      <c r="S27" s="327">
        <v>208381</v>
      </c>
      <c r="T27" s="327">
        <v>278869</v>
      </c>
      <c r="U27" s="327">
        <v>343934</v>
      </c>
      <c r="V27" s="327">
        <v>748774</v>
      </c>
      <c r="W27" s="328">
        <v>1908026</v>
      </c>
      <c r="X27" s="330">
        <v>1920563</v>
      </c>
      <c r="Y27" s="326">
        <v>0</v>
      </c>
      <c r="Z27" s="327">
        <v>0</v>
      </c>
      <c r="AA27" s="328">
        <v>0</v>
      </c>
      <c r="AB27" s="326">
        <v>0</v>
      </c>
      <c r="AC27" s="327">
        <v>50562</v>
      </c>
      <c r="AD27" s="327">
        <v>44094</v>
      </c>
      <c r="AE27" s="327">
        <v>115387</v>
      </c>
      <c r="AF27" s="327">
        <v>163058</v>
      </c>
      <c r="AG27" s="327">
        <v>380859</v>
      </c>
      <c r="AH27" s="328">
        <v>753960</v>
      </c>
      <c r="AI27" s="330">
        <v>753960</v>
      </c>
      <c r="AJ27" s="326">
        <v>0</v>
      </c>
      <c r="AK27" s="327">
        <v>0</v>
      </c>
      <c r="AL27" s="328">
        <v>0</v>
      </c>
      <c r="AM27" s="326">
        <v>0</v>
      </c>
      <c r="AN27" s="327">
        <v>0</v>
      </c>
      <c r="AO27" s="327">
        <v>0</v>
      </c>
      <c r="AP27" s="327">
        <v>0</v>
      </c>
      <c r="AQ27" s="327">
        <v>89086</v>
      </c>
      <c r="AR27" s="327">
        <v>181674</v>
      </c>
      <c r="AS27" s="328">
        <v>270760</v>
      </c>
      <c r="AT27" s="330">
        <v>270760</v>
      </c>
      <c r="AU27" s="326">
        <v>0</v>
      </c>
      <c r="AV27" s="327">
        <v>12537</v>
      </c>
      <c r="AW27" s="328">
        <v>12537</v>
      </c>
      <c r="AX27" s="326">
        <v>0</v>
      </c>
      <c r="AY27" s="327">
        <v>222443</v>
      </c>
      <c r="AZ27" s="327">
        <v>95567</v>
      </c>
      <c r="BA27" s="327">
        <v>100685</v>
      </c>
      <c r="BB27" s="327">
        <v>0</v>
      </c>
      <c r="BC27" s="327">
        <v>140335</v>
      </c>
      <c r="BD27" s="328">
        <v>559030</v>
      </c>
      <c r="BE27" s="330">
        <v>571567</v>
      </c>
      <c r="BF27" s="326">
        <v>0</v>
      </c>
      <c r="BG27" s="327">
        <v>0</v>
      </c>
      <c r="BH27" s="331">
        <v>0</v>
      </c>
      <c r="BI27" s="332">
        <v>0</v>
      </c>
      <c r="BJ27" s="327">
        <v>27308</v>
      </c>
      <c r="BK27" s="327">
        <v>27308</v>
      </c>
      <c r="BL27" s="327">
        <v>0</v>
      </c>
      <c r="BM27" s="327">
        <v>20481</v>
      </c>
      <c r="BN27" s="327">
        <v>0</v>
      </c>
      <c r="BO27" s="328">
        <v>75097</v>
      </c>
      <c r="BP27" s="330">
        <v>75097</v>
      </c>
      <c r="BQ27" s="326">
        <v>0</v>
      </c>
      <c r="BR27" s="327">
        <v>0</v>
      </c>
      <c r="BS27" s="328">
        <v>0</v>
      </c>
      <c r="BT27" s="326">
        <v>0</v>
      </c>
      <c r="BU27" s="327">
        <v>27755</v>
      </c>
      <c r="BV27" s="327">
        <v>41412</v>
      </c>
      <c r="BW27" s="327">
        <v>62797</v>
      </c>
      <c r="BX27" s="327">
        <v>71309</v>
      </c>
      <c r="BY27" s="327">
        <v>45906</v>
      </c>
      <c r="BZ27" s="328">
        <v>249179</v>
      </c>
      <c r="CA27" s="330">
        <v>249179</v>
      </c>
      <c r="CB27" s="326">
        <v>36428</v>
      </c>
      <c r="CC27" s="327">
        <v>0</v>
      </c>
      <c r="CD27" s="328">
        <v>36428</v>
      </c>
      <c r="CE27" s="326">
        <v>0</v>
      </c>
      <c r="CF27" s="327">
        <v>338023</v>
      </c>
      <c r="CG27" s="327">
        <v>233305</v>
      </c>
      <c r="CH27" s="327">
        <v>432488</v>
      </c>
      <c r="CI27" s="327">
        <v>271284</v>
      </c>
      <c r="CJ27" s="327">
        <v>151232</v>
      </c>
      <c r="CK27" s="328">
        <v>1426332</v>
      </c>
      <c r="CL27" s="330">
        <v>1462760</v>
      </c>
      <c r="CM27" s="326">
        <v>0</v>
      </c>
      <c r="CN27" s="327">
        <v>0</v>
      </c>
      <c r="CO27" s="328">
        <v>0</v>
      </c>
      <c r="CP27" s="332">
        <v>0</v>
      </c>
      <c r="CQ27" s="327">
        <v>237113</v>
      </c>
      <c r="CR27" s="327">
        <v>112363</v>
      </c>
      <c r="CS27" s="327">
        <v>358284</v>
      </c>
      <c r="CT27" s="327">
        <v>271284</v>
      </c>
      <c r="CU27" s="327">
        <v>151232</v>
      </c>
      <c r="CV27" s="328">
        <v>1130276</v>
      </c>
      <c r="CW27" s="330">
        <v>1130276</v>
      </c>
      <c r="CX27" s="326">
        <v>36428</v>
      </c>
      <c r="CY27" s="327">
        <v>0</v>
      </c>
      <c r="CZ27" s="328">
        <v>36428</v>
      </c>
      <c r="DA27" s="326">
        <v>0</v>
      </c>
      <c r="DB27" s="327">
        <v>100910</v>
      </c>
      <c r="DC27" s="327">
        <v>120942</v>
      </c>
      <c r="DD27" s="327">
        <v>74204</v>
      </c>
      <c r="DE27" s="327">
        <v>0</v>
      </c>
      <c r="DF27" s="327">
        <v>0</v>
      </c>
      <c r="DG27" s="328">
        <v>296056</v>
      </c>
      <c r="DH27" s="330">
        <v>332484</v>
      </c>
      <c r="DI27" s="326">
        <v>0</v>
      </c>
      <c r="DJ27" s="327">
        <v>0</v>
      </c>
      <c r="DK27" s="331">
        <v>0</v>
      </c>
      <c r="DL27" s="332">
        <v>0</v>
      </c>
      <c r="DM27" s="327">
        <v>0</v>
      </c>
      <c r="DN27" s="327">
        <v>199698</v>
      </c>
      <c r="DO27" s="327">
        <v>14599</v>
      </c>
      <c r="DP27" s="327">
        <v>0</v>
      </c>
      <c r="DQ27" s="327">
        <v>0</v>
      </c>
      <c r="DR27" s="328">
        <v>214297</v>
      </c>
      <c r="DS27" s="330">
        <v>214297</v>
      </c>
      <c r="DT27" s="326">
        <v>0</v>
      </c>
      <c r="DU27" s="327">
        <v>0</v>
      </c>
      <c r="DV27" s="328">
        <v>0</v>
      </c>
      <c r="DW27" s="326">
        <v>0</v>
      </c>
      <c r="DX27" s="327">
        <v>0</v>
      </c>
      <c r="DY27" s="327">
        <v>199698</v>
      </c>
      <c r="DZ27" s="327">
        <v>14599</v>
      </c>
      <c r="EA27" s="327">
        <v>0</v>
      </c>
      <c r="EB27" s="327">
        <v>0</v>
      </c>
      <c r="EC27" s="328">
        <v>214297</v>
      </c>
      <c r="ED27" s="330">
        <v>214297</v>
      </c>
      <c r="EE27" s="326">
        <v>0</v>
      </c>
      <c r="EF27" s="331">
        <v>0</v>
      </c>
      <c r="EG27" s="328">
        <v>0</v>
      </c>
      <c r="EH27" s="326">
        <v>0</v>
      </c>
      <c r="EI27" s="327">
        <v>0</v>
      </c>
      <c r="EJ27" s="327">
        <v>0</v>
      </c>
      <c r="EK27" s="327">
        <v>0</v>
      </c>
      <c r="EL27" s="327">
        <v>0</v>
      </c>
      <c r="EM27" s="327">
        <v>0</v>
      </c>
      <c r="EN27" s="331">
        <v>0</v>
      </c>
      <c r="EO27" s="330">
        <v>0</v>
      </c>
      <c r="EP27" s="326">
        <v>0</v>
      </c>
      <c r="EQ27" s="327">
        <v>0</v>
      </c>
      <c r="ER27" s="331">
        <v>0</v>
      </c>
      <c r="ES27" s="332">
        <v>0</v>
      </c>
      <c r="ET27" s="327">
        <v>0</v>
      </c>
      <c r="EU27" s="327">
        <v>0</v>
      </c>
      <c r="EV27" s="327">
        <v>0</v>
      </c>
      <c r="EW27" s="327">
        <v>0</v>
      </c>
      <c r="EX27" s="327">
        <v>0</v>
      </c>
      <c r="EY27" s="328">
        <v>0</v>
      </c>
      <c r="EZ27" s="330">
        <v>0</v>
      </c>
      <c r="FA27" s="326">
        <v>0</v>
      </c>
      <c r="FB27" s="327">
        <v>0</v>
      </c>
      <c r="FC27" s="331">
        <v>0</v>
      </c>
      <c r="FD27" s="404">
        <v>0</v>
      </c>
      <c r="FE27" s="327">
        <v>0</v>
      </c>
      <c r="FF27" s="327">
        <v>0</v>
      </c>
      <c r="FG27" s="327">
        <v>0</v>
      </c>
      <c r="FH27" s="327">
        <v>0</v>
      </c>
      <c r="FI27" s="327">
        <v>0</v>
      </c>
      <c r="FJ27" s="328">
        <v>0</v>
      </c>
      <c r="FK27" s="330">
        <v>0</v>
      </c>
      <c r="FL27" s="326">
        <v>11060</v>
      </c>
      <c r="FM27" s="327">
        <v>61600</v>
      </c>
      <c r="FN27" s="328">
        <v>72660</v>
      </c>
      <c r="FO27" s="326">
        <v>0</v>
      </c>
      <c r="FP27" s="327">
        <v>105019</v>
      </c>
      <c r="FQ27" s="327">
        <v>82658</v>
      </c>
      <c r="FR27" s="327">
        <v>116508</v>
      </c>
      <c r="FS27" s="327">
        <v>35602</v>
      </c>
      <c r="FT27" s="327">
        <v>118468</v>
      </c>
      <c r="FU27" s="328">
        <v>458255</v>
      </c>
      <c r="FV27" s="330">
        <v>530915</v>
      </c>
      <c r="FW27" s="333">
        <v>11060</v>
      </c>
      <c r="FX27" s="327">
        <v>61600</v>
      </c>
      <c r="FY27" s="331">
        <v>72660</v>
      </c>
      <c r="FZ27" s="332">
        <v>0</v>
      </c>
      <c r="GA27" s="327">
        <v>35735</v>
      </c>
      <c r="GB27" s="327">
        <v>61530</v>
      </c>
      <c r="GC27" s="327">
        <v>116508</v>
      </c>
      <c r="GD27" s="327">
        <v>35602</v>
      </c>
      <c r="GE27" s="327">
        <v>118468</v>
      </c>
      <c r="GF27" s="328">
        <v>367843</v>
      </c>
      <c r="GG27" s="334">
        <v>440503</v>
      </c>
      <c r="GH27" s="333">
        <v>0</v>
      </c>
      <c r="GI27" s="327">
        <v>0</v>
      </c>
      <c r="GJ27" s="331">
        <v>0</v>
      </c>
      <c r="GK27" s="332">
        <v>0</v>
      </c>
      <c r="GL27" s="327">
        <v>0</v>
      </c>
      <c r="GM27" s="327">
        <v>21128</v>
      </c>
      <c r="GN27" s="327">
        <v>0</v>
      </c>
      <c r="GO27" s="327">
        <v>0</v>
      </c>
      <c r="GP27" s="327">
        <v>0</v>
      </c>
      <c r="GQ27" s="328">
        <v>21128</v>
      </c>
      <c r="GR27" s="330">
        <v>21128</v>
      </c>
      <c r="GS27" s="326">
        <v>0</v>
      </c>
      <c r="GT27" s="327">
        <v>0</v>
      </c>
      <c r="GU27" s="328">
        <v>0</v>
      </c>
      <c r="GV27" s="326">
        <v>0</v>
      </c>
      <c r="GW27" s="327">
        <v>69284</v>
      </c>
      <c r="GX27" s="327">
        <v>0</v>
      </c>
      <c r="GY27" s="327">
        <v>0</v>
      </c>
      <c r="GZ27" s="327">
        <v>0</v>
      </c>
      <c r="HA27" s="327">
        <v>0</v>
      </c>
      <c r="HB27" s="331">
        <v>69284</v>
      </c>
      <c r="HC27" s="330">
        <v>69284</v>
      </c>
      <c r="HD27" s="326">
        <v>0</v>
      </c>
      <c r="HE27" s="327">
        <v>0</v>
      </c>
      <c r="HF27" s="331">
        <v>0</v>
      </c>
      <c r="HG27" s="332">
        <v>0</v>
      </c>
      <c r="HH27" s="327">
        <v>544184</v>
      </c>
      <c r="HI27" s="327">
        <v>163489</v>
      </c>
      <c r="HJ27" s="327">
        <v>437329</v>
      </c>
      <c r="HK27" s="327">
        <v>768611</v>
      </c>
      <c r="HL27" s="327">
        <v>417027</v>
      </c>
      <c r="HM27" s="328">
        <v>2330640</v>
      </c>
      <c r="HN27" s="329">
        <v>2330640</v>
      </c>
      <c r="HO27" s="333">
        <v>0</v>
      </c>
      <c r="HP27" s="327">
        <v>0</v>
      </c>
      <c r="HQ27" s="328">
        <v>0</v>
      </c>
      <c r="HR27" s="326">
        <v>0</v>
      </c>
      <c r="HS27" s="327">
        <v>0</v>
      </c>
      <c r="HT27" s="327">
        <v>0</v>
      </c>
      <c r="HU27" s="327">
        <v>0</v>
      </c>
      <c r="HV27" s="327">
        <v>0</v>
      </c>
      <c r="HW27" s="327">
        <v>0</v>
      </c>
      <c r="HX27" s="331">
        <v>0</v>
      </c>
      <c r="HY27" s="330">
        <v>0</v>
      </c>
      <c r="HZ27" s="335">
        <v>0</v>
      </c>
      <c r="IA27" s="336">
        <v>0</v>
      </c>
      <c r="IB27" s="337">
        <v>0</v>
      </c>
      <c r="IC27" s="338">
        <v>0</v>
      </c>
      <c r="ID27" s="336">
        <v>472702</v>
      </c>
      <c r="IE27" s="339">
        <v>441170</v>
      </c>
      <c r="IF27" s="337">
        <v>5075</v>
      </c>
      <c r="IG27" s="336">
        <v>0</v>
      </c>
      <c r="IH27" s="337">
        <v>51208</v>
      </c>
      <c r="II27" s="340">
        <v>970155</v>
      </c>
      <c r="IJ27" s="341">
        <v>970155</v>
      </c>
      <c r="IK27" s="342">
        <v>0</v>
      </c>
      <c r="IL27" s="343">
        <v>0</v>
      </c>
      <c r="IM27" s="344">
        <v>0</v>
      </c>
      <c r="IN27" s="404">
        <v>0</v>
      </c>
      <c r="IO27" s="345">
        <v>0</v>
      </c>
      <c r="IP27" s="345">
        <v>0</v>
      </c>
      <c r="IQ27" s="345">
        <v>0</v>
      </c>
      <c r="IR27" s="345">
        <v>0</v>
      </c>
      <c r="IS27" s="345">
        <v>0</v>
      </c>
      <c r="IT27" s="346">
        <v>0</v>
      </c>
      <c r="IU27" s="347">
        <v>0</v>
      </c>
      <c r="IV27" s="348">
        <v>0</v>
      </c>
      <c r="IW27" s="345">
        <v>0</v>
      </c>
      <c r="IX27" s="349">
        <v>0</v>
      </c>
      <c r="IY27" s="404">
        <v>0</v>
      </c>
      <c r="IZ27" s="345">
        <v>0</v>
      </c>
      <c r="JA27" s="345">
        <v>0</v>
      </c>
      <c r="JB27" s="345">
        <v>0</v>
      </c>
      <c r="JC27" s="345">
        <v>0</v>
      </c>
      <c r="JD27" s="345">
        <v>0</v>
      </c>
      <c r="JE27" s="349">
        <v>0</v>
      </c>
      <c r="JF27" s="350">
        <v>0</v>
      </c>
      <c r="JG27" s="348">
        <v>0</v>
      </c>
      <c r="JH27" s="345">
        <v>0</v>
      </c>
      <c r="JI27" s="346">
        <v>0</v>
      </c>
      <c r="JJ27" s="351">
        <v>0</v>
      </c>
      <c r="JK27" s="345">
        <v>151715</v>
      </c>
      <c r="JL27" s="345">
        <v>308921</v>
      </c>
      <c r="JM27" s="345">
        <v>5075</v>
      </c>
      <c r="JN27" s="345">
        <v>0</v>
      </c>
      <c r="JO27" s="345">
        <v>11022</v>
      </c>
      <c r="JP27" s="349">
        <v>476733</v>
      </c>
      <c r="JQ27" s="347">
        <v>476733</v>
      </c>
      <c r="JR27" s="348">
        <v>0</v>
      </c>
      <c r="JS27" s="345">
        <v>0</v>
      </c>
      <c r="JT27" s="346">
        <v>0</v>
      </c>
      <c r="JU27" s="351">
        <v>0</v>
      </c>
      <c r="JV27" s="345">
        <v>10521</v>
      </c>
      <c r="JW27" s="345">
        <v>0</v>
      </c>
      <c r="JX27" s="345">
        <v>0</v>
      </c>
      <c r="JY27" s="345">
        <v>0</v>
      </c>
      <c r="JZ27" s="345">
        <v>40186</v>
      </c>
      <c r="KA27" s="349">
        <v>50707</v>
      </c>
      <c r="KB27" s="347">
        <v>50707</v>
      </c>
      <c r="KC27" s="352">
        <v>0</v>
      </c>
      <c r="KD27" s="353">
        <v>0</v>
      </c>
      <c r="KE27" s="349">
        <v>0</v>
      </c>
      <c r="KF27" s="351">
        <v>0</v>
      </c>
      <c r="KG27" s="345">
        <v>100655</v>
      </c>
      <c r="KH27" s="345">
        <v>132249</v>
      </c>
      <c r="KI27" s="345">
        <v>0</v>
      </c>
      <c r="KJ27" s="345">
        <v>0</v>
      </c>
      <c r="KK27" s="345">
        <v>0</v>
      </c>
      <c r="KL27" s="349">
        <v>232904</v>
      </c>
      <c r="KM27" s="354">
        <v>232904</v>
      </c>
      <c r="KN27" s="342">
        <v>0</v>
      </c>
      <c r="KO27" s="343">
        <v>0</v>
      </c>
      <c r="KP27" s="344">
        <v>0</v>
      </c>
      <c r="KQ27" s="404">
        <v>0</v>
      </c>
      <c r="KR27" s="345">
        <v>209811</v>
      </c>
      <c r="KS27" s="345">
        <v>0</v>
      </c>
      <c r="KT27" s="345">
        <v>0</v>
      </c>
      <c r="KU27" s="345">
        <v>0</v>
      </c>
      <c r="KV27" s="345">
        <v>0</v>
      </c>
      <c r="KW27" s="349">
        <v>209811</v>
      </c>
      <c r="KX27" s="347">
        <v>209811</v>
      </c>
      <c r="KY27" s="348">
        <v>0</v>
      </c>
      <c r="KZ27" s="345">
        <v>0</v>
      </c>
      <c r="LA27" s="349">
        <v>0</v>
      </c>
      <c r="LB27" s="404">
        <v>0</v>
      </c>
      <c r="LC27" s="345">
        <v>0</v>
      </c>
      <c r="LD27" s="345">
        <v>0</v>
      </c>
      <c r="LE27" s="345">
        <v>0</v>
      </c>
      <c r="LF27" s="345">
        <v>0</v>
      </c>
      <c r="LG27" s="345">
        <v>0</v>
      </c>
      <c r="LH27" s="349">
        <v>0</v>
      </c>
      <c r="LI27" s="350">
        <v>0</v>
      </c>
      <c r="LJ27" s="348">
        <v>0</v>
      </c>
      <c r="LK27" s="345">
        <v>0</v>
      </c>
      <c r="LL27" s="349">
        <v>0</v>
      </c>
      <c r="LM27" s="404">
        <v>0</v>
      </c>
      <c r="LN27" s="345">
        <v>0</v>
      </c>
      <c r="LO27" s="345">
        <v>0</v>
      </c>
      <c r="LP27" s="345">
        <v>0</v>
      </c>
      <c r="LQ27" s="345">
        <v>0</v>
      </c>
      <c r="LR27" s="345">
        <v>0</v>
      </c>
      <c r="LS27" s="349">
        <v>0</v>
      </c>
      <c r="LT27" s="347">
        <v>0</v>
      </c>
      <c r="LU27" s="348">
        <v>0</v>
      </c>
      <c r="LV27" s="345">
        <v>0</v>
      </c>
      <c r="LW27" s="349">
        <v>0</v>
      </c>
      <c r="LX27" s="404">
        <v>0</v>
      </c>
      <c r="LY27" s="345">
        <v>0</v>
      </c>
      <c r="LZ27" s="345">
        <v>0</v>
      </c>
      <c r="MA27" s="345">
        <v>0</v>
      </c>
      <c r="MB27" s="345">
        <v>0</v>
      </c>
      <c r="MC27" s="345">
        <v>0</v>
      </c>
      <c r="MD27" s="349">
        <v>0</v>
      </c>
      <c r="ME27" s="350">
        <v>0</v>
      </c>
      <c r="MF27" s="348">
        <v>0</v>
      </c>
      <c r="MG27" s="345">
        <v>0</v>
      </c>
      <c r="MH27" s="349">
        <v>0</v>
      </c>
      <c r="MI27" s="404">
        <v>0</v>
      </c>
      <c r="MJ27" s="345">
        <v>235806</v>
      </c>
      <c r="MK27" s="345">
        <v>421492</v>
      </c>
      <c r="ML27" s="345">
        <v>479212</v>
      </c>
      <c r="MM27" s="345">
        <v>257408</v>
      </c>
      <c r="MN27" s="345">
        <v>289593</v>
      </c>
      <c r="MO27" s="349">
        <v>1683511</v>
      </c>
      <c r="MP27" s="354">
        <v>1683511</v>
      </c>
      <c r="MQ27" s="348">
        <v>0</v>
      </c>
      <c r="MR27" s="345">
        <v>0</v>
      </c>
      <c r="MS27" s="349">
        <v>0</v>
      </c>
      <c r="MT27" s="404">
        <v>0</v>
      </c>
      <c r="MU27" s="345">
        <v>0</v>
      </c>
      <c r="MV27" s="345">
        <v>205437</v>
      </c>
      <c r="MW27" s="345">
        <v>209568</v>
      </c>
      <c r="MX27" s="345">
        <v>0</v>
      </c>
      <c r="MY27" s="345">
        <v>0</v>
      </c>
      <c r="MZ27" s="349">
        <v>415005</v>
      </c>
      <c r="NA27" s="354">
        <v>415005</v>
      </c>
      <c r="NB27" s="348">
        <v>0</v>
      </c>
      <c r="NC27" s="345">
        <v>0</v>
      </c>
      <c r="ND27" s="349">
        <v>0</v>
      </c>
      <c r="NE27" s="404">
        <v>0</v>
      </c>
      <c r="NF27" s="345">
        <v>235806</v>
      </c>
      <c r="NG27" s="345">
        <v>216055</v>
      </c>
      <c r="NH27" s="345">
        <v>269644</v>
      </c>
      <c r="NI27" s="345">
        <v>257408</v>
      </c>
      <c r="NJ27" s="345">
        <v>289593</v>
      </c>
      <c r="NK27" s="349">
        <v>1268506</v>
      </c>
      <c r="NL27" s="347">
        <v>1268506</v>
      </c>
      <c r="NM27" s="348">
        <v>0</v>
      </c>
      <c r="NN27" s="345">
        <v>0</v>
      </c>
      <c r="NO27" s="349">
        <v>0</v>
      </c>
      <c r="NP27" s="404">
        <v>0</v>
      </c>
      <c r="NQ27" s="345">
        <v>0</v>
      </c>
      <c r="NR27" s="345">
        <v>0</v>
      </c>
      <c r="NS27" s="345">
        <v>0</v>
      </c>
      <c r="NT27" s="345">
        <v>0</v>
      </c>
      <c r="NU27" s="345">
        <v>0</v>
      </c>
      <c r="NV27" s="349">
        <v>0</v>
      </c>
      <c r="NW27" s="350">
        <v>0</v>
      </c>
      <c r="NX27" s="348">
        <v>0</v>
      </c>
      <c r="NY27" s="345">
        <v>0</v>
      </c>
      <c r="NZ27" s="349">
        <v>0</v>
      </c>
      <c r="OA27" s="404">
        <v>0</v>
      </c>
      <c r="OB27" s="345">
        <v>0</v>
      </c>
      <c r="OC27" s="345">
        <v>0</v>
      </c>
      <c r="OD27" s="345">
        <v>0</v>
      </c>
      <c r="OE27" s="345">
        <v>0</v>
      </c>
      <c r="OF27" s="345">
        <v>0</v>
      </c>
      <c r="OG27" s="349">
        <v>0</v>
      </c>
      <c r="OH27" s="350">
        <v>0</v>
      </c>
      <c r="OI27" s="348">
        <v>47488</v>
      </c>
      <c r="OJ27" s="345">
        <v>74137</v>
      </c>
      <c r="OK27" s="346">
        <v>121625</v>
      </c>
      <c r="OL27" s="351">
        <v>0</v>
      </c>
      <c r="OM27" s="345">
        <v>2023802</v>
      </c>
      <c r="ON27" s="345">
        <v>1750193</v>
      </c>
      <c r="OO27" s="345">
        <v>1764080</v>
      </c>
      <c r="OP27" s="345">
        <v>1676839</v>
      </c>
      <c r="OQ27" s="345">
        <v>1776302</v>
      </c>
      <c r="OR27" s="349">
        <v>8991216</v>
      </c>
      <c r="OS27" s="354">
        <v>9112841</v>
      </c>
    </row>
    <row r="28" spans="2:409" s="70" customFormat="1" ht="21" customHeight="1" x14ac:dyDescent="0.2">
      <c r="B28" s="106" t="s">
        <v>23</v>
      </c>
      <c r="C28" s="326">
        <v>285797</v>
      </c>
      <c r="D28" s="327">
        <v>323500</v>
      </c>
      <c r="E28" s="328">
        <v>609297</v>
      </c>
      <c r="F28" s="329">
        <v>0</v>
      </c>
      <c r="G28" s="327">
        <v>756990</v>
      </c>
      <c r="H28" s="327">
        <v>2514183</v>
      </c>
      <c r="I28" s="327">
        <v>2268403</v>
      </c>
      <c r="J28" s="327">
        <v>1434300</v>
      </c>
      <c r="K28" s="327">
        <v>1871684</v>
      </c>
      <c r="L28" s="367">
        <v>8845560</v>
      </c>
      <c r="M28" s="330">
        <v>9454857</v>
      </c>
      <c r="N28" s="326">
        <v>94235</v>
      </c>
      <c r="O28" s="327">
        <v>174930</v>
      </c>
      <c r="P28" s="328">
        <v>269165</v>
      </c>
      <c r="Q28" s="326">
        <v>0</v>
      </c>
      <c r="R28" s="327">
        <v>168777</v>
      </c>
      <c r="S28" s="327">
        <v>561250</v>
      </c>
      <c r="T28" s="327">
        <v>888313</v>
      </c>
      <c r="U28" s="327">
        <v>458839</v>
      </c>
      <c r="V28" s="327">
        <v>622702</v>
      </c>
      <c r="W28" s="328">
        <v>2699881</v>
      </c>
      <c r="X28" s="330">
        <v>2969046</v>
      </c>
      <c r="Y28" s="326">
        <v>0</v>
      </c>
      <c r="Z28" s="327">
        <v>0</v>
      </c>
      <c r="AA28" s="328">
        <v>0</v>
      </c>
      <c r="AB28" s="326">
        <v>0</v>
      </c>
      <c r="AC28" s="327">
        <v>30424</v>
      </c>
      <c r="AD28" s="327">
        <v>71348</v>
      </c>
      <c r="AE28" s="327">
        <v>412642</v>
      </c>
      <c r="AF28" s="327">
        <v>26490</v>
      </c>
      <c r="AG28" s="327">
        <v>439481</v>
      </c>
      <c r="AH28" s="328">
        <v>980385</v>
      </c>
      <c r="AI28" s="330">
        <v>980385</v>
      </c>
      <c r="AJ28" s="326">
        <v>0</v>
      </c>
      <c r="AK28" s="327">
        <v>0</v>
      </c>
      <c r="AL28" s="328">
        <v>0</v>
      </c>
      <c r="AM28" s="326">
        <v>0</v>
      </c>
      <c r="AN28" s="327">
        <v>0</v>
      </c>
      <c r="AO28" s="327">
        <v>0</v>
      </c>
      <c r="AP28" s="327">
        <v>9454</v>
      </c>
      <c r="AQ28" s="327">
        <v>137168</v>
      </c>
      <c r="AR28" s="327">
        <v>0</v>
      </c>
      <c r="AS28" s="328">
        <v>146622</v>
      </c>
      <c r="AT28" s="330">
        <v>146622</v>
      </c>
      <c r="AU28" s="326">
        <v>81019</v>
      </c>
      <c r="AV28" s="327">
        <v>133160</v>
      </c>
      <c r="AW28" s="328">
        <v>214179</v>
      </c>
      <c r="AX28" s="326">
        <v>0</v>
      </c>
      <c r="AY28" s="327">
        <v>67768</v>
      </c>
      <c r="AZ28" s="327">
        <v>423360</v>
      </c>
      <c r="BA28" s="327">
        <v>321527</v>
      </c>
      <c r="BB28" s="327">
        <v>199295</v>
      </c>
      <c r="BC28" s="327">
        <v>58397</v>
      </c>
      <c r="BD28" s="328">
        <v>1070347</v>
      </c>
      <c r="BE28" s="330">
        <v>1284526</v>
      </c>
      <c r="BF28" s="326">
        <v>0</v>
      </c>
      <c r="BG28" s="327">
        <v>23997</v>
      </c>
      <c r="BH28" s="331">
        <v>23997</v>
      </c>
      <c r="BI28" s="332">
        <v>0</v>
      </c>
      <c r="BJ28" s="327">
        <v>31294</v>
      </c>
      <c r="BK28" s="327">
        <v>0</v>
      </c>
      <c r="BL28" s="327">
        <v>0</v>
      </c>
      <c r="BM28" s="327">
        <v>0</v>
      </c>
      <c r="BN28" s="327">
        <v>0</v>
      </c>
      <c r="BO28" s="328">
        <v>31294</v>
      </c>
      <c r="BP28" s="330">
        <v>55291</v>
      </c>
      <c r="BQ28" s="326">
        <v>13216</v>
      </c>
      <c r="BR28" s="327">
        <v>17773</v>
      </c>
      <c r="BS28" s="328">
        <v>30989</v>
      </c>
      <c r="BT28" s="326">
        <v>0</v>
      </c>
      <c r="BU28" s="327">
        <v>39291</v>
      </c>
      <c r="BV28" s="327">
        <v>66542</v>
      </c>
      <c r="BW28" s="327">
        <v>144690</v>
      </c>
      <c r="BX28" s="327">
        <v>95886</v>
      </c>
      <c r="BY28" s="327">
        <v>124824</v>
      </c>
      <c r="BZ28" s="328">
        <v>471233</v>
      </c>
      <c r="CA28" s="330">
        <v>502222</v>
      </c>
      <c r="CB28" s="326">
        <v>0</v>
      </c>
      <c r="CC28" s="327">
        <v>0</v>
      </c>
      <c r="CD28" s="328">
        <v>0</v>
      </c>
      <c r="CE28" s="326">
        <v>0</v>
      </c>
      <c r="CF28" s="327">
        <v>353655</v>
      </c>
      <c r="CG28" s="327">
        <v>778592</v>
      </c>
      <c r="CH28" s="327">
        <v>643161</v>
      </c>
      <c r="CI28" s="327">
        <v>110982</v>
      </c>
      <c r="CJ28" s="327">
        <v>279480</v>
      </c>
      <c r="CK28" s="328">
        <v>2165870</v>
      </c>
      <c r="CL28" s="330">
        <v>2165870</v>
      </c>
      <c r="CM28" s="326">
        <v>0</v>
      </c>
      <c r="CN28" s="327">
        <v>0</v>
      </c>
      <c r="CO28" s="328">
        <v>0</v>
      </c>
      <c r="CP28" s="332">
        <v>0</v>
      </c>
      <c r="CQ28" s="327">
        <v>353655</v>
      </c>
      <c r="CR28" s="327">
        <v>778592</v>
      </c>
      <c r="CS28" s="327">
        <v>487274</v>
      </c>
      <c r="CT28" s="327">
        <v>110982</v>
      </c>
      <c r="CU28" s="327">
        <v>164410</v>
      </c>
      <c r="CV28" s="328">
        <v>1894913</v>
      </c>
      <c r="CW28" s="330">
        <v>1894913</v>
      </c>
      <c r="CX28" s="326">
        <v>0</v>
      </c>
      <c r="CY28" s="327">
        <v>0</v>
      </c>
      <c r="CZ28" s="328">
        <v>0</v>
      </c>
      <c r="DA28" s="326">
        <v>0</v>
      </c>
      <c r="DB28" s="327">
        <v>0</v>
      </c>
      <c r="DC28" s="327">
        <v>0</v>
      </c>
      <c r="DD28" s="327">
        <v>155887</v>
      </c>
      <c r="DE28" s="327">
        <v>0</v>
      </c>
      <c r="DF28" s="327">
        <v>115070</v>
      </c>
      <c r="DG28" s="328">
        <v>270957</v>
      </c>
      <c r="DH28" s="330">
        <v>270957</v>
      </c>
      <c r="DI28" s="326">
        <v>0</v>
      </c>
      <c r="DJ28" s="327">
        <v>0</v>
      </c>
      <c r="DK28" s="331">
        <v>0</v>
      </c>
      <c r="DL28" s="332">
        <v>0</v>
      </c>
      <c r="DM28" s="327">
        <v>48016</v>
      </c>
      <c r="DN28" s="327">
        <v>198961</v>
      </c>
      <c r="DO28" s="327">
        <v>228789</v>
      </c>
      <c r="DP28" s="327">
        <v>0</v>
      </c>
      <c r="DQ28" s="327">
        <v>37435</v>
      </c>
      <c r="DR28" s="328">
        <v>513201</v>
      </c>
      <c r="DS28" s="330">
        <v>513201</v>
      </c>
      <c r="DT28" s="326">
        <v>0</v>
      </c>
      <c r="DU28" s="327">
        <v>0</v>
      </c>
      <c r="DV28" s="328">
        <v>0</v>
      </c>
      <c r="DW28" s="326">
        <v>0</v>
      </c>
      <c r="DX28" s="327">
        <v>48016</v>
      </c>
      <c r="DY28" s="327">
        <v>198961</v>
      </c>
      <c r="DZ28" s="327">
        <v>228789</v>
      </c>
      <c r="EA28" s="327">
        <v>0</v>
      </c>
      <c r="EB28" s="327">
        <v>0</v>
      </c>
      <c r="EC28" s="328">
        <v>475766</v>
      </c>
      <c r="ED28" s="330">
        <v>475766</v>
      </c>
      <c r="EE28" s="326">
        <v>0</v>
      </c>
      <c r="EF28" s="331">
        <v>0</v>
      </c>
      <c r="EG28" s="328">
        <v>0</v>
      </c>
      <c r="EH28" s="326">
        <v>0</v>
      </c>
      <c r="EI28" s="327">
        <v>0</v>
      </c>
      <c r="EJ28" s="327">
        <v>0</v>
      </c>
      <c r="EK28" s="327">
        <v>0</v>
      </c>
      <c r="EL28" s="327">
        <v>0</v>
      </c>
      <c r="EM28" s="327">
        <v>37435</v>
      </c>
      <c r="EN28" s="331">
        <v>37435</v>
      </c>
      <c r="EO28" s="330">
        <v>37435</v>
      </c>
      <c r="EP28" s="326">
        <v>0</v>
      </c>
      <c r="EQ28" s="327">
        <v>0</v>
      </c>
      <c r="ER28" s="331">
        <v>0</v>
      </c>
      <c r="ES28" s="332">
        <v>0</v>
      </c>
      <c r="ET28" s="327">
        <v>0</v>
      </c>
      <c r="EU28" s="327">
        <v>0</v>
      </c>
      <c r="EV28" s="327">
        <v>0</v>
      </c>
      <c r="EW28" s="327">
        <v>0</v>
      </c>
      <c r="EX28" s="327">
        <v>0</v>
      </c>
      <c r="EY28" s="328">
        <v>0</v>
      </c>
      <c r="EZ28" s="330">
        <v>0</v>
      </c>
      <c r="FA28" s="326">
        <v>0</v>
      </c>
      <c r="FB28" s="327">
        <v>0</v>
      </c>
      <c r="FC28" s="331">
        <v>0</v>
      </c>
      <c r="FD28" s="404">
        <v>0</v>
      </c>
      <c r="FE28" s="327">
        <v>0</v>
      </c>
      <c r="FF28" s="327">
        <v>0</v>
      </c>
      <c r="FG28" s="327">
        <v>0</v>
      </c>
      <c r="FH28" s="327">
        <v>0</v>
      </c>
      <c r="FI28" s="327">
        <v>0</v>
      </c>
      <c r="FJ28" s="328">
        <v>0</v>
      </c>
      <c r="FK28" s="330">
        <v>0</v>
      </c>
      <c r="FL28" s="326">
        <v>141540</v>
      </c>
      <c r="FM28" s="327">
        <v>67704</v>
      </c>
      <c r="FN28" s="328">
        <v>209244</v>
      </c>
      <c r="FO28" s="326">
        <v>0</v>
      </c>
      <c r="FP28" s="327">
        <v>45122</v>
      </c>
      <c r="FQ28" s="327">
        <v>176386</v>
      </c>
      <c r="FR28" s="327">
        <v>188671</v>
      </c>
      <c r="FS28" s="327">
        <v>71316</v>
      </c>
      <c r="FT28" s="327">
        <v>78400</v>
      </c>
      <c r="FU28" s="328">
        <v>559895</v>
      </c>
      <c r="FV28" s="330">
        <v>769139</v>
      </c>
      <c r="FW28" s="333">
        <v>1540</v>
      </c>
      <c r="FX28" s="327">
        <v>67704</v>
      </c>
      <c r="FY28" s="331">
        <v>69244</v>
      </c>
      <c r="FZ28" s="332">
        <v>0</v>
      </c>
      <c r="GA28" s="327">
        <v>45122</v>
      </c>
      <c r="GB28" s="327">
        <v>155260</v>
      </c>
      <c r="GC28" s="327">
        <v>188671</v>
      </c>
      <c r="GD28" s="327">
        <v>71316</v>
      </c>
      <c r="GE28" s="327">
        <v>78400</v>
      </c>
      <c r="GF28" s="328">
        <v>538769</v>
      </c>
      <c r="GG28" s="334">
        <v>608013</v>
      </c>
      <c r="GH28" s="333">
        <v>0</v>
      </c>
      <c r="GI28" s="327">
        <v>0</v>
      </c>
      <c r="GJ28" s="331">
        <v>0</v>
      </c>
      <c r="GK28" s="332">
        <v>0</v>
      </c>
      <c r="GL28" s="327">
        <v>0</v>
      </c>
      <c r="GM28" s="327">
        <v>21126</v>
      </c>
      <c r="GN28" s="327">
        <v>0</v>
      </c>
      <c r="GO28" s="327">
        <v>0</v>
      </c>
      <c r="GP28" s="327">
        <v>0</v>
      </c>
      <c r="GQ28" s="328">
        <v>21126</v>
      </c>
      <c r="GR28" s="330">
        <v>21126</v>
      </c>
      <c r="GS28" s="326">
        <v>140000</v>
      </c>
      <c r="GT28" s="327">
        <v>0</v>
      </c>
      <c r="GU28" s="328">
        <v>140000</v>
      </c>
      <c r="GV28" s="326">
        <v>0</v>
      </c>
      <c r="GW28" s="327">
        <v>0</v>
      </c>
      <c r="GX28" s="327">
        <v>0</v>
      </c>
      <c r="GY28" s="327">
        <v>0</v>
      </c>
      <c r="GZ28" s="327">
        <v>0</v>
      </c>
      <c r="HA28" s="327">
        <v>0</v>
      </c>
      <c r="HB28" s="331">
        <v>0</v>
      </c>
      <c r="HC28" s="330">
        <v>140000</v>
      </c>
      <c r="HD28" s="326">
        <v>50022</v>
      </c>
      <c r="HE28" s="327">
        <v>80866</v>
      </c>
      <c r="HF28" s="331">
        <v>130888</v>
      </c>
      <c r="HG28" s="332">
        <v>0</v>
      </c>
      <c r="HH28" s="327">
        <v>141420</v>
      </c>
      <c r="HI28" s="327">
        <v>798994</v>
      </c>
      <c r="HJ28" s="327">
        <v>319469</v>
      </c>
      <c r="HK28" s="327">
        <v>793163</v>
      </c>
      <c r="HL28" s="327">
        <v>853667</v>
      </c>
      <c r="HM28" s="328">
        <v>2906713</v>
      </c>
      <c r="HN28" s="329">
        <v>3037601</v>
      </c>
      <c r="HO28" s="333">
        <v>0</v>
      </c>
      <c r="HP28" s="327">
        <v>0</v>
      </c>
      <c r="HQ28" s="328">
        <v>0</v>
      </c>
      <c r="HR28" s="326">
        <v>0</v>
      </c>
      <c r="HS28" s="327">
        <v>0</v>
      </c>
      <c r="HT28" s="327">
        <v>0</v>
      </c>
      <c r="HU28" s="327">
        <v>0</v>
      </c>
      <c r="HV28" s="327">
        <v>0</v>
      </c>
      <c r="HW28" s="327">
        <v>0</v>
      </c>
      <c r="HX28" s="331">
        <v>0</v>
      </c>
      <c r="HY28" s="330">
        <v>0</v>
      </c>
      <c r="HZ28" s="358">
        <v>0</v>
      </c>
      <c r="IA28" s="356">
        <v>0</v>
      </c>
      <c r="IB28" s="358">
        <v>0</v>
      </c>
      <c r="IC28" s="355">
        <v>0</v>
      </c>
      <c r="ID28" s="356">
        <v>358488</v>
      </c>
      <c r="IE28" s="357">
        <v>105548</v>
      </c>
      <c r="IF28" s="358">
        <v>466300</v>
      </c>
      <c r="IG28" s="356">
        <v>251695</v>
      </c>
      <c r="IH28" s="358">
        <v>617233</v>
      </c>
      <c r="II28" s="359">
        <v>1799264</v>
      </c>
      <c r="IJ28" s="358">
        <v>1799264</v>
      </c>
      <c r="IK28" s="342">
        <v>0</v>
      </c>
      <c r="IL28" s="343">
        <v>0</v>
      </c>
      <c r="IM28" s="344">
        <v>0</v>
      </c>
      <c r="IN28" s="404">
        <v>0</v>
      </c>
      <c r="IO28" s="345">
        <v>0</v>
      </c>
      <c r="IP28" s="345">
        <v>0</v>
      </c>
      <c r="IQ28" s="345">
        <v>0</v>
      </c>
      <c r="IR28" s="345">
        <v>0</v>
      </c>
      <c r="IS28" s="345">
        <v>278616</v>
      </c>
      <c r="IT28" s="346">
        <v>278616</v>
      </c>
      <c r="IU28" s="347">
        <v>278616</v>
      </c>
      <c r="IV28" s="348">
        <v>0</v>
      </c>
      <c r="IW28" s="345">
        <v>0</v>
      </c>
      <c r="IX28" s="349">
        <v>0</v>
      </c>
      <c r="IY28" s="404">
        <v>0</v>
      </c>
      <c r="IZ28" s="345">
        <v>0</v>
      </c>
      <c r="JA28" s="345">
        <v>0</v>
      </c>
      <c r="JB28" s="345">
        <v>0</v>
      </c>
      <c r="JC28" s="345">
        <v>0</v>
      </c>
      <c r="JD28" s="345">
        <v>0</v>
      </c>
      <c r="JE28" s="349">
        <v>0</v>
      </c>
      <c r="JF28" s="350">
        <v>0</v>
      </c>
      <c r="JG28" s="348">
        <v>0</v>
      </c>
      <c r="JH28" s="345">
        <v>0</v>
      </c>
      <c r="JI28" s="346">
        <v>0</v>
      </c>
      <c r="JJ28" s="351">
        <v>0</v>
      </c>
      <c r="JK28" s="345">
        <v>142324</v>
      </c>
      <c r="JL28" s="345">
        <v>105548</v>
      </c>
      <c r="JM28" s="345">
        <v>0</v>
      </c>
      <c r="JN28" s="345">
        <v>0</v>
      </c>
      <c r="JO28" s="345">
        <v>0</v>
      </c>
      <c r="JP28" s="349">
        <v>247872</v>
      </c>
      <c r="JQ28" s="347">
        <v>247872</v>
      </c>
      <c r="JR28" s="348">
        <v>0</v>
      </c>
      <c r="JS28" s="345">
        <v>0</v>
      </c>
      <c r="JT28" s="346">
        <v>0</v>
      </c>
      <c r="JU28" s="351">
        <v>0</v>
      </c>
      <c r="JV28" s="345">
        <v>0</v>
      </c>
      <c r="JW28" s="345">
        <v>0</v>
      </c>
      <c r="JX28" s="345">
        <v>0</v>
      </c>
      <c r="JY28" s="345">
        <v>0</v>
      </c>
      <c r="JZ28" s="345">
        <v>0</v>
      </c>
      <c r="KA28" s="349">
        <v>0</v>
      </c>
      <c r="KB28" s="347">
        <v>0</v>
      </c>
      <c r="KC28" s="352">
        <v>0</v>
      </c>
      <c r="KD28" s="353">
        <v>0</v>
      </c>
      <c r="KE28" s="349">
        <v>0</v>
      </c>
      <c r="KF28" s="351">
        <v>0</v>
      </c>
      <c r="KG28" s="345">
        <v>0</v>
      </c>
      <c r="KH28" s="345">
        <v>0</v>
      </c>
      <c r="KI28" s="345">
        <v>0</v>
      </c>
      <c r="KJ28" s="345">
        <v>0</v>
      </c>
      <c r="KK28" s="345">
        <v>0</v>
      </c>
      <c r="KL28" s="349">
        <v>0</v>
      </c>
      <c r="KM28" s="354">
        <v>0</v>
      </c>
      <c r="KN28" s="342">
        <v>0</v>
      </c>
      <c r="KO28" s="343">
        <v>0</v>
      </c>
      <c r="KP28" s="344">
        <v>0</v>
      </c>
      <c r="KQ28" s="404">
        <v>0</v>
      </c>
      <c r="KR28" s="345">
        <v>216164</v>
      </c>
      <c r="KS28" s="345">
        <v>0</v>
      </c>
      <c r="KT28" s="345">
        <v>466300</v>
      </c>
      <c r="KU28" s="345">
        <v>0</v>
      </c>
      <c r="KV28" s="345">
        <v>338617</v>
      </c>
      <c r="KW28" s="349">
        <v>1021081</v>
      </c>
      <c r="KX28" s="347">
        <v>1021081</v>
      </c>
      <c r="KY28" s="348">
        <v>0</v>
      </c>
      <c r="KZ28" s="345">
        <v>0</v>
      </c>
      <c r="LA28" s="349">
        <v>0</v>
      </c>
      <c r="LB28" s="404">
        <v>0</v>
      </c>
      <c r="LC28" s="345">
        <v>0</v>
      </c>
      <c r="LD28" s="345">
        <v>0</v>
      </c>
      <c r="LE28" s="345">
        <v>0</v>
      </c>
      <c r="LF28" s="345">
        <v>0</v>
      </c>
      <c r="LG28" s="345">
        <v>0</v>
      </c>
      <c r="LH28" s="349">
        <v>0</v>
      </c>
      <c r="LI28" s="350">
        <v>0</v>
      </c>
      <c r="LJ28" s="348">
        <v>0</v>
      </c>
      <c r="LK28" s="345">
        <v>0</v>
      </c>
      <c r="LL28" s="349">
        <v>0</v>
      </c>
      <c r="LM28" s="404">
        <v>0</v>
      </c>
      <c r="LN28" s="345">
        <v>0</v>
      </c>
      <c r="LO28" s="345">
        <v>0</v>
      </c>
      <c r="LP28" s="345">
        <v>0</v>
      </c>
      <c r="LQ28" s="345">
        <v>0</v>
      </c>
      <c r="LR28" s="345">
        <v>0</v>
      </c>
      <c r="LS28" s="349">
        <v>0</v>
      </c>
      <c r="LT28" s="347">
        <v>0</v>
      </c>
      <c r="LU28" s="348">
        <v>0</v>
      </c>
      <c r="LV28" s="345">
        <v>0</v>
      </c>
      <c r="LW28" s="349">
        <v>0</v>
      </c>
      <c r="LX28" s="404">
        <v>0</v>
      </c>
      <c r="LY28" s="345">
        <v>0</v>
      </c>
      <c r="LZ28" s="345">
        <v>0</v>
      </c>
      <c r="MA28" s="345">
        <v>0</v>
      </c>
      <c r="MB28" s="345">
        <v>251695</v>
      </c>
      <c r="MC28" s="345">
        <v>0</v>
      </c>
      <c r="MD28" s="349">
        <v>251695</v>
      </c>
      <c r="ME28" s="350">
        <v>251695</v>
      </c>
      <c r="MF28" s="348">
        <v>0</v>
      </c>
      <c r="MG28" s="345">
        <v>0</v>
      </c>
      <c r="MH28" s="349">
        <v>0</v>
      </c>
      <c r="MI28" s="404">
        <v>0</v>
      </c>
      <c r="MJ28" s="345">
        <v>263244</v>
      </c>
      <c r="MK28" s="345">
        <v>0</v>
      </c>
      <c r="ML28" s="345">
        <v>1362884</v>
      </c>
      <c r="MM28" s="345">
        <v>550225</v>
      </c>
      <c r="MN28" s="345">
        <v>1191611</v>
      </c>
      <c r="MO28" s="349">
        <v>3367964</v>
      </c>
      <c r="MP28" s="354">
        <v>3367964</v>
      </c>
      <c r="MQ28" s="348">
        <v>0</v>
      </c>
      <c r="MR28" s="345">
        <v>0</v>
      </c>
      <c r="MS28" s="349">
        <v>0</v>
      </c>
      <c r="MT28" s="404">
        <v>0</v>
      </c>
      <c r="MU28" s="345">
        <v>0</v>
      </c>
      <c r="MV28" s="345">
        <v>0</v>
      </c>
      <c r="MW28" s="345">
        <v>978395</v>
      </c>
      <c r="MX28" s="345">
        <v>230436</v>
      </c>
      <c r="MY28" s="345">
        <v>508288</v>
      </c>
      <c r="MZ28" s="349">
        <v>1717119</v>
      </c>
      <c r="NA28" s="354">
        <v>1717119</v>
      </c>
      <c r="NB28" s="348">
        <v>0</v>
      </c>
      <c r="NC28" s="345">
        <v>0</v>
      </c>
      <c r="ND28" s="349">
        <v>0</v>
      </c>
      <c r="NE28" s="404">
        <v>0</v>
      </c>
      <c r="NF28" s="345">
        <v>263244</v>
      </c>
      <c r="NG28" s="345">
        <v>0</v>
      </c>
      <c r="NH28" s="345">
        <v>384489</v>
      </c>
      <c r="NI28" s="345">
        <v>319789</v>
      </c>
      <c r="NJ28" s="345">
        <v>342903</v>
      </c>
      <c r="NK28" s="349">
        <v>1310425</v>
      </c>
      <c r="NL28" s="347">
        <v>1310425</v>
      </c>
      <c r="NM28" s="348">
        <v>0</v>
      </c>
      <c r="NN28" s="345">
        <v>0</v>
      </c>
      <c r="NO28" s="349">
        <v>0</v>
      </c>
      <c r="NP28" s="404">
        <v>0</v>
      </c>
      <c r="NQ28" s="345">
        <v>0</v>
      </c>
      <c r="NR28" s="345">
        <v>0</v>
      </c>
      <c r="NS28" s="345">
        <v>0</v>
      </c>
      <c r="NT28" s="345">
        <v>0</v>
      </c>
      <c r="NU28" s="345">
        <v>0</v>
      </c>
      <c r="NV28" s="349">
        <v>0</v>
      </c>
      <c r="NW28" s="350">
        <v>0</v>
      </c>
      <c r="NX28" s="348">
        <v>0</v>
      </c>
      <c r="NY28" s="345">
        <v>0</v>
      </c>
      <c r="NZ28" s="349">
        <v>0</v>
      </c>
      <c r="OA28" s="404">
        <v>0</v>
      </c>
      <c r="OB28" s="345">
        <v>0</v>
      </c>
      <c r="OC28" s="345">
        <v>0</v>
      </c>
      <c r="OD28" s="345">
        <v>0</v>
      </c>
      <c r="OE28" s="345">
        <v>0</v>
      </c>
      <c r="OF28" s="345">
        <v>340420</v>
      </c>
      <c r="OG28" s="349">
        <v>340420</v>
      </c>
      <c r="OH28" s="350">
        <v>340420</v>
      </c>
      <c r="OI28" s="348">
        <v>285797</v>
      </c>
      <c r="OJ28" s="345">
        <v>323500</v>
      </c>
      <c r="OK28" s="346">
        <v>609297</v>
      </c>
      <c r="OL28" s="351">
        <v>0</v>
      </c>
      <c r="OM28" s="345">
        <v>1378722</v>
      </c>
      <c r="ON28" s="345">
        <v>2619731</v>
      </c>
      <c r="OO28" s="345">
        <v>4097587</v>
      </c>
      <c r="OP28" s="345">
        <v>2236220</v>
      </c>
      <c r="OQ28" s="345">
        <v>3680528</v>
      </c>
      <c r="OR28" s="349">
        <v>14012788</v>
      </c>
      <c r="OS28" s="354">
        <v>14622085</v>
      </c>
    </row>
    <row r="29" spans="2:409" s="70" customFormat="1" ht="21" customHeight="1" x14ac:dyDescent="0.2">
      <c r="B29" s="106" t="s">
        <v>24</v>
      </c>
      <c r="C29" s="326">
        <v>396833</v>
      </c>
      <c r="D29" s="327">
        <v>448960</v>
      </c>
      <c r="E29" s="328">
        <v>845793</v>
      </c>
      <c r="F29" s="329">
        <v>0</v>
      </c>
      <c r="G29" s="327">
        <v>2352579</v>
      </c>
      <c r="H29" s="327">
        <v>2137973</v>
      </c>
      <c r="I29" s="327">
        <v>1448207</v>
      </c>
      <c r="J29" s="327">
        <v>1302739</v>
      </c>
      <c r="K29" s="327">
        <v>2529709</v>
      </c>
      <c r="L29" s="367">
        <v>9771207</v>
      </c>
      <c r="M29" s="330">
        <v>10617000</v>
      </c>
      <c r="N29" s="326">
        <v>124941</v>
      </c>
      <c r="O29" s="327">
        <v>98831</v>
      </c>
      <c r="P29" s="328">
        <v>223772</v>
      </c>
      <c r="Q29" s="326">
        <v>0</v>
      </c>
      <c r="R29" s="327">
        <v>863546</v>
      </c>
      <c r="S29" s="327">
        <v>776830</v>
      </c>
      <c r="T29" s="327">
        <v>461151</v>
      </c>
      <c r="U29" s="327">
        <v>549105</v>
      </c>
      <c r="V29" s="327">
        <v>1277389</v>
      </c>
      <c r="W29" s="328">
        <v>3928021</v>
      </c>
      <c r="X29" s="330">
        <v>4151793</v>
      </c>
      <c r="Y29" s="326">
        <v>0</v>
      </c>
      <c r="Z29" s="327">
        <v>0</v>
      </c>
      <c r="AA29" s="328">
        <v>0</v>
      </c>
      <c r="AB29" s="326">
        <v>0</v>
      </c>
      <c r="AC29" s="327">
        <v>401448</v>
      </c>
      <c r="AD29" s="327">
        <v>298166</v>
      </c>
      <c r="AE29" s="327">
        <v>95149</v>
      </c>
      <c r="AF29" s="327">
        <v>256404</v>
      </c>
      <c r="AG29" s="327">
        <v>521590</v>
      </c>
      <c r="AH29" s="328">
        <v>1572757</v>
      </c>
      <c r="AI29" s="330">
        <v>1572757</v>
      </c>
      <c r="AJ29" s="326">
        <v>0</v>
      </c>
      <c r="AK29" s="327">
        <v>0</v>
      </c>
      <c r="AL29" s="328">
        <v>0</v>
      </c>
      <c r="AM29" s="326">
        <v>0</v>
      </c>
      <c r="AN29" s="327">
        <v>0</v>
      </c>
      <c r="AO29" s="327">
        <v>33189</v>
      </c>
      <c r="AP29" s="327">
        <v>0</v>
      </c>
      <c r="AQ29" s="327">
        <v>74379</v>
      </c>
      <c r="AR29" s="327">
        <v>235544</v>
      </c>
      <c r="AS29" s="328">
        <v>343112</v>
      </c>
      <c r="AT29" s="330">
        <v>343112</v>
      </c>
      <c r="AU29" s="326">
        <v>75017</v>
      </c>
      <c r="AV29" s="327">
        <v>88310</v>
      </c>
      <c r="AW29" s="328">
        <v>163327</v>
      </c>
      <c r="AX29" s="326">
        <v>0</v>
      </c>
      <c r="AY29" s="327">
        <v>315217</v>
      </c>
      <c r="AZ29" s="327">
        <v>316213</v>
      </c>
      <c r="BA29" s="327">
        <v>242298</v>
      </c>
      <c r="BB29" s="327">
        <v>115870</v>
      </c>
      <c r="BC29" s="327">
        <v>294981</v>
      </c>
      <c r="BD29" s="328">
        <v>1284579</v>
      </c>
      <c r="BE29" s="330">
        <v>1447906</v>
      </c>
      <c r="BF29" s="326">
        <v>0</v>
      </c>
      <c r="BG29" s="327">
        <v>0</v>
      </c>
      <c r="BH29" s="331">
        <v>0</v>
      </c>
      <c r="BI29" s="332">
        <v>0</v>
      </c>
      <c r="BJ29" s="327">
        <v>0</v>
      </c>
      <c r="BK29" s="327">
        <v>0</v>
      </c>
      <c r="BL29" s="327">
        <v>0</v>
      </c>
      <c r="BM29" s="327">
        <v>0</v>
      </c>
      <c r="BN29" s="327">
        <v>9625</v>
      </c>
      <c r="BO29" s="328">
        <v>9625</v>
      </c>
      <c r="BP29" s="330">
        <v>9625</v>
      </c>
      <c r="BQ29" s="326">
        <v>49924</v>
      </c>
      <c r="BR29" s="327">
        <v>10521</v>
      </c>
      <c r="BS29" s="328">
        <v>60445</v>
      </c>
      <c r="BT29" s="326">
        <v>0</v>
      </c>
      <c r="BU29" s="327">
        <v>146881</v>
      </c>
      <c r="BV29" s="327">
        <v>129262</v>
      </c>
      <c r="BW29" s="327">
        <v>123704</v>
      </c>
      <c r="BX29" s="327">
        <v>102452</v>
      </c>
      <c r="BY29" s="327">
        <v>215649</v>
      </c>
      <c r="BZ29" s="328">
        <v>717948</v>
      </c>
      <c r="CA29" s="330">
        <v>778393</v>
      </c>
      <c r="CB29" s="326">
        <v>37527</v>
      </c>
      <c r="CC29" s="327">
        <v>34794</v>
      </c>
      <c r="CD29" s="328">
        <v>72321</v>
      </c>
      <c r="CE29" s="326">
        <v>0</v>
      </c>
      <c r="CF29" s="327">
        <v>609536</v>
      </c>
      <c r="CG29" s="327">
        <v>472601</v>
      </c>
      <c r="CH29" s="327">
        <v>137502</v>
      </c>
      <c r="CI29" s="327">
        <v>36428</v>
      </c>
      <c r="CJ29" s="327">
        <v>0</v>
      </c>
      <c r="CK29" s="328">
        <v>1256067</v>
      </c>
      <c r="CL29" s="330">
        <v>1328388</v>
      </c>
      <c r="CM29" s="326">
        <v>0</v>
      </c>
      <c r="CN29" s="327">
        <v>0</v>
      </c>
      <c r="CO29" s="328">
        <v>0</v>
      </c>
      <c r="CP29" s="332">
        <v>0</v>
      </c>
      <c r="CQ29" s="327">
        <v>282220</v>
      </c>
      <c r="CR29" s="327">
        <v>379366</v>
      </c>
      <c r="CS29" s="327">
        <v>137502</v>
      </c>
      <c r="CT29" s="327">
        <v>36428</v>
      </c>
      <c r="CU29" s="327">
        <v>0</v>
      </c>
      <c r="CV29" s="328">
        <v>835516</v>
      </c>
      <c r="CW29" s="330">
        <v>835516</v>
      </c>
      <c r="CX29" s="326">
        <v>37527</v>
      </c>
      <c r="CY29" s="327">
        <v>34794</v>
      </c>
      <c r="CZ29" s="328">
        <v>72321</v>
      </c>
      <c r="DA29" s="326">
        <v>0</v>
      </c>
      <c r="DB29" s="327">
        <v>327316</v>
      </c>
      <c r="DC29" s="327">
        <v>93235</v>
      </c>
      <c r="DD29" s="327">
        <v>0</v>
      </c>
      <c r="DE29" s="327">
        <v>0</v>
      </c>
      <c r="DF29" s="327">
        <v>0</v>
      </c>
      <c r="DG29" s="328">
        <v>420551</v>
      </c>
      <c r="DH29" s="330">
        <v>492872</v>
      </c>
      <c r="DI29" s="326">
        <v>0</v>
      </c>
      <c r="DJ29" s="327">
        <v>0</v>
      </c>
      <c r="DK29" s="331">
        <v>0</v>
      </c>
      <c r="DL29" s="332">
        <v>0</v>
      </c>
      <c r="DM29" s="327">
        <v>0</v>
      </c>
      <c r="DN29" s="327">
        <v>107212</v>
      </c>
      <c r="DO29" s="327">
        <v>0</v>
      </c>
      <c r="DP29" s="327">
        <v>0</v>
      </c>
      <c r="DQ29" s="327">
        <v>0</v>
      </c>
      <c r="DR29" s="328">
        <v>107212</v>
      </c>
      <c r="DS29" s="330">
        <v>107212</v>
      </c>
      <c r="DT29" s="326">
        <v>0</v>
      </c>
      <c r="DU29" s="327">
        <v>0</v>
      </c>
      <c r="DV29" s="328">
        <v>0</v>
      </c>
      <c r="DW29" s="326">
        <v>0</v>
      </c>
      <c r="DX29" s="327">
        <v>0</v>
      </c>
      <c r="DY29" s="327">
        <v>107212</v>
      </c>
      <c r="DZ29" s="327">
        <v>0</v>
      </c>
      <c r="EA29" s="327">
        <v>0</v>
      </c>
      <c r="EB29" s="327">
        <v>0</v>
      </c>
      <c r="EC29" s="328">
        <v>107212</v>
      </c>
      <c r="ED29" s="330">
        <v>107212</v>
      </c>
      <c r="EE29" s="326">
        <v>0</v>
      </c>
      <c r="EF29" s="331">
        <v>0</v>
      </c>
      <c r="EG29" s="328">
        <v>0</v>
      </c>
      <c r="EH29" s="326">
        <v>0</v>
      </c>
      <c r="EI29" s="327">
        <v>0</v>
      </c>
      <c r="EJ29" s="327">
        <v>0</v>
      </c>
      <c r="EK29" s="327">
        <v>0</v>
      </c>
      <c r="EL29" s="327">
        <v>0</v>
      </c>
      <c r="EM29" s="327">
        <v>0</v>
      </c>
      <c r="EN29" s="331">
        <v>0</v>
      </c>
      <c r="EO29" s="330">
        <v>0</v>
      </c>
      <c r="EP29" s="326">
        <v>0</v>
      </c>
      <c r="EQ29" s="327">
        <v>0</v>
      </c>
      <c r="ER29" s="331">
        <v>0</v>
      </c>
      <c r="ES29" s="332">
        <v>0</v>
      </c>
      <c r="ET29" s="327">
        <v>0</v>
      </c>
      <c r="EU29" s="327">
        <v>0</v>
      </c>
      <c r="EV29" s="327">
        <v>0</v>
      </c>
      <c r="EW29" s="327">
        <v>0</v>
      </c>
      <c r="EX29" s="327">
        <v>0</v>
      </c>
      <c r="EY29" s="328">
        <v>0</v>
      </c>
      <c r="EZ29" s="330">
        <v>0</v>
      </c>
      <c r="FA29" s="326">
        <v>0</v>
      </c>
      <c r="FB29" s="327">
        <v>0</v>
      </c>
      <c r="FC29" s="331">
        <v>0</v>
      </c>
      <c r="FD29" s="404">
        <v>0</v>
      </c>
      <c r="FE29" s="327">
        <v>0</v>
      </c>
      <c r="FF29" s="327">
        <v>0</v>
      </c>
      <c r="FG29" s="327">
        <v>0</v>
      </c>
      <c r="FH29" s="327">
        <v>0</v>
      </c>
      <c r="FI29" s="327">
        <v>0</v>
      </c>
      <c r="FJ29" s="328">
        <v>0</v>
      </c>
      <c r="FK29" s="330">
        <v>0</v>
      </c>
      <c r="FL29" s="326">
        <v>37800</v>
      </c>
      <c r="FM29" s="327">
        <v>234185</v>
      </c>
      <c r="FN29" s="328">
        <v>271985</v>
      </c>
      <c r="FO29" s="326">
        <v>0</v>
      </c>
      <c r="FP29" s="327">
        <v>88760</v>
      </c>
      <c r="FQ29" s="327">
        <v>285880</v>
      </c>
      <c r="FR29" s="327">
        <v>122556</v>
      </c>
      <c r="FS29" s="327">
        <v>76916</v>
      </c>
      <c r="FT29" s="327">
        <v>151291</v>
      </c>
      <c r="FU29" s="328">
        <v>725403</v>
      </c>
      <c r="FV29" s="330">
        <v>997388</v>
      </c>
      <c r="FW29" s="333">
        <v>37800</v>
      </c>
      <c r="FX29" s="327">
        <v>30674</v>
      </c>
      <c r="FY29" s="331">
        <v>68474</v>
      </c>
      <c r="FZ29" s="332">
        <v>0</v>
      </c>
      <c r="GA29" s="327">
        <v>60550</v>
      </c>
      <c r="GB29" s="327">
        <v>285880</v>
      </c>
      <c r="GC29" s="327">
        <v>76496</v>
      </c>
      <c r="GD29" s="327">
        <v>76916</v>
      </c>
      <c r="GE29" s="327">
        <v>151291</v>
      </c>
      <c r="GF29" s="328">
        <v>651133</v>
      </c>
      <c r="GG29" s="334">
        <v>719607</v>
      </c>
      <c r="GH29" s="333">
        <v>0</v>
      </c>
      <c r="GI29" s="327">
        <v>26411</v>
      </c>
      <c r="GJ29" s="331">
        <v>26411</v>
      </c>
      <c r="GK29" s="332">
        <v>0</v>
      </c>
      <c r="GL29" s="327">
        <v>10010</v>
      </c>
      <c r="GM29" s="327">
        <v>0</v>
      </c>
      <c r="GN29" s="327">
        <v>21560</v>
      </c>
      <c r="GO29" s="327">
        <v>0</v>
      </c>
      <c r="GP29" s="327">
        <v>0</v>
      </c>
      <c r="GQ29" s="328">
        <v>31570</v>
      </c>
      <c r="GR29" s="330">
        <v>57981</v>
      </c>
      <c r="GS29" s="326">
        <v>0</v>
      </c>
      <c r="GT29" s="327">
        <v>177100</v>
      </c>
      <c r="GU29" s="328">
        <v>177100</v>
      </c>
      <c r="GV29" s="326">
        <v>0</v>
      </c>
      <c r="GW29" s="327">
        <v>18200</v>
      </c>
      <c r="GX29" s="327">
        <v>0</v>
      </c>
      <c r="GY29" s="327">
        <v>24500</v>
      </c>
      <c r="GZ29" s="327">
        <v>0</v>
      </c>
      <c r="HA29" s="327">
        <v>0</v>
      </c>
      <c r="HB29" s="331">
        <v>42700</v>
      </c>
      <c r="HC29" s="330">
        <v>219800</v>
      </c>
      <c r="HD29" s="326">
        <v>196565</v>
      </c>
      <c r="HE29" s="327">
        <v>81150</v>
      </c>
      <c r="HF29" s="331">
        <v>277715</v>
      </c>
      <c r="HG29" s="332">
        <v>0</v>
      </c>
      <c r="HH29" s="327">
        <v>790737</v>
      </c>
      <c r="HI29" s="327">
        <v>495450</v>
      </c>
      <c r="HJ29" s="327">
        <v>726998</v>
      </c>
      <c r="HK29" s="327">
        <v>640290</v>
      </c>
      <c r="HL29" s="327">
        <v>1101029</v>
      </c>
      <c r="HM29" s="328">
        <v>3754504</v>
      </c>
      <c r="HN29" s="329">
        <v>4032219</v>
      </c>
      <c r="HO29" s="333">
        <v>0</v>
      </c>
      <c r="HP29" s="327">
        <v>0</v>
      </c>
      <c r="HQ29" s="328">
        <v>0</v>
      </c>
      <c r="HR29" s="326">
        <v>0</v>
      </c>
      <c r="HS29" s="327">
        <v>0</v>
      </c>
      <c r="HT29" s="327">
        <v>0</v>
      </c>
      <c r="HU29" s="327">
        <v>0</v>
      </c>
      <c r="HV29" s="327">
        <v>0</v>
      </c>
      <c r="HW29" s="327">
        <v>0</v>
      </c>
      <c r="HX29" s="331">
        <v>0</v>
      </c>
      <c r="HY29" s="330">
        <v>0</v>
      </c>
      <c r="HZ29" s="335">
        <v>0</v>
      </c>
      <c r="IA29" s="336">
        <v>0</v>
      </c>
      <c r="IB29" s="337">
        <v>0</v>
      </c>
      <c r="IC29" s="338">
        <v>0</v>
      </c>
      <c r="ID29" s="336">
        <v>249424</v>
      </c>
      <c r="IE29" s="339">
        <v>290459</v>
      </c>
      <c r="IF29" s="337">
        <v>0</v>
      </c>
      <c r="IG29" s="336">
        <v>271161</v>
      </c>
      <c r="IH29" s="337">
        <v>689674</v>
      </c>
      <c r="II29" s="340">
        <v>1500718</v>
      </c>
      <c r="IJ29" s="341">
        <v>1500718</v>
      </c>
      <c r="IK29" s="342">
        <v>0</v>
      </c>
      <c r="IL29" s="343">
        <v>0</v>
      </c>
      <c r="IM29" s="344">
        <v>0</v>
      </c>
      <c r="IN29" s="404">
        <v>0</v>
      </c>
      <c r="IO29" s="345">
        <v>57260</v>
      </c>
      <c r="IP29" s="345">
        <v>0</v>
      </c>
      <c r="IQ29" s="345">
        <v>0</v>
      </c>
      <c r="IR29" s="345">
        <v>194515</v>
      </c>
      <c r="IS29" s="345">
        <v>233702</v>
      </c>
      <c r="IT29" s="346">
        <v>485477</v>
      </c>
      <c r="IU29" s="347">
        <v>485477</v>
      </c>
      <c r="IV29" s="348">
        <v>0</v>
      </c>
      <c r="IW29" s="345">
        <v>0</v>
      </c>
      <c r="IX29" s="349">
        <v>0</v>
      </c>
      <c r="IY29" s="404">
        <v>0</v>
      </c>
      <c r="IZ29" s="345">
        <v>0</v>
      </c>
      <c r="JA29" s="345">
        <v>0</v>
      </c>
      <c r="JB29" s="345">
        <v>0</v>
      </c>
      <c r="JC29" s="345">
        <v>0</v>
      </c>
      <c r="JD29" s="345">
        <v>0</v>
      </c>
      <c r="JE29" s="349">
        <v>0</v>
      </c>
      <c r="JF29" s="350">
        <v>0</v>
      </c>
      <c r="JG29" s="348">
        <v>0</v>
      </c>
      <c r="JH29" s="345">
        <v>0</v>
      </c>
      <c r="JI29" s="346">
        <v>0</v>
      </c>
      <c r="JJ29" s="351">
        <v>0</v>
      </c>
      <c r="JK29" s="345">
        <v>0</v>
      </c>
      <c r="JL29" s="345">
        <v>13250</v>
      </c>
      <c r="JM29" s="345">
        <v>0</v>
      </c>
      <c r="JN29" s="345">
        <v>76646</v>
      </c>
      <c r="JO29" s="345">
        <v>0</v>
      </c>
      <c r="JP29" s="349">
        <v>89896</v>
      </c>
      <c r="JQ29" s="347">
        <v>89896</v>
      </c>
      <c r="JR29" s="348">
        <v>0</v>
      </c>
      <c r="JS29" s="345">
        <v>0</v>
      </c>
      <c r="JT29" s="346">
        <v>0</v>
      </c>
      <c r="JU29" s="351">
        <v>0</v>
      </c>
      <c r="JV29" s="345">
        <v>0</v>
      </c>
      <c r="JW29" s="345">
        <v>0</v>
      </c>
      <c r="JX29" s="345">
        <v>0</v>
      </c>
      <c r="JY29" s="345">
        <v>0</v>
      </c>
      <c r="JZ29" s="345">
        <v>0</v>
      </c>
      <c r="KA29" s="349">
        <v>0</v>
      </c>
      <c r="KB29" s="347">
        <v>0</v>
      </c>
      <c r="KC29" s="352">
        <v>0</v>
      </c>
      <c r="KD29" s="353">
        <v>0</v>
      </c>
      <c r="KE29" s="349">
        <v>0</v>
      </c>
      <c r="KF29" s="351">
        <v>0</v>
      </c>
      <c r="KG29" s="345">
        <v>192164</v>
      </c>
      <c r="KH29" s="345">
        <v>277209</v>
      </c>
      <c r="KI29" s="345">
        <v>0</v>
      </c>
      <c r="KJ29" s="345">
        <v>0</v>
      </c>
      <c r="KK29" s="345">
        <v>0</v>
      </c>
      <c r="KL29" s="349">
        <v>469373</v>
      </c>
      <c r="KM29" s="354">
        <v>469373</v>
      </c>
      <c r="KN29" s="342">
        <v>0</v>
      </c>
      <c r="KO29" s="343">
        <v>0</v>
      </c>
      <c r="KP29" s="344">
        <v>0</v>
      </c>
      <c r="KQ29" s="404">
        <v>0</v>
      </c>
      <c r="KR29" s="345">
        <v>0</v>
      </c>
      <c r="KS29" s="345">
        <v>0</v>
      </c>
      <c r="KT29" s="345">
        <v>0</v>
      </c>
      <c r="KU29" s="345">
        <v>0</v>
      </c>
      <c r="KV29" s="345">
        <v>455972</v>
      </c>
      <c r="KW29" s="349">
        <v>455972</v>
      </c>
      <c r="KX29" s="347">
        <v>455972</v>
      </c>
      <c r="KY29" s="348">
        <v>0</v>
      </c>
      <c r="KZ29" s="345">
        <v>0</v>
      </c>
      <c r="LA29" s="349">
        <v>0</v>
      </c>
      <c r="LB29" s="404">
        <v>0</v>
      </c>
      <c r="LC29" s="345">
        <v>0</v>
      </c>
      <c r="LD29" s="345">
        <v>0</v>
      </c>
      <c r="LE29" s="345">
        <v>0</v>
      </c>
      <c r="LF29" s="345">
        <v>0</v>
      </c>
      <c r="LG29" s="345">
        <v>0</v>
      </c>
      <c r="LH29" s="349">
        <v>0</v>
      </c>
      <c r="LI29" s="350">
        <v>0</v>
      </c>
      <c r="LJ29" s="348">
        <v>0</v>
      </c>
      <c r="LK29" s="345">
        <v>0</v>
      </c>
      <c r="LL29" s="349">
        <v>0</v>
      </c>
      <c r="LM29" s="404">
        <v>0</v>
      </c>
      <c r="LN29" s="345">
        <v>0</v>
      </c>
      <c r="LO29" s="345">
        <v>0</v>
      </c>
      <c r="LP29" s="345">
        <v>0</v>
      </c>
      <c r="LQ29" s="345">
        <v>0</v>
      </c>
      <c r="LR29" s="345">
        <v>0</v>
      </c>
      <c r="LS29" s="349">
        <v>0</v>
      </c>
      <c r="LT29" s="347">
        <v>0</v>
      </c>
      <c r="LU29" s="348">
        <v>0</v>
      </c>
      <c r="LV29" s="345">
        <v>0</v>
      </c>
      <c r="LW29" s="349">
        <v>0</v>
      </c>
      <c r="LX29" s="404">
        <v>0</v>
      </c>
      <c r="LY29" s="345">
        <v>0</v>
      </c>
      <c r="LZ29" s="345">
        <v>0</v>
      </c>
      <c r="MA29" s="345">
        <v>0</v>
      </c>
      <c r="MB29" s="345">
        <v>0</v>
      </c>
      <c r="MC29" s="345">
        <v>0</v>
      </c>
      <c r="MD29" s="349">
        <v>0</v>
      </c>
      <c r="ME29" s="350">
        <v>0</v>
      </c>
      <c r="MF29" s="348">
        <v>0</v>
      </c>
      <c r="MG29" s="345">
        <v>0</v>
      </c>
      <c r="MH29" s="349">
        <v>0</v>
      </c>
      <c r="MI29" s="404">
        <v>0</v>
      </c>
      <c r="MJ29" s="345">
        <v>0</v>
      </c>
      <c r="MK29" s="345">
        <v>215023</v>
      </c>
      <c r="ML29" s="345">
        <v>184425</v>
      </c>
      <c r="MM29" s="345">
        <v>739136</v>
      </c>
      <c r="MN29" s="345">
        <v>244491</v>
      </c>
      <c r="MO29" s="349">
        <v>1383075</v>
      </c>
      <c r="MP29" s="354">
        <v>1383075</v>
      </c>
      <c r="MQ29" s="348">
        <v>0</v>
      </c>
      <c r="MR29" s="345">
        <v>0</v>
      </c>
      <c r="MS29" s="349">
        <v>0</v>
      </c>
      <c r="MT29" s="404">
        <v>0</v>
      </c>
      <c r="MU29" s="345">
        <v>0</v>
      </c>
      <c r="MV29" s="345">
        <v>0</v>
      </c>
      <c r="MW29" s="345">
        <v>184425</v>
      </c>
      <c r="MX29" s="345">
        <v>739136</v>
      </c>
      <c r="MY29" s="345">
        <v>244491</v>
      </c>
      <c r="MZ29" s="349">
        <v>1168052</v>
      </c>
      <c r="NA29" s="354">
        <v>1168052</v>
      </c>
      <c r="NB29" s="348">
        <v>0</v>
      </c>
      <c r="NC29" s="345">
        <v>0</v>
      </c>
      <c r="ND29" s="349">
        <v>0</v>
      </c>
      <c r="NE29" s="404">
        <v>0</v>
      </c>
      <c r="NF29" s="345">
        <v>0</v>
      </c>
      <c r="NG29" s="345">
        <v>215023</v>
      </c>
      <c r="NH29" s="345">
        <v>0</v>
      </c>
      <c r="NI29" s="345">
        <v>0</v>
      </c>
      <c r="NJ29" s="345">
        <v>0</v>
      </c>
      <c r="NK29" s="349">
        <v>215023</v>
      </c>
      <c r="NL29" s="347">
        <v>215023</v>
      </c>
      <c r="NM29" s="348">
        <v>0</v>
      </c>
      <c r="NN29" s="345">
        <v>0</v>
      </c>
      <c r="NO29" s="349">
        <v>0</v>
      </c>
      <c r="NP29" s="404">
        <v>0</v>
      </c>
      <c r="NQ29" s="345">
        <v>0</v>
      </c>
      <c r="NR29" s="345">
        <v>0</v>
      </c>
      <c r="NS29" s="345">
        <v>0</v>
      </c>
      <c r="NT29" s="345">
        <v>0</v>
      </c>
      <c r="NU29" s="345">
        <v>0</v>
      </c>
      <c r="NV29" s="349">
        <v>0</v>
      </c>
      <c r="NW29" s="350">
        <v>0</v>
      </c>
      <c r="NX29" s="348">
        <v>0</v>
      </c>
      <c r="NY29" s="345">
        <v>0</v>
      </c>
      <c r="NZ29" s="349">
        <v>0</v>
      </c>
      <c r="OA29" s="404">
        <v>0</v>
      </c>
      <c r="OB29" s="345">
        <v>0</v>
      </c>
      <c r="OC29" s="345">
        <v>0</v>
      </c>
      <c r="OD29" s="345">
        <v>0</v>
      </c>
      <c r="OE29" s="345">
        <v>0</v>
      </c>
      <c r="OF29" s="345">
        <v>0</v>
      </c>
      <c r="OG29" s="349">
        <v>0</v>
      </c>
      <c r="OH29" s="350">
        <v>0</v>
      </c>
      <c r="OI29" s="348">
        <v>396833</v>
      </c>
      <c r="OJ29" s="345">
        <v>448960</v>
      </c>
      <c r="OK29" s="346">
        <v>845793</v>
      </c>
      <c r="OL29" s="351">
        <v>0</v>
      </c>
      <c r="OM29" s="345">
        <v>2602003</v>
      </c>
      <c r="ON29" s="345">
        <v>2643455</v>
      </c>
      <c r="OO29" s="345">
        <v>1632632</v>
      </c>
      <c r="OP29" s="345">
        <v>2313036</v>
      </c>
      <c r="OQ29" s="345">
        <v>3463874</v>
      </c>
      <c r="OR29" s="349">
        <v>12655000</v>
      </c>
      <c r="OS29" s="354">
        <v>13500793</v>
      </c>
    </row>
    <row r="30" spans="2:409" s="70" customFormat="1" ht="21" customHeight="1" x14ac:dyDescent="0.2">
      <c r="B30" s="106" t="s">
        <v>25</v>
      </c>
      <c r="C30" s="326">
        <v>89570</v>
      </c>
      <c r="D30" s="327">
        <v>151763</v>
      </c>
      <c r="E30" s="328">
        <v>241333</v>
      </c>
      <c r="F30" s="329">
        <v>0</v>
      </c>
      <c r="G30" s="327">
        <v>658695</v>
      </c>
      <c r="H30" s="327">
        <v>1467243</v>
      </c>
      <c r="I30" s="327">
        <v>355791</v>
      </c>
      <c r="J30" s="327">
        <v>207257</v>
      </c>
      <c r="K30" s="327">
        <v>694843</v>
      </c>
      <c r="L30" s="367">
        <v>3383829</v>
      </c>
      <c r="M30" s="330">
        <v>3625162</v>
      </c>
      <c r="N30" s="326">
        <v>85034</v>
      </c>
      <c r="O30" s="327">
        <v>100957</v>
      </c>
      <c r="P30" s="328">
        <v>185991</v>
      </c>
      <c r="Q30" s="326">
        <v>0</v>
      </c>
      <c r="R30" s="327">
        <v>181812</v>
      </c>
      <c r="S30" s="327">
        <v>363122</v>
      </c>
      <c r="T30" s="327">
        <v>172696</v>
      </c>
      <c r="U30" s="327">
        <v>64989</v>
      </c>
      <c r="V30" s="327">
        <v>610122</v>
      </c>
      <c r="W30" s="328">
        <v>1392741</v>
      </c>
      <c r="X30" s="330">
        <v>1578732</v>
      </c>
      <c r="Y30" s="326">
        <v>0</v>
      </c>
      <c r="Z30" s="327">
        <v>0</v>
      </c>
      <c r="AA30" s="328">
        <v>0</v>
      </c>
      <c r="AB30" s="326">
        <v>0</v>
      </c>
      <c r="AC30" s="327">
        <v>127928</v>
      </c>
      <c r="AD30" s="327">
        <v>266192</v>
      </c>
      <c r="AE30" s="327">
        <v>140967</v>
      </c>
      <c r="AF30" s="327">
        <v>0</v>
      </c>
      <c r="AG30" s="327">
        <v>188509</v>
      </c>
      <c r="AH30" s="328">
        <v>723596</v>
      </c>
      <c r="AI30" s="330">
        <v>723596</v>
      </c>
      <c r="AJ30" s="326">
        <v>0</v>
      </c>
      <c r="AK30" s="327">
        <v>0</v>
      </c>
      <c r="AL30" s="328">
        <v>0</v>
      </c>
      <c r="AM30" s="326">
        <v>0</v>
      </c>
      <c r="AN30" s="327">
        <v>0</v>
      </c>
      <c r="AO30" s="327">
        <v>0</v>
      </c>
      <c r="AP30" s="327">
        <v>0</v>
      </c>
      <c r="AQ30" s="327">
        <v>0</v>
      </c>
      <c r="AR30" s="327">
        <v>202131</v>
      </c>
      <c r="AS30" s="328">
        <v>202131</v>
      </c>
      <c r="AT30" s="330">
        <v>202131</v>
      </c>
      <c r="AU30" s="326">
        <v>78881</v>
      </c>
      <c r="AV30" s="327">
        <v>95511</v>
      </c>
      <c r="AW30" s="328">
        <v>174392</v>
      </c>
      <c r="AX30" s="326">
        <v>0</v>
      </c>
      <c r="AY30" s="327">
        <v>35740</v>
      </c>
      <c r="AZ30" s="327">
        <v>84652</v>
      </c>
      <c r="BA30" s="327">
        <v>24547</v>
      </c>
      <c r="BB30" s="327">
        <v>64989</v>
      </c>
      <c r="BC30" s="327">
        <v>174409</v>
      </c>
      <c r="BD30" s="328">
        <v>384337</v>
      </c>
      <c r="BE30" s="330">
        <v>558729</v>
      </c>
      <c r="BF30" s="326">
        <v>0</v>
      </c>
      <c r="BG30" s="327">
        <v>0</v>
      </c>
      <c r="BH30" s="331">
        <v>0</v>
      </c>
      <c r="BI30" s="332">
        <v>0</v>
      </c>
      <c r="BJ30" s="327">
        <v>0</v>
      </c>
      <c r="BK30" s="327">
        <v>0</v>
      </c>
      <c r="BL30" s="327">
        <v>0</v>
      </c>
      <c r="BM30" s="327">
        <v>0</v>
      </c>
      <c r="BN30" s="327">
        <v>0</v>
      </c>
      <c r="BO30" s="328">
        <v>0</v>
      </c>
      <c r="BP30" s="330">
        <v>0</v>
      </c>
      <c r="BQ30" s="326">
        <v>6153</v>
      </c>
      <c r="BR30" s="327">
        <v>5446</v>
      </c>
      <c r="BS30" s="328">
        <v>11599</v>
      </c>
      <c r="BT30" s="326">
        <v>0</v>
      </c>
      <c r="BU30" s="327">
        <v>18144</v>
      </c>
      <c r="BV30" s="327">
        <v>12278</v>
      </c>
      <c r="BW30" s="327">
        <v>7182</v>
      </c>
      <c r="BX30" s="327">
        <v>0</v>
      </c>
      <c r="BY30" s="327">
        <v>45073</v>
      </c>
      <c r="BZ30" s="328">
        <v>82677</v>
      </c>
      <c r="CA30" s="330">
        <v>94276</v>
      </c>
      <c r="CB30" s="326">
        <v>0</v>
      </c>
      <c r="CC30" s="327">
        <v>0</v>
      </c>
      <c r="CD30" s="328">
        <v>0</v>
      </c>
      <c r="CE30" s="326">
        <v>0</v>
      </c>
      <c r="CF30" s="327">
        <v>154119</v>
      </c>
      <c r="CG30" s="327">
        <v>628777</v>
      </c>
      <c r="CH30" s="327">
        <v>106767</v>
      </c>
      <c r="CI30" s="327">
        <v>112182</v>
      </c>
      <c r="CJ30" s="327">
        <v>0</v>
      </c>
      <c r="CK30" s="328">
        <v>1001845</v>
      </c>
      <c r="CL30" s="330">
        <v>1001845</v>
      </c>
      <c r="CM30" s="326">
        <v>0</v>
      </c>
      <c r="CN30" s="327">
        <v>0</v>
      </c>
      <c r="CO30" s="328">
        <v>0</v>
      </c>
      <c r="CP30" s="332">
        <v>0</v>
      </c>
      <c r="CQ30" s="327">
        <v>37267</v>
      </c>
      <c r="CR30" s="327">
        <v>285173</v>
      </c>
      <c r="CS30" s="327">
        <v>31987</v>
      </c>
      <c r="CT30" s="327">
        <v>112182</v>
      </c>
      <c r="CU30" s="327">
        <v>0</v>
      </c>
      <c r="CV30" s="328">
        <v>466609</v>
      </c>
      <c r="CW30" s="330">
        <v>466609</v>
      </c>
      <c r="CX30" s="326">
        <v>0</v>
      </c>
      <c r="CY30" s="327">
        <v>0</v>
      </c>
      <c r="CZ30" s="328">
        <v>0</v>
      </c>
      <c r="DA30" s="326">
        <v>0</v>
      </c>
      <c r="DB30" s="327">
        <v>116852</v>
      </c>
      <c r="DC30" s="327">
        <v>343604</v>
      </c>
      <c r="DD30" s="327">
        <v>74780</v>
      </c>
      <c r="DE30" s="327">
        <v>0</v>
      </c>
      <c r="DF30" s="327">
        <v>0</v>
      </c>
      <c r="DG30" s="328">
        <v>535236</v>
      </c>
      <c r="DH30" s="330">
        <v>535236</v>
      </c>
      <c r="DI30" s="326">
        <v>0</v>
      </c>
      <c r="DJ30" s="327">
        <v>0</v>
      </c>
      <c r="DK30" s="331">
        <v>0</v>
      </c>
      <c r="DL30" s="332">
        <v>0</v>
      </c>
      <c r="DM30" s="327">
        <v>138039</v>
      </c>
      <c r="DN30" s="327">
        <v>0</v>
      </c>
      <c r="DO30" s="327">
        <v>0</v>
      </c>
      <c r="DP30" s="327">
        <v>0</v>
      </c>
      <c r="DQ30" s="327">
        <v>0</v>
      </c>
      <c r="DR30" s="328">
        <v>138039</v>
      </c>
      <c r="DS30" s="330">
        <v>138039</v>
      </c>
      <c r="DT30" s="326">
        <v>0</v>
      </c>
      <c r="DU30" s="327">
        <v>0</v>
      </c>
      <c r="DV30" s="328">
        <v>0</v>
      </c>
      <c r="DW30" s="326">
        <v>0</v>
      </c>
      <c r="DX30" s="327">
        <v>138039</v>
      </c>
      <c r="DY30" s="327">
        <v>0</v>
      </c>
      <c r="DZ30" s="327">
        <v>0</v>
      </c>
      <c r="EA30" s="327">
        <v>0</v>
      </c>
      <c r="EB30" s="327">
        <v>0</v>
      </c>
      <c r="EC30" s="328">
        <v>138039</v>
      </c>
      <c r="ED30" s="330">
        <v>138039</v>
      </c>
      <c r="EE30" s="326">
        <v>0</v>
      </c>
      <c r="EF30" s="331">
        <v>0</v>
      </c>
      <c r="EG30" s="328">
        <v>0</v>
      </c>
      <c r="EH30" s="326">
        <v>0</v>
      </c>
      <c r="EI30" s="327">
        <v>0</v>
      </c>
      <c r="EJ30" s="327">
        <v>0</v>
      </c>
      <c r="EK30" s="327">
        <v>0</v>
      </c>
      <c r="EL30" s="327">
        <v>0</v>
      </c>
      <c r="EM30" s="327">
        <v>0</v>
      </c>
      <c r="EN30" s="331">
        <v>0</v>
      </c>
      <c r="EO30" s="330">
        <v>0</v>
      </c>
      <c r="EP30" s="326">
        <v>0</v>
      </c>
      <c r="EQ30" s="327">
        <v>0</v>
      </c>
      <c r="ER30" s="331">
        <v>0</v>
      </c>
      <c r="ES30" s="332">
        <v>0</v>
      </c>
      <c r="ET30" s="327">
        <v>0</v>
      </c>
      <c r="EU30" s="327">
        <v>0</v>
      </c>
      <c r="EV30" s="327">
        <v>0</v>
      </c>
      <c r="EW30" s="327">
        <v>0</v>
      </c>
      <c r="EX30" s="327">
        <v>0</v>
      </c>
      <c r="EY30" s="328">
        <v>0</v>
      </c>
      <c r="EZ30" s="330">
        <v>0</v>
      </c>
      <c r="FA30" s="326">
        <v>0</v>
      </c>
      <c r="FB30" s="327">
        <v>0</v>
      </c>
      <c r="FC30" s="331">
        <v>0</v>
      </c>
      <c r="FD30" s="404">
        <v>0</v>
      </c>
      <c r="FE30" s="327">
        <v>0</v>
      </c>
      <c r="FF30" s="327">
        <v>0</v>
      </c>
      <c r="FG30" s="327">
        <v>0</v>
      </c>
      <c r="FH30" s="327">
        <v>0</v>
      </c>
      <c r="FI30" s="327">
        <v>0</v>
      </c>
      <c r="FJ30" s="328">
        <v>0</v>
      </c>
      <c r="FK30" s="330">
        <v>0</v>
      </c>
      <c r="FL30" s="326">
        <v>4536</v>
      </c>
      <c r="FM30" s="327">
        <v>50806</v>
      </c>
      <c r="FN30" s="328">
        <v>55342</v>
      </c>
      <c r="FO30" s="326">
        <v>0</v>
      </c>
      <c r="FP30" s="327">
        <v>32935</v>
      </c>
      <c r="FQ30" s="327">
        <v>143556</v>
      </c>
      <c r="FR30" s="327">
        <v>76328</v>
      </c>
      <c r="FS30" s="327">
        <v>30086</v>
      </c>
      <c r="FT30" s="327">
        <v>84721</v>
      </c>
      <c r="FU30" s="328">
        <v>367626</v>
      </c>
      <c r="FV30" s="330">
        <v>422968</v>
      </c>
      <c r="FW30" s="333">
        <v>4536</v>
      </c>
      <c r="FX30" s="327">
        <v>50806</v>
      </c>
      <c r="FY30" s="331">
        <v>55342</v>
      </c>
      <c r="FZ30" s="332">
        <v>0</v>
      </c>
      <c r="GA30" s="327">
        <v>32935</v>
      </c>
      <c r="GB30" s="327">
        <v>128856</v>
      </c>
      <c r="GC30" s="327">
        <v>76328</v>
      </c>
      <c r="GD30" s="327">
        <v>30086</v>
      </c>
      <c r="GE30" s="327">
        <v>84721</v>
      </c>
      <c r="GF30" s="328">
        <v>352926</v>
      </c>
      <c r="GG30" s="334">
        <v>408268</v>
      </c>
      <c r="GH30" s="333">
        <v>0</v>
      </c>
      <c r="GI30" s="327">
        <v>0</v>
      </c>
      <c r="GJ30" s="331">
        <v>0</v>
      </c>
      <c r="GK30" s="332">
        <v>0</v>
      </c>
      <c r="GL30" s="327">
        <v>0</v>
      </c>
      <c r="GM30" s="327">
        <v>14700</v>
      </c>
      <c r="GN30" s="327">
        <v>0</v>
      </c>
      <c r="GO30" s="327">
        <v>0</v>
      </c>
      <c r="GP30" s="327">
        <v>0</v>
      </c>
      <c r="GQ30" s="328">
        <v>14700</v>
      </c>
      <c r="GR30" s="330">
        <v>14700</v>
      </c>
      <c r="GS30" s="326">
        <v>0</v>
      </c>
      <c r="GT30" s="327">
        <v>0</v>
      </c>
      <c r="GU30" s="328">
        <v>0</v>
      </c>
      <c r="GV30" s="326">
        <v>0</v>
      </c>
      <c r="GW30" s="327">
        <v>0</v>
      </c>
      <c r="GX30" s="327">
        <v>0</v>
      </c>
      <c r="GY30" s="327">
        <v>0</v>
      </c>
      <c r="GZ30" s="327">
        <v>0</v>
      </c>
      <c r="HA30" s="327">
        <v>0</v>
      </c>
      <c r="HB30" s="331">
        <v>0</v>
      </c>
      <c r="HC30" s="330">
        <v>0</v>
      </c>
      <c r="HD30" s="326">
        <v>0</v>
      </c>
      <c r="HE30" s="327">
        <v>0</v>
      </c>
      <c r="HF30" s="331">
        <v>0</v>
      </c>
      <c r="HG30" s="332">
        <v>0</v>
      </c>
      <c r="HH30" s="327">
        <v>151790</v>
      </c>
      <c r="HI30" s="327">
        <v>331788</v>
      </c>
      <c r="HJ30" s="327">
        <v>0</v>
      </c>
      <c r="HK30" s="327">
        <v>0</v>
      </c>
      <c r="HL30" s="327">
        <v>0</v>
      </c>
      <c r="HM30" s="328">
        <v>483578</v>
      </c>
      <c r="HN30" s="329">
        <v>483578</v>
      </c>
      <c r="HO30" s="333">
        <v>0</v>
      </c>
      <c r="HP30" s="327">
        <v>0</v>
      </c>
      <c r="HQ30" s="328">
        <v>0</v>
      </c>
      <c r="HR30" s="326">
        <v>0</v>
      </c>
      <c r="HS30" s="327">
        <v>0</v>
      </c>
      <c r="HT30" s="327">
        <v>0</v>
      </c>
      <c r="HU30" s="327">
        <v>0</v>
      </c>
      <c r="HV30" s="327">
        <v>0</v>
      </c>
      <c r="HW30" s="327">
        <v>0</v>
      </c>
      <c r="HX30" s="331">
        <v>0</v>
      </c>
      <c r="HY30" s="330">
        <v>0</v>
      </c>
      <c r="HZ30" s="358">
        <v>0</v>
      </c>
      <c r="IA30" s="356">
        <v>0</v>
      </c>
      <c r="IB30" s="358">
        <v>0</v>
      </c>
      <c r="IC30" s="355">
        <v>0</v>
      </c>
      <c r="ID30" s="356">
        <v>217193</v>
      </c>
      <c r="IE30" s="357">
        <v>30737</v>
      </c>
      <c r="IF30" s="358">
        <v>0</v>
      </c>
      <c r="IG30" s="356">
        <v>22054</v>
      </c>
      <c r="IH30" s="358">
        <v>0</v>
      </c>
      <c r="II30" s="359">
        <v>269984</v>
      </c>
      <c r="IJ30" s="358">
        <v>269984</v>
      </c>
      <c r="IK30" s="342">
        <v>0</v>
      </c>
      <c r="IL30" s="343">
        <v>0</v>
      </c>
      <c r="IM30" s="344">
        <v>0</v>
      </c>
      <c r="IN30" s="404">
        <v>0</v>
      </c>
      <c r="IO30" s="345">
        <v>0</v>
      </c>
      <c r="IP30" s="345">
        <v>0</v>
      </c>
      <c r="IQ30" s="345">
        <v>0</v>
      </c>
      <c r="IR30" s="345">
        <v>0</v>
      </c>
      <c r="IS30" s="345">
        <v>0</v>
      </c>
      <c r="IT30" s="346">
        <v>0</v>
      </c>
      <c r="IU30" s="347">
        <v>0</v>
      </c>
      <c r="IV30" s="348">
        <v>0</v>
      </c>
      <c r="IW30" s="345">
        <v>0</v>
      </c>
      <c r="IX30" s="349">
        <v>0</v>
      </c>
      <c r="IY30" s="404">
        <v>0</v>
      </c>
      <c r="IZ30" s="345">
        <v>0</v>
      </c>
      <c r="JA30" s="345">
        <v>0</v>
      </c>
      <c r="JB30" s="345">
        <v>0</v>
      </c>
      <c r="JC30" s="345">
        <v>0</v>
      </c>
      <c r="JD30" s="345">
        <v>0</v>
      </c>
      <c r="JE30" s="349">
        <v>0</v>
      </c>
      <c r="JF30" s="350">
        <v>0</v>
      </c>
      <c r="JG30" s="348">
        <v>0</v>
      </c>
      <c r="JH30" s="345">
        <v>0</v>
      </c>
      <c r="JI30" s="346">
        <v>0</v>
      </c>
      <c r="JJ30" s="351">
        <v>0</v>
      </c>
      <c r="JK30" s="345">
        <v>112809</v>
      </c>
      <c r="JL30" s="345">
        <v>30737</v>
      </c>
      <c r="JM30" s="345">
        <v>0</v>
      </c>
      <c r="JN30" s="345">
        <v>22054</v>
      </c>
      <c r="JO30" s="345">
        <v>0</v>
      </c>
      <c r="JP30" s="349">
        <v>165600</v>
      </c>
      <c r="JQ30" s="347">
        <v>165600</v>
      </c>
      <c r="JR30" s="348">
        <v>0</v>
      </c>
      <c r="JS30" s="345">
        <v>0</v>
      </c>
      <c r="JT30" s="346">
        <v>0</v>
      </c>
      <c r="JU30" s="351">
        <v>0</v>
      </c>
      <c r="JV30" s="345">
        <v>0</v>
      </c>
      <c r="JW30" s="345">
        <v>0</v>
      </c>
      <c r="JX30" s="345">
        <v>0</v>
      </c>
      <c r="JY30" s="345">
        <v>0</v>
      </c>
      <c r="JZ30" s="345">
        <v>0</v>
      </c>
      <c r="KA30" s="349">
        <v>0</v>
      </c>
      <c r="KB30" s="347">
        <v>0</v>
      </c>
      <c r="KC30" s="352">
        <v>0</v>
      </c>
      <c r="KD30" s="353">
        <v>0</v>
      </c>
      <c r="KE30" s="349">
        <v>0</v>
      </c>
      <c r="KF30" s="351">
        <v>0</v>
      </c>
      <c r="KG30" s="345">
        <v>0</v>
      </c>
      <c r="KH30" s="345">
        <v>0</v>
      </c>
      <c r="KI30" s="345">
        <v>0</v>
      </c>
      <c r="KJ30" s="345">
        <v>0</v>
      </c>
      <c r="KK30" s="345">
        <v>0</v>
      </c>
      <c r="KL30" s="349">
        <v>0</v>
      </c>
      <c r="KM30" s="354">
        <v>0</v>
      </c>
      <c r="KN30" s="342">
        <v>0</v>
      </c>
      <c r="KO30" s="343">
        <v>0</v>
      </c>
      <c r="KP30" s="344">
        <v>0</v>
      </c>
      <c r="KQ30" s="404">
        <v>0</v>
      </c>
      <c r="KR30" s="345">
        <v>104384</v>
      </c>
      <c r="KS30" s="345">
        <v>0</v>
      </c>
      <c r="KT30" s="345">
        <v>0</v>
      </c>
      <c r="KU30" s="345">
        <v>0</v>
      </c>
      <c r="KV30" s="345">
        <v>0</v>
      </c>
      <c r="KW30" s="349">
        <v>104384</v>
      </c>
      <c r="KX30" s="347">
        <v>104384</v>
      </c>
      <c r="KY30" s="348">
        <v>0</v>
      </c>
      <c r="KZ30" s="345">
        <v>0</v>
      </c>
      <c r="LA30" s="349">
        <v>0</v>
      </c>
      <c r="LB30" s="404">
        <v>0</v>
      </c>
      <c r="LC30" s="345">
        <v>0</v>
      </c>
      <c r="LD30" s="345">
        <v>0</v>
      </c>
      <c r="LE30" s="345">
        <v>0</v>
      </c>
      <c r="LF30" s="345">
        <v>0</v>
      </c>
      <c r="LG30" s="345">
        <v>0</v>
      </c>
      <c r="LH30" s="349">
        <v>0</v>
      </c>
      <c r="LI30" s="350">
        <v>0</v>
      </c>
      <c r="LJ30" s="348">
        <v>0</v>
      </c>
      <c r="LK30" s="345">
        <v>0</v>
      </c>
      <c r="LL30" s="349">
        <v>0</v>
      </c>
      <c r="LM30" s="404">
        <v>0</v>
      </c>
      <c r="LN30" s="345">
        <v>0</v>
      </c>
      <c r="LO30" s="345">
        <v>0</v>
      </c>
      <c r="LP30" s="345">
        <v>0</v>
      </c>
      <c r="LQ30" s="345">
        <v>0</v>
      </c>
      <c r="LR30" s="345">
        <v>0</v>
      </c>
      <c r="LS30" s="349">
        <v>0</v>
      </c>
      <c r="LT30" s="347">
        <v>0</v>
      </c>
      <c r="LU30" s="348">
        <v>0</v>
      </c>
      <c r="LV30" s="345">
        <v>0</v>
      </c>
      <c r="LW30" s="349">
        <v>0</v>
      </c>
      <c r="LX30" s="404">
        <v>0</v>
      </c>
      <c r="LY30" s="345">
        <v>0</v>
      </c>
      <c r="LZ30" s="345">
        <v>0</v>
      </c>
      <c r="MA30" s="345">
        <v>0</v>
      </c>
      <c r="MB30" s="345">
        <v>0</v>
      </c>
      <c r="MC30" s="345">
        <v>0</v>
      </c>
      <c r="MD30" s="349">
        <v>0</v>
      </c>
      <c r="ME30" s="350">
        <v>0</v>
      </c>
      <c r="MF30" s="348">
        <v>0</v>
      </c>
      <c r="MG30" s="345">
        <v>0</v>
      </c>
      <c r="MH30" s="349">
        <v>0</v>
      </c>
      <c r="MI30" s="404">
        <v>0</v>
      </c>
      <c r="MJ30" s="345">
        <v>240641</v>
      </c>
      <c r="MK30" s="345">
        <v>505309</v>
      </c>
      <c r="ML30" s="345">
        <v>208425</v>
      </c>
      <c r="MM30" s="345">
        <v>1456470</v>
      </c>
      <c r="MN30" s="345">
        <v>578667</v>
      </c>
      <c r="MO30" s="349">
        <v>2989512</v>
      </c>
      <c r="MP30" s="354">
        <v>2989512</v>
      </c>
      <c r="MQ30" s="348">
        <v>0</v>
      </c>
      <c r="MR30" s="345">
        <v>0</v>
      </c>
      <c r="MS30" s="349">
        <v>0</v>
      </c>
      <c r="MT30" s="404">
        <v>0</v>
      </c>
      <c r="MU30" s="345">
        <v>0</v>
      </c>
      <c r="MV30" s="345">
        <v>0</v>
      </c>
      <c r="MW30" s="345">
        <v>208425</v>
      </c>
      <c r="MX30" s="345">
        <v>689363</v>
      </c>
      <c r="MY30" s="345">
        <v>0</v>
      </c>
      <c r="MZ30" s="349">
        <v>897788</v>
      </c>
      <c r="NA30" s="354">
        <v>897788</v>
      </c>
      <c r="NB30" s="348">
        <v>0</v>
      </c>
      <c r="NC30" s="345">
        <v>0</v>
      </c>
      <c r="ND30" s="349">
        <v>0</v>
      </c>
      <c r="NE30" s="404">
        <v>0</v>
      </c>
      <c r="NF30" s="345">
        <v>240641</v>
      </c>
      <c r="NG30" s="345">
        <v>505309</v>
      </c>
      <c r="NH30" s="345">
        <v>0</v>
      </c>
      <c r="NI30" s="345">
        <v>767107</v>
      </c>
      <c r="NJ30" s="345">
        <v>578667</v>
      </c>
      <c r="NK30" s="349">
        <v>2091724</v>
      </c>
      <c r="NL30" s="347">
        <v>2091724</v>
      </c>
      <c r="NM30" s="348">
        <v>0</v>
      </c>
      <c r="NN30" s="345">
        <v>0</v>
      </c>
      <c r="NO30" s="349">
        <v>0</v>
      </c>
      <c r="NP30" s="404">
        <v>0</v>
      </c>
      <c r="NQ30" s="345">
        <v>0</v>
      </c>
      <c r="NR30" s="345">
        <v>0</v>
      </c>
      <c r="NS30" s="345">
        <v>0</v>
      </c>
      <c r="NT30" s="345">
        <v>0</v>
      </c>
      <c r="NU30" s="345">
        <v>0</v>
      </c>
      <c r="NV30" s="349">
        <v>0</v>
      </c>
      <c r="NW30" s="350">
        <v>0</v>
      </c>
      <c r="NX30" s="348">
        <v>0</v>
      </c>
      <c r="NY30" s="345">
        <v>0</v>
      </c>
      <c r="NZ30" s="349">
        <v>0</v>
      </c>
      <c r="OA30" s="404">
        <v>0</v>
      </c>
      <c r="OB30" s="345">
        <v>0</v>
      </c>
      <c r="OC30" s="345">
        <v>0</v>
      </c>
      <c r="OD30" s="345">
        <v>0</v>
      </c>
      <c r="OE30" s="345">
        <v>0</v>
      </c>
      <c r="OF30" s="345">
        <v>0</v>
      </c>
      <c r="OG30" s="349">
        <v>0</v>
      </c>
      <c r="OH30" s="350">
        <v>0</v>
      </c>
      <c r="OI30" s="348">
        <v>89570</v>
      </c>
      <c r="OJ30" s="345">
        <v>151763</v>
      </c>
      <c r="OK30" s="346">
        <v>241333</v>
      </c>
      <c r="OL30" s="351">
        <v>0</v>
      </c>
      <c r="OM30" s="345">
        <v>1116529</v>
      </c>
      <c r="ON30" s="345">
        <v>2003289</v>
      </c>
      <c r="OO30" s="345">
        <v>564216</v>
      </c>
      <c r="OP30" s="345">
        <v>1685781</v>
      </c>
      <c r="OQ30" s="345">
        <v>1273510</v>
      </c>
      <c r="OR30" s="349">
        <v>6643325</v>
      </c>
      <c r="OS30" s="354">
        <v>6884658</v>
      </c>
    </row>
    <row r="31" spans="2:409" s="70" customFormat="1" ht="21" customHeight="1" x14ac:dyDescent="0.2">
      <c r="B31" s="106" t="s">
        <v>26</v>
      </c>
      <c r="C31" s="326">
        <v>41276</v>
      </c>
      <c r="D31" s="327">
        <v>161111</v>
      </c>
      <c r="E31" s="328">
        <v>202387</v>
      </c>
      <c r="F31" s="329">
        <v>0</v>
      </c>
      <c r="G31" s="327">
        <v>1563103</v>
      </c>
      <c r="H31" s="327">
        <v>1649005</v>
      </c>
      <c r="I31" s="327">
        <v>1435637</v>
      </c>
      <c r="J31" s="327">
        <v>1659414</v>
      </c>
      <c r="K31" s="327">
        <v>1406380</v>
      </c>
      <c r="L31" s="367">
        <v>7713539</v>
      </c>
      <c r="M31" s="330">
        <v>7915926</v>
      </c>
      <c r="N31" s="326">
        <v>37776</v>
      </c>
      <c r="O31" s="327">
        <v>16537</v>
      </c>
      <c r="P31" s="328">
        <v>54313</v>
      </c>
      <c r="Q31" s="326">
        <v>0</v>
      </c>
      <c r="R31" s="327">
        <v>386964</v>
      </c>
      <c r="S31" s="327">
        <v>478335</v>
      </c>
      <c r="T31" s="327">
        <v>418582</v>
      </c>
      <c r="U31" s="327">
        <v>181970</v>
      </c>
      <c r="V31" s="327">
        <v>714130</v>
      </c>
      <c r="W31" s="328">
        <v>2179981</v>
      </c>
      <c r="X31" s="330">
        <v>2234294</v>
      </c>
      <c r="Y31" s="326">
        <v>0</v>
      </c>
      <c r="Z31" s="327">
        <v>0</v>
      </c>
      <c r="AA31" s="328">
        <v>0</v>
      </c>
      <c r="AB31" s="326">
        <v>0</v>
      </c>
      <c r="AC31" s="327">
        <v>56016</v>
      </c>
      <c r="AD31" s="327">
        <v>223174</v>
      </c>
      <c r="AE31" s="327">
        <v>118326</v>
      </c>
      <c r="AF31" s="327">
        <v>119292</v>
      </c>
      <c r="AG31" s="327">
        <v>563136</v>
      </c>
      <c r="AH31" s="328">
        <v>1079944</v>
      </c>
      <c r="AI31" s="330">
        <v>1079944</v>
      </c>
      <c r="AJ31" s="326">
        <v>0</v>
      </c>
      <c r="AK31" s="327">
        <v>0</v>
      </c>
      <c r="AL31" s="328">
        <v>0</v>
      </c>
      <c r="AM31" s="326">
        <v>0</v>
      </c>
      <c r="AN31" s="327">
        <v>0</v>
      </c>
      <c r="AO31" s="327">
        <v>0</v>
      </c>
      <c r="AP31" s="327">
        <v>0</v>
      </c>
      <c r="AQ31" s="327">
        <v>0</v>
      </c>
      <c r="AR31" s="327">
        <v>0</v>
      </c>
      <c r="AS31" s="328">
        <v>0</v>
      </c>
      <c r="AT31" s="330">
        <v>0</v>
      </c>
      <c r="AU31" s="326">
        <v>33590</v>
      </c>
      <c r="AV31" s="327">
        <v>16537</v>
      </c>
      <c r="AW31" s="328">
        <v>50127</v>
      </c>
      <c r="AX31" s="326">
        <v>0</v>
      </c>
      <c r="AY31" s="327">
        <v>173384</v>
      </c>
      <c r="AZ31" s="327">
        <v>208247</v>
      </c>
      <c r="BA31" s="327">
        <v>164400</v>
      </c>
      <c r="BB31" s="327">
        <v>0</v>
      </c>
      <c r="BC31" s="327">
        <v>83255</v>
      </c>
      <c r="BD31" s="328">
        <v>629286</v>
      </c>
      <c r="BE31" s="330">
        <v>679413</v>
      </c>
      <c r="BF31" s="326">
        <v>0</v>
      </c>
      <c r="BG31" s="327">
        <v>0</v>
      </c>
      <c r="BH31" s="331">
        <v>0</v>
      </c>
      <c r="BI31" s="332">
        <v>0</v>
      </c>
      <c r="BJ31" s="327">
        <v>27826</v>
      </c>
      <c r="BK31" s="327">
        <v>0</v>
      </c>
      <c r="BL31" s="327">
        <v>0</v>
      </c>
      <c r="BM31" s="327">
        <v>0</v>
      </c>
      <c r="BN31" s="327">
        <v>0</v>
      </c>
      <c r="BO31" s="328">
        <v>27826</v>
      </c>
      <c r="BP31" s="330">
        <v>27826</v>
      </c>
      <c r="BQ31" s="326">
        <v>4186</v>
      </c>
      <c r="BR31" s="327">
        <v>0</v>
      </c>
      <c r="BS31" s="328">
        <v>4186</v>
      </c>
      <c r="BT31" s="326">
        <v>0</v>
      </c>
      <c r="BU31" s="327">
        <v>129738</v>
      </c>
      <c r="BV31" s="327">
        <v>46914</v>
      </c>
      <c r="BW31" s="327">
        <v>135856</v>
      </c>
      <c r="BX31" s="327">
        <v>62678</v>
      </c>
      <c r="BY31" s="327">
        <v>67739</v>
      </c>
      <c r="BZ31" s="328">
        <v>442925</v>
      </c>
      <c r="CA31" s="330">
        <v>447111</v>
      </c>
      <c r="CB31" s="326">
        <v>0</v>
      </c>
      <c r="CC31" s="327">
        <v>33431</v>
      </c>
      <c r="CD31" s="328">
        <v>33431</v>
      </c>
      <c r="CE31" s="326">
        <v>0</v>
      </c>
      <c r="CF31" s="327">
        <v>246303</v>
      </c>
      <c r="CG31" s="327">
        <v>335344</v>
      </c>
      <c r="CH31" s="327">
        <v>220066</v>
      </c>
      <c r="CI31" s="327">
        <v>91934</v>
      </c>
      <c r="CJ31" s="327">
        <v>154714</v>
      </c>
      <c r="CK31" s="328">
        <v>1048361</v>
      </c>
      <c r="CL31" s="330">
        <v>1081792</v>
      </c>
      <c r="CM31" s="326">
        <v>0</v>
      </c>
      <c r="CN31" s="327">
        <v>0</v>
      </c>
      <c r="CO31" s="328">
        <v>0</v>
      </c>
      <c r="CP31" s="332">
        <v>0</v>
      </c>
      <c r="CQ31" s="327">
        <v>246303</v>
      </c>
      <c r="CR31" s="327">
        <v>196540</v>
      </c>
      <c r="CS31" s="327">
        <v>153035</v>
      </c>
      <c r="CT31" s="327">
        <v>91934</v>
      </c>
      <c r="CU31" s="327">
        <v>154714</v>
      </c>
      <c r="CV31" s="328">
        <v>842526</v>
      </c>
      <c r="CW31" s="330">
        <v>842526</v>
      </c>
      <c r="CX31" s="326">
        <v>0</v>
      </c>
      <c r="CY31" s="327">
        <v>33431</v>
      </c>
      <c r="CZ31" s="328">
        <v>33431</v>
      </c>
      <c r="DA31" s="326">
        <v>0</v>
      </c>
      <c r="DB31" s="327">
        <v>0</v>
      </c>
      <c r="DC31" s="327">
        <v>138804</v>
      </c>
      <c r="DD31" s="327">
        <v>67031</v>
      </c>
      <c r="DE31" s="327">
        <v>0</v>
      </c>
      <c r="DF31" s="327">
        <v>0</v>
      </c>
      <c r="DG31" s="328">
        <v>205835</v>
      </c>
      <c r="DH31" s="330">
        <v>239266</v>
      </c>
      <c r="DI31" s="326">
        <v>0</v>
      </c>
      <c r="DJ31" s="327">
        <v>0</v>
      </c>
      <c r="DK31" s="331">
        <v>0</v>
      </c>
      <c r="DL31" s="332">
        <v>0</v>
      </c>
      <c r="DM31" s="327">
        <v>103721</v>
      </c>
      <c r="DN31" s="327">
        <v>331826</v>
      </c>
      <c r="DO31" s="327">
        <v>0</v>
      </c>
      <c r="DP31" s="327">
        <v>0</v>
      </c>
      <c r="DQ31" s="327">
        <v>20358</v>
      </c>
      <c r="DR31" s="328">
        <v>455905</v>
      </c>
      <c r="DS31" s="330">
        <v>455905</v>
      </c>
      <c r="DT31" s="326">
        <v>0</v>
      </c>
      <c r="DU31" s="327">
        <v>0</v>
      </c>
      <c r="DV31" s="328">
        <v>0</v>
      </c>
      <c r="DW31" s="326">
        <v>0</v>
      </c>
      <c r="DX31" s="327">
        <v>103721</v>
      </c>
      <c r="DY31" s="327">
        <v>331826</v>
      </c>
      <c r="DZ31" s="327">
        <v>0</v>
      </c>
      <c r="EA31" s="327">
        <v>0</v>
      </c>
      <c r="EB31" s="327">
        <v>0</v>
      </c>
      <c r="EC31" s="328">
        <v>435547</v>
      </c>
      <c r="ED31" s="330">
        <v>435547</v>
      </c>
      <c r="EE31" s="326">
        <v>0</v>
      </c>
      <c r="EF31" s="331">
        <v>0</v>
      </c>
      <c r="EG31" s="328">
        <v>0</v>
      </c>
      <c r="EH31" s="326">
        <v>0</v>
      </c>
      <c r="EI31" s="327">
        <v>0</v>
      </c>
      <c r="EJ31" s="327">
        <v>0</v>
      </c>
      <c r="EK31" s="327">
        <v>0</v>
      </c>
      <c r="EL31" s="327">
        <v>0</v>
      </c>
      <c r="EM31" s="327">
        <v>20358</v>
      </c>
      <c r="EN31" s="331">
        <v>20358</v>
      </c>
      <c r="EO31" s="330">
        <v>20358</v>
      </c>
      <c r="EP31" s="326">
        <v>0</v>
      </c>
      <c r="EQ31" s="327">
        <v>0</v>
      </c>
      <c r="ER31" s="331">
        <v>0</v>
      </c>
      <c r="ES31" s="332">
        <v>0</v>
      </c>
      <c r="ET31" s="327">
        <v>0</v>
      </c>
      <c r="EU31" s="327">
        <v>0</v>
      </c>
      <c r="EV31" s="327">
        <v>0</v>
      </c>
      <c r="EW31" s="327">
        <v>0</v>
      </c>
      <c r="EX31" s="327">
        <v>0</v>
      </c>
      <c r="EY31" s="328">
        <v>0</v>
      </c>
      <c r="EZ31" s="330">
        <v>0</v>
      </c>
      <c r="FA31" s="326">
        <v>0</v>
      </c>
      <c r="FB31" s="327">
        <v>0</v>
      </c>
      <c r="FC31" s="331">
        <v>0</v>
      </c>
      <c r="FD31" s="404">
        <v>0</v>
      </c>
      <c r="FE31" s="327">
        <v>0</v>
      </c>
      <c r="FF31" s="327">
        <v>0</v>
      </c>
      <c r="FG31" s="327">
        <v>0</v>
      </c>
      <c r="FH31" s="327">
        <v>0</v>
      </c>
      <c r="FI31" s="327">
        <v>0</v>
      </c>
      <c r="FJ31" s="328">
        <v>0</v>
      </c>
      <c r="FK31" s="330">
        <v>0</v>
      </c>
      <c r="FL31" s="326">
        <v>3500</v>
      </c>
      <c r="FM31" s="327">
        <v>24220</v>
      </c>
      <c r="FN31" s="328">
        <v>27720</v>
      </c>
      <c r="FO31" s="326">
        <v>0</v>
      </c>
      <c r="FP31" s="327">
        <v>75516</v>
      </c>
      <c r="FQ31" s="327">
        <v>183820</v>
      </c>
      <c r="FR31" s="327">
        <v>77042</v>
      </c>
      <c r="FS31" s="327">
        <v>14000</v>
      </c>
      <c r="FT31" s="327">
        <v>80710</v>
      </c>
      <c r="FU31" s="328">
        <v>431088</v>
      </c>
      <c r="FV31" s="330">
        <v>458808</v>
      </c>
      <c r="FW31" s="333">
        <v>3500</v>
      </c>
      <c r="FX31" s="327">
        <v>24220</v>
      </c>
      <c r="FY31" s="331">
        <v>27720</v>
      </c>
      <c r="FZ31" s="332">
        <v>0</v>
      </c>
      <c r="GA31" s="327">
        <v>58016</v>
      </c>
      <c r="GB31" s="327">
        <v>158718</v>
      </c>
      <c r="GC31" s="327">
        <v>77042</v>
      </c>
      <c r="GD31" s="327">
        <v>14000</v>
      </c>
      <c r="GE31" s="327">
        <v>80710</v>
      </c>
      <c r="GF31" s="328">
        <v>388486</v>
      </c>
      <c r="GG31" s="334">
        <v>416206</v>
      </c>
      <c r="GH31" s="333">
        <v>0</v>
      </c>
      <c r="GI31" s="327">
        <v>0</v>
      </c>
      <c r="GJ31" s="331">
        <v>0</v>
      </c>
      <c r="GK31" s="332">
        <v>0</v>
      </c>
      <c r="GL31" s="327">
        <v>0</v>
      </c>
      <c r="GM31" s="327">
        <v>0</v>
      </c>
      <c r="GN31" s="327">
        <v>0</v>
      </c>
      <c r="GO31" s="327">
        <v>0</v>
      </c>
      <c r="GP31" s="327">
        <v>0</v>
      </c>
      <c r="GQ31" s="328">
        <v>0</v>
      </c>
      <c r="GR31" s="330">
        <v>0</v>
      </c>
      <c r="GS31" s="326">
        <v>0</v>
      </c>
      <c r="GT31" s="327">
        <v>0</v>
      </c>
      <c r="GU31" s="328">
        <v>0</v>
      </c>
      <c r="GV31" s="326">
        <v>0</v>
      </c>
      <c r="GW31" s="327">
        <v>17500</v>
      </c>
      <c r="GX31" s="327">
        <v>25102</v>
      </c>
      <c r="GY31" s="327">
        <v>0</v>
      </c>
      <c r="GZ31" s="327">
        <v>0</v>
      </c>
      <c r="HA31" s="327">
        <v>0</v>
      </c>
      <c r="HB31" s="331">
        <v>42602</v>
      </c>
      <c r="HC31" s="330">
        <v>42602</v>
      </c>
      <c r="HD31" s="326">
        <v>0</v>
      </c>
      <c r="HE31" s="327">
        <v>86923</v>
      </c>
      <c r="HF31" s="331">
        <v>86923</v>
      </c>
      <c r="HG31" s="332">
        <v>0</v>
      </c>
      <c r="HH31" s="327">
        <v>750599</v>
      </c>
      <c r="HI31" s="327">
        <v>319680</v>
      </c>
      <c r="HJ31" s="327">
        <v>719947</v>
      </c>
      <c r="HK31" s="327">
        <v>1371510</v>
      </c>
      <c r="HL31" s="327">
        <v>436468</v>
      </c>
      <c r="HM31" s="328">
        <v>3598204</v>
      </c>
      <c r="HN31" s="329">
        <v>3685127</v>
      </c>
      <c r="HO31" s="333">
        <v>0</v>
      </c>
      <c r="HP31" s="327">
        <v>0</v>
      </c>
      <c r="HQ31" s="328">
        <v>0</v>
      </c>
      <c r="HR31" s="326">
        <v>0</v>
      </c>
      <c r="HS31" s="327">
        <v>0</v>
      </c>
      <c r="HT31" s="327">
        <v>0</v>
      </c>
      <c r="HU31" s="327">
        <v>0</v>
      </c>
      <c r="HV31" s="327">
        <v>0</v>
      </c>
      <c r="HW31" s="327">
        <v>0</v>
      </c>
      <c r="HX31" s="331">
        <v>0</v>
      </c>
      <c r="HY31" s="330">
        <v>0</v>
      </c>
      <c r="HZ31" s="335">
        <v>0</v>
      </c>
      <c r="IA31" s="336">
        <v>0</v>
      </c>
      <c r="IB31" s="337">
        <v>0</v>
      </c>
      <c r="IC31" s="338">
        <v>0</v>
      </c>
      <c r="ID31" s="336">
        <v>450433</v>
      </c>
      <c r="IE31" s="339">
        <v>54389</v>
      </c>
      <c r="IF31" s="337">
        <v>492473</v>
      </c>
      <c r="IG31" s="336">
        <v>0</v>
      </c>
      <c r="IH31" s="337">
        <v>0</v>
      </c>
      <c r="II31" s="340">
        <v>997295</v>
      </c>
      <c r="IJ31" s="341">
        <v>997295</v>
      </c>
      <c r="IK31" s="342">
        <v>0</v>
      </c>
      <c r="IL31" s="343">
        <v>0</v>
      </c>
      <c r="IM31" s="344">
        <v>0</v>
      </c>
      <c r="IN31" s="404">
        <v>0</v>
      </c>
      <c r="IO31" s="345">
        <v>0</v>
      </c>
      <c r="IP31" s="345">
        <v>0</v>
      </c>
      <c r="IQ31" s="345">
        <v>0</v>
      </c>
      <c r="IR31" s="345">
        <v>0</v>
      </c>
      <c r="IS31" s="345">
        <v>0</v>
      </c>
      <c r="IT31" s="346">
        <v>0</v>
      </c>
      <c r="IU31" s="347">
        <v>0</v>
      </c>
      <c r="IV31" s="348">
        <v>0</v>
      </c>
      <c r="IW31" s="345">
        <v>0</v>
      </c>
      <c r="IX31" s="349">
        <v>0</v>
      </c>
      <c r="IY31" s="404">
        <v>0</v>
      </c>
      <c r="IZ31" s="345">
        <v>0</v>
      </c>
      <c r="JA31" s="345">
        <v>0</v>
      </c>
      <c r="JB31" s="345">
        <v>0</v>
      </c>
      <c r="JC31" s="345">
        <v>0</v>
      </c>
      <c r="JD31" s="345">
        <v>0</v>
      </c>
      <c r="JE31" s="349">
        <v>0</v>
      </c>
      <c r="JF31" s="350">
        <v>0</v>
      </c>
      <c r="JG31" s="348">
        <v>0</v>
      </c>
      <c r="JH31" s="345">
        <v>0</v>
      </c>
      <c r="JI31" s="346">
        <v>0</v>
      </c>
      <c r="JJ31" s="351">
        <v>0</v>
      </c>
      <c r="JK31" s="345">
        <v>27433</v>
      </c>
      <c r="JL31" s="345">
        <v>54389</v>
      </c>
      <c r="JM31" s="345">
        <v>46260</v>
      </c>
      <c r="JN31" s="345">
        <v>0</v>
      </c>
      <c r="JO31" s="345">
        <v>0</v>
      </c>
      <c r="JP31" s="349">
        <v>128082</v>
      </c>
      <c r="JQ31" s="347">
        <v>128082</v>
      </c>
      <c r="JR31" s="348">
        <v>0</v>
      </c>
      <c r="JS31" s="345">
        <v>0</v>
      </c>
      <c r="JT31" s="346">
        <v>0</v>
      </c>
      <c r="JU31" s="351">
        <v>0</v>
      </c>
      <c r="JV31" s="345">
        <v>0</v>
      </c>
      <c r="JW31" s="345">
        <v>0</v>
      </c>
      <c r="JX31" s="345">
        <v>0</v>
      </c>
      <c r="JY31" s="345">
        <v>0</v>
      </c>
      <c r="JZ31" s="345">
        <v>0</v>
      </c>
      <c r="KA31" s="349">
        <v>0</v>
      </c>
      <c r="KB31" s="347">
        <v>0</v>
      </c>
      <c r="KC31" s="352">
        <v>0</v>
      </c>
      <c r="KD31" s="353">
        <v>0</v>
      </c>
      <c r="KE31" s="349">
        <v>0</v>
      </c>
      <c r="KF31" s="351">
        <v>0</v>
      </c>
      <c r="KG31" s="345">
        <v>0</v>
      </c>
      <c r="KH31" s="345">
        <v>0</v>
      </c>
      <c r="KI31" s="345">
        <v>0</v>
      </c>
      <c r="KJ31" s="345">
        <v>0</v>
      </c>
      <c r="KK31" s="345">
        <v>0</v>
      </c>
      <c r="KL31" s="349">
        <v>0</v>
      </c>
      <c r="KM31" s="354">
        <v>0</v>
      </c>
      <c r="KN31" s="342">
        <v>0</v>
      </c>
      <c r="KO31" s="343">
        <v>0</v>
      </c>
      <c r="KP31" s="344">
        <v>0</v>
      </c>
      <c r="KQ31" s="404">
        <v>0</v>
      </c>
      <c r="KR31" s="345">
        <v>423000</v>
      </c>
      <c r="KS31" s="345">
        <v>0</v>
      </c>
      <c r="KT31" s="345">
        <v>446213</v>
      </c>
      <c r="KU31" s="345">
        <v>0</v>
      </c>
      <c r="KV31" s="345">
        <v>0</v>
      </c>
      <c r="KW31" s="349">
        <v>869213</v>
      </c>
      <c r="KX31" s="347">
        <v>869213</v>
      </c>
      <c r="KY31" s="348">
        <v>0</v>
      </c>
      <c r="KZ31" s="345">
        <v>0</v>
      </c>
      <c r="LA31" s="349">
        <v>0</v>
      </c>
      <c r="LB31" s="404">
        <v>0</v>
      </c>
      <c r="LC31" s="345">
        <v>0</v>
      </c>
      <c r="LD31" s="345">
        <v>0</v>
      </c>
      <c r="LE31" s="345">
        <v>0</v>
      </c>
      <c r="LF31" s="345">
        <v>0</v>
      </c>
      <c r="LG31" s="345">
        <v>0</v>
      </c>
      <c r="LH31" s="349">
        <v>0</v>
      </c>
      <c r="LI31" s="350">
        <v>0</v>
      </c>
      <c r="LJ31" s="348">
        <v>0</v>
      </c>
      <c r="LK31" s="345">
        <v>0</v>
      </c>
      <c r="LL31" s="349">
        <v>0</v>
      </c>
      <c r="LM31" s="404">
        <v>0</v>
      </c>
      <c r="LN31" s="345">
        <v>0</v>
      </c>
      <c r="LO31" s="345">
        <v>0</v>
      </c>
      <c r="LP31" s="345">
        <v>0</v>
      </c>
      <c r="LQ31" s="345">
        <v>0</v>
      </c>
      <c r="LR31" s="345">
        <v>0</v>
      </c>
      <c r="LS31" s="349">
        <v>0</v>
      </c>
      <c r="LT31" s="347">
        <v>0</v>
      </c>
      <c r="LU31" s="348">
        <v>0</v>
      </c>
      <c r="LV31" s="345">
        <v>0</v>
      </c>
      <c r="LW31" s="349">
        <v>0</v>
      </c>
      <c r="LX31" s="404">
        <v>0</v>
      </c>
      <c r="LY31" s="345">
        <v>0</v>
      </c>
      <c r="LZ31" s="345">
        <v>0</v>
      </c>
      <c r="MA31" s="345">
        <v>0</v>
      </c>
      <c r="MB31" s="345">
        <v>0</v>
      </c>
      <c r="MC31" s="345">
        <v>0</v>
      </c>
      <c r="MD31" s="349">
        <v>0</v>
      </c>
      <c r="ME31" s="350">
        <v>0</v>
      </c>
      <c r="MF31" s="348">
        <v>0</v>
      </c>
      <c r="MG31" s="345">
        <v>0</v>
      </c>
      <c r="MH31" s="349">
        <v>0</v>
      </c>
      <c r="MI31" s="404">
        <v>0</v>
      </c>
      <c r="MJ31" s="345">
        <v>0</v>
      </c>
      <c r="MK31" s="345">
        <v>85404</v>
      </c>
      <c r="ML31" s="345">
        <v>244669</v>
      </c>
      <c r="MM31" s="345">
        <v>234641</v>
      </c>
      <c r="MN31" s="345">
        <v>496972</v>
      </c>
      <c r="MO31" s="349">
        <v>1061686</v>
      </c>
      <c r="MP31" s="354">
        <v>1061686</v>
      </c>
      <c r="MQ31" s="348">
        <v>0</v>
      </c>
      <c r="MR31" s="345">
        <v>0</v>
      </c>
      <c r="MS31" s="349">
        <v>0</v>
      </c>
      <c r="MT31" s="404">
        <v>0</v>
      </c>
      <c r="MU31" s="345">
        <v>0</v>
      </c>
      <c r="MV31" s="345">
        <v>0</v>
      </c>
      <c r="MW31" s="345">
        <v>34981</v>
      </c>
      <c r="MX31" s="345">
        <v>0</v>
      </c>
      <c r="MY31" s="345">
        <v>496972</v>
      </c>
      <c r="MZ31" s="349">
        <v>531953</v>
      </c>
      <c r="NA31" s="354">
        <v>531953</v>
      </c>
      <c r="NB31" s="348">
        <v>0</v>
      </c>
      <c r="NC31" s="345">
        <v>0</v>
      </c>
      <c r="ND31" s="349">
        <v>0</v>
      </c>
      <c r="NE31" s="404">
        <v>0</v>
      </c>
      <c r="NF31" s="345">
        <v>0</v>
      </c>
      <c r="NG31" s="345">
        <v>85404</v>
      </c>
      <c r="NH31" s="345">
        <v>209688</v>
      </c>
      <c r="NI31" s="345">
        <v>234641</v>
      </c>
      <c r="NJ31" s="345">
        <v>0</v>
      </c>
      <c r="NK31" s="349">
        <v>529733</v>
      </c>
      <c r="NL31" s="347">
        <v>529733</v>
      </c>
      <c r="NM31" s="348">
        <v>0</v>
      </c>
      <c r="NN31" s="345">
        <v>0</v>
      </c>
      <c r="NO31" s="349">
        <v>0</v>
      </c>
      <c r="NP31" s="404">
        <v>0</v>
      </c>
      <c r="NQ31" s="345">
        <v>0</v>
      </c>
      <c r="NR31" s="345">
        <v>0</v>
      </c>
      <c r="NS31" s="345">
        <v>0</v>
      </c>
      <c r="NT31" s="345">
        <v>0</v>
      </c>
      <c r="NU31" s="345">
        <v>0</v>
      </c>
      <c r="NV31" s="349">
        <v>0</v>
      </c>
      <c r="NW31" s="350">
        <v>0</v>
      </c>
      <c r="NX31" s="348">
        <v>0</v>
      </c>
      <c r="NY31" s="345">
        <v>0</v>
      </c>
      <c r="NZ31" s="349">
        <v>0</v>
      </c>
      <c r="OA31" s="404">
        <v>0</v>
      </c>
      <c r="OB31" s="345">
        <v>0</v>
      </c>
      <c r="OC31" s="345">
        <v>0</v>
      </c>
      <c r="OD31" s="345">
        <v>0</v>
      </c>
      <c r="OE31" s="345">
        <v>0</v>
      </c>
      <c r="OF31" s="345">
        <v>0</v>
      </c>
      <c r="OG31" s="349">
        <v>0</v>
      </c>
      <c r="OH31" s="350">
        <v>0</v>
      </c>
      <c r="OI31" s="348">
        <v>41276</v>
      </c>
      <c r="OJ31" s="345">
        <v>161111</v>
      </c>
      <c r="OK31" s="346">
        <v>202387</v>
      </c>
      <c r="OL31" s="351">
        <v>0</v>
      </c>
      <c r="OM31" s="345">
        <v>2013536</v>
      </c>
      <c r="ON31" s="345">
        <v>1788798</v>
      </c>
      <c r="OO31" s="345">
        <v>2172779</v>
      </c>
      <c r="OP31" s="345">
        <v>1894055</v>
      </c>
      <c r="OQ31" s="345">
        <v>1903352</v>
      </c>
      <c r="OR31" s="349">
        <v>9772520</v>
      </c>
      <c r="OS31" s="354">
        <v>9974907</v>
      </c>
    </row>
    <row r="32" spans="2:409" s="70" customFormat="1" ht="21" customHeight="1" x14ac:dyDescent="0.2">
      <c r="B32" s="106" t="s">
        <v>27</v>
      </c>
      <c r="C32" s="326">
        <v>102563</v>
      </c>
      <c r="D32" s="327">
        <v>351608</v>
      </c>
      <c r="E32" s="328">
        <v>454171</v>
      </c>
      <c r="F32" s="329">
        <v>0</v>
      </c>
      <c r="G32" s="327">
        <v>1223754</v>
      </c>
      <c r="H32" s="327">
        <v>1230489</v>
      </c>
      <c r="I32" s="327">
        <v>1927596</v>
      </c>
      <c r="J32" s="327">
        <v>684410</v>
      </c>
      <c r="K32" s="327">
        <v>511588</v>
      </c>
      <c r="L32" s="367">
        <v>5577837</v>
      </c>
      <c r="M32" s="330">
        <v>6032008</v>
      </c>
      <c r="N32" s="326">
        <v>3640</v>
      </c>
      <c r="O32" s="327">
        <v>70421</v>
      </c>
      <c r="P32" s="328">
        <v>74061</v>
      </c>
      <c r="Q32" s="326">
        <v>0</v>
      </c>
      <c r="R32" s="327">
        <v>111338</v>
      </c>
      <c r="S32" s="327">
        <v>309945</v>
      </c>
      <c r="T32" s="327">
        <v>548538</v>
      </c>
      <c r="U32" s="327">
        <v>401820</v>
      </c>
      <c r="V32" s="327">
        <v>86120</v>
      </c>
      <c r="W32" s="328">
        <v>1457761</v>
      </c>
      <c r="X32" s="330">
        <v>1531822</v>
      </c>
      <c r="Y32" s="326">
        <v>0</v>
      </c>
      <c r="Z32" s="327">
        <v>0</v>
      </c>
      <c r="AA32" s="328">
        <v>0</v>
      </c>
      <c r="AB32" s="326">
        <v>0</v>
      </c>
      <c r="AC32" s="327">
        <v>15433</v>
      </c>
      <c r="AD32" s="327">
        <v>157590</v>
      </c>
      <c r="AE32" s="327">
        <v>353505</v>
      </c>
      <c r="AF32" s="327">
        <v>110094</v>
      </c>
      <c r="AG32" s="327">
        <v>42048</v>
      </c>
      <c r="AH32" s="328">
        <v>678670</v>
      </c>
      <c r="AI32" s="330">
        <v>678670</v>
      </c>
      <c r="AJ32" s="326">
        <v>0</v>
      </c>
      <c r="AK32" s="327">
        <v>0</v>
      </c>
      <c r="AL32" s="328">
        <v>0</v>
      </c>
      <c r="AM32" s="326">
        <v>0</v>
      </c>
      <c r="AN32" s="327">
        <v>0</v>
      </c>
      <c r="AO32" s="327">
        <v>0</v>
      </c>
      <c r="AP32" s="327">
        <v>0</v>
      </c>
      <c r="AQ32" s="327">
        <v>115958</v>
      </c>
      <c r="AR32" s="327">
        <v>0</v>
      </c>
      <c r="AS32" s="328">
        <v>115958</v>
      </c>
      <c r="AT32" s="330">
        <v>115958</v>
      </c>
      <c r="AU32" s="326">
        <v>0</v>
      </c>
      <c r="AV32" s="327">
        <v>60845</v>
      </c>
      <c r="AW32" s="328">
        <v>60845</v>
      </c>
      <c r="AX32" s="326">
        <v>0</v>
      </c>
      <c r="AY32" s="327">
        <v>80267</v>
      </c>
      <c r="AZ32" s="327">
        <v>51982</v>
      </c>
      <c r="BA32" s="327">
        <v>104096</v>
      </c>
      <c r="BB32" s="327">
        <v>141678</v>
      </c>
      <c r="BC32" s="327">
        <v>0</v>
      </c>
      <c r="BD32" s="328">
        <v>378023</v>
      </c>
      <c r="BE32" s="330">
        <v>438868</v>
      </c>
      <c r="BF32" s="326">
        <v>0</v>
      </c>
      <c r="BG32" s="327">
        <v>0</v>
      </c>
      <c r="BH32" s="331">
        <v>0</v>
      </c>
      <c r="BI32" s="332">
        <v>0</v>
      </c>
      <c r="BJ32" s="327">
        <v>0</v>
      </c>
      <c r="BK32" s="327">
        <v>0</v>
      </c>
      <c r="BL32" s="327">
        <v>0</v>
      </c>
      <c r="BM32" s="327">
        <v>0</v>
      </c>
      <c r="BN32" s="327">
        <v>0</v>
      </c>
      <c r="BO32" s="328">
        <v>0</v>
      </c>
      <c r="BP32" s="330">
        <v>0</v>
      </c>
      <c r="BQ32" s="326">
        <v>3640</v>
      </c>
      <c r="BR32" s="327">
        <v>9576</v>
      </c>
      <c r="BS32" s="328">
        <v>13216</v>
      </c>
      <c r="BT32" s="326">
        <v>0</v>
      </c>
      <c r="BU32" s="327">
        <v>15638</v>
      </c>
      <c r="BV32" s="327">
        <v>100373</v>
      </c>
      <c r="BW32" s="327">
        <v>90937</v>
      </c>
      <c r="BX32" s="327">
        <v>34090</v>
      </c>
      <c r="BY32" s="327">
        <v>44072</v>
      </c>
      <c r="BZ32" s="328">
        <v>285110</v>
      </c>
      <c r="CA32" s="330">
        <v>298326</v>
      </c>
      <c r="CB32" s="326">
        <v>37006</v>
      </c>
      <c r="CC32" s="327">
        <v>69170</v>
      </c>
      <c r="CD32" s="328">
        <v>106176</v>
      </c>
      <c r="CE32" s="326">
        <v>0</v>
      </c>
      <c r="CF32" s="327">
        <v>605519</v>
      </c>
      <c r="CG32" s="327">
        <v>64721</v>
      </c>
      <c r="CH32" s="327">
        <v>261289</v>
      </c>
      <c r="CI32" s="327">
        <v>182880</v>
      </c>
      <c r="CJ32" s="327">
        <v>0</v>
      </c>
      <c r="CK32" s="328">
        <v>1114409</v>
      </c>
      <c r="CL32" s="330">
        <v>1220585</v>
      </c>
      <c r="CM32" s="326">
        <v>0</v>
      </c>
      <c r="CN32" s="327">
        <v>0</v>
      </c>
      <c r="CO32" s="328">
        <v>0</v>
      </c>
      <c r="CP32" s="332">
        <v>0</v>
      </c>
      <c r="CQ32" s="327">
        <v>526414</v>
      </c>
      <c r="CR32" s="327">
        <v>23946</v>
      </c>
      <c r="CS32" s="327">
        <v>194258</v>
      </c>
      <c r="CT32" s="327">
        <v>182880</v>
      </c>
      <c r="CU32" s="327">
        <v>0</v>
      </c>
      <c r="CV32" s="328">
        <v>927498</v>
      </c>
      <c r="CW32" s="330">
        <v>927498</v>
      </c>
      <c r="CX32" s="326">
        <v>37006</v>
      </c>
      <c r="CY32" s="327">
        <v>69170</v>
      </c>
      <c r="CZ32" s="328">
        <v>106176</v>
      </c>
      <c r="DA32" s="326">
        <v>0</v>
      </c>
      <c r="DB32" s="327">
        <v>79105</v>
      </c>
      <c r="DC32" s="327">
        <v>40775</v>
      </c>
      <c r="DD32" s="327">
        <v>67031</v>
      </c>
      <c r="DE32" s="327">
        <v>0</v>
      </c>
      <c r="DF32" s="327">
        <v>0</v>
      </c>
      <c r="DG32" s="328">
        <v>186911</v>
      </c>
      <c r="DH32" s="330">
        <v>293087</v>
      </c>
      <c r="DI32" s="326">
        <v>0</v>
      </c>
      <c r="DJ32" s="327">
        <v>0</v>
      </c>
      <c r="DK32" s="331">
        <v>0</v>
      </c>
      <c r="DL32" s="332">
        <v>0</v>
      </c>
      <c r="DM32" s="327">
        <v>136843</v>
      </c>
      <c r="DN32" s="327">
        <v>0</v>
      </c>
      <c r="DO32" s="327">
        <v>105948</v>
      </c>
      <c r="DP32" s="327">
        <v>54000</v>
      </c>
      <c r="DQ32" s="327">
        <v>0</v>
      </c>
      <c r="DR32" s="328">
        <v>296791</v>
      </c>
      <c r="DS32" s="330">
        <v>296791</v>
      </c>
      <c r="DT32" s="326">
        <v>0</v>
      </c>
      <c r="DU32" s="327">
        <v>0</v>
      </c>
      <c r="DV32" s="328">
        <v>0</v>
      </c>
      <c r="DW32" s="326">
        <v>0</v>
      </c>
      <c r="DX32" s="327">
        <v>78620</v>
      </c>
      <c r="DY32" s="327">
        <v>0</v>
      </c>
      <c r="DZ32" s="327">
        <v>70313</v>
      </c>
      <c r="EA32" s="327">
        <v>54000</v>
      </c>
      <c r="EB32" s="327">
        <v>0</v>
      </c>
      <c r="EC32" s="328">
        <v>202933</v>
      </c>
      <c r="ED32" s="330">
        <v>202933</v>
      </c>
      <c r="EE32" s="326">
        <v>0</v>
      </c>
      <c r="EF32" s="331">
        <v>0</v>
      </c>
      <c r="EG32" s="328">
        <v>0</v>
      </c>
      <c r="EH32" s="326">
        <v>0</v>
      </c>
      <c r="EI32" s="327">
        <v>58223</v>
      </c>
      <c r="EJ32" s="327">
        <v>0</v>
      </c>
      <c r="EK32" s="327">
        <v>35635</v>
      </c>
      <c r="EL32" s="327">
        <v>0</v>
      </c>
      <c r="EM32" s="327">
        <v>0</v>
      </c>
      <c r="EN32" s="331">
        <v>93858</v>
      </c>
      <c r="EO32" s="330">
        <v>93858</v>
      </c>
      <c r="EP32" s="326">
        <v>0</v>
      </c>
      <c r="EQ32" s="327">
        <v>0</v>
      </c>
      <c r="ER32" s="331">
        <v>0</v>
      </c>
      <c r="ES32" s="332">
        <v>0</v>
      </c>
      <c r="ET32" s="327">
        <v>0</v>
      </c>
      <c r="EU32" s="327">
        <v>0</v>
      </c>
      <c r="EV32" s="327">
        <v>0</v>
      </c>
      <c r="EW32" s="327">
        <v>0</v>
      </c>
      <c r="EX32" s="327">
        <v>0</v>
      </c>
      <c r="EY32" s="328">
        <v>0</v>
      </c>
      <c r="EZ32" s="330">
        <v>0</v>
      </c>
      <c r="FA32" s="326">
        <v>0</v>
      </c>
      <c r="FB32" s="327">
        <v>0</v>
      </c>
      <c r="FC32" s="331">
        <v>0</v>
      </c>
      <c r="FD32" s="404">
        <v>0</v>
      </c>
      <c r="FE32" s="327">
        <v>0</v>
      </c>
      <c r="FF32" s="327">
        <v>0</v>
      </c>
      <c r="FG32" s="327">
        <v>0</v>
      </c>
      <c r="FH32" s="327">
        <v>0</v>
      </c>
      <c r="FI32" s="327">
        <v>0</v>
      </c>
      <c r="FJ32" s="328">
        <v>0</v>
      </c>
      <c r="FK32" s="330">
        <v>0</v>
      </c>
      <c r="FL32" s="326">
        <v>12600</v>
      </c>
      <c r="FM32" s="327">
        <v>178185</v>
      </c>
      <c r="FN32" s="328">
        <v>190785</v>
      </c>
      <c r="FO32" s="326">
        <v>0</v>
      </c>
      <c r="FP32" s="327">
        <v>76825</v>
      </c>
      <c r="FQ32" s="327">
        <v>36736</v>
      </c>
      <c r="FR32" s="327">
        <v>131824</v>
      </c>
      <c r="FS32" s="327">
        <v>45710</v>
      </c>
      <c r="FT32" s="327">
        <v>5355</v>
      </c>
      <c r="FU32" s="328">
        <v>296450</v>
      </c>
      <c r="FV32" s="330">
        <v>487235</v>
      </c>
      <c r="FW32" s="333">
        <v>12600</v>
      </c>
      <c r="FX32" s="327">
        <v>38185</v>
      </c>
      <c r="FY32" s="331">
        <v>50785</v>
      </c>
      <c r="FZ32" s="332">
        <v>0</v>
      </c>
      <c r="GA32" s="327">
        <v>76825</v>
      </c>
      <c r="GB32" s="327">
        <v>36736</v>
      </c>
      <c r="GC32" s="327">
        <v>131824</v>
      </c>
      <c r="GD32" s="327">
        <v>45710</v>
      </c>
      <c r="GE32" s="327">
        <v>5355</v>
      </c>
      <c r="GF32" s="328">
        <v>296450</v>
      </c>
      <c r="GG32" s="334">
        <v>347235</v>
      </c>
      <c r="GH32" s="333">
        <v>0</v>
      </c>
      <c r="GI32" s="327">
        <v>0</v>
      </c>
      <c r="GJ32" s="331">
        <v>0</v>
      </c>
      <c r="GK32" s="332">
        <v>0</v>
      </c>
      <c r="GL32" s="327">
        <v>0</v>
      </c>
      <c r="GM32" s="327">
        <v>0</v>
      </c>
      <c r="GN32" s="327">
        <v>0</v>
      </c>
      <c r="GO32" s="327">
        <v>0</v>
      </c>
      <c r="GP32" s="327">
        <v>0</v>
      </c>
      <c r="GQ32" s="328">
        <v>0</v>
      </c>
      <c r="GR32" s="330">
        <v>0</v>
      </c>
      <c r="GS32" s="326">
        <v>0</v>
      </c>
      <c r="GT32" s="327">
        <v>140000</v>
      </c>
      <c r="GU32" s="328">
        <v>140000</v>
      </c>
      <c r="GV32" s="326">
        <v>0</v>
      </c>
      <c r="GW32" s="327">
        <v>0</v>
      </c>
      <c r="GX32" s="327">
        <v>0</v>
      </c>
      <c r="GY32" s="327">
        <v>0</v>
      </c>
      <c r="GZ32" s="327">
        <v>0</v>
      </c>
      <c r="HA32" s="327">
        <v>0</v>
      </c>
      <c r="HB32" s="331">
        <v>0</v>
      </c>
      <c r="HC32" s="330">
        <v>140000</v>
      </c>
      <c r="HD32" s="326">
        <v>49317</v>
      </c>
      <c r="HE32" s="327">
        <v>33832</v>
      </c>
      <c r="HF32" s="331">
        <v>83149</v>
      </c>
      <c r="HG32" s="332">
        <v>0</v>
      </c>
      <c r="HH32" s="327">
        <v>293229</v>
      </c>
      <c r="HI32" s="327">
        <v>819087</v>
      </c>
      <c r="HJ32" s="327">
        <v>879997</v>
      </c>
      <c r="HK32" s="327">
        <v>0</v>
      </c>
      <c r="HL32" s="327">
        <v>420113</v>
      </c>
      <c r="HM32" s="328">
        <v>2412426</v>
      </c>
      <c r="HN32" s="329">
        <v>2495575</v>
      </c>
      <c r="HO32" s="333">
        <v>0</v>
      </c>
      <c r="HP32" s="327">
        <v>0</v>
      </c>
      <c r="HQ32" s="328">
        <v>0</v>
      </c>
      <c r="HR32" s="326">
        <v>0</v>
      </c>
      <c r="HS32" s="327">
        <v>0</v>
      </c>
      <c r="HT32" s="327">
        <v>0</v>
      </c>
      <c r="HU32" s="327">
        <v>0</v>
      </c>
      <c r="HV32" s="327">
        <v>0</v>
      </c>
      <c r="HW32" s="327">
        <v>0</v>
      </c>
      <c r="HX32" s="331">
        <v>0</v>
      </c>
      <c r="HY32" s="330">
        <v>0</v>
      </c>
      <c r="HZ32" s="358">
        <v>0</v>
      </c>
      <c r="IA32" s="356">
        <v>0</v>
      </c>
      <c r="IB32" s="358">
        <v>0</v>
      </c>
      <c r="IC32" s="355">
        <v>0</v>
      </c>
      <c r="ID32" s="356">
        <v>521796</v>
      </c>
      <c r="IE32" s="357">
        <v>115526</v>
      </c>
      <c r="IF32" s="358">
        <v>15937</v>
      </c>
      <c r="IG32" s="356">
        <v>824294</v>
      </c>
      <c r="IH32" s="358">
        <v>0</v>
      </c>
      <c r="II32" s="359">
        <v>1477553</v>
      </c>
      <c r="IJ32" s="358">
        <v>1477553</v>
      </c>
      <c r="IK32" s="342">
        <v>0</v>
      </c>
      <c r="IL32" s="343">
        <v>0</v>
      </c>
      <c r="IM32" s="344">
        <v>0</v>
      </c>
      <c r="IN32" s="404">
        <v>0</v>
      </c>
      <c r="IO32" s="345">
        <v>0</v>
      </c>
      <c r="IP32" s="345">
        <v>0</v>
      </c>
      <c r="IQ32" s="345">
        <v>0</v>
      </c>
      <c r="IR32" s="345">
        <v>0</v>
      </c>
      <c r="IS32" s="345">
        <v>0</v>
      </c>
      <c r="IT32" s="346">
        <v>0</v>
      </c>
      <c r="IU32" s="347">
        <v>0</v>
      </c>
      <c r="IV32" s="348">
        <v>0</v>
      </c>
      <c r="IW32" s="345">
        <v>0</v>
      </c>
      <c r="IX32" s="349">
        <v>0</v>
      </c>
      <c r="IY32" s="404">
        <v>0</v>
      </c>
      <c r="IZ32" s="345">
        <v>0</v>
      </c>
      <c r="JA32" s="345">
        <v>0</v>
      </c>
      <c r="JB32" s="345">
        <v>0</v>
      </c>
      <c r="JC32" s="345">
        <v>0</v>
      </c>
      <c r="JD32" s="345">
        <v>0</v>
      </c>
      <c r="JE32" s="349">
        <v>0</v>
      </c>
      <c r="JF32" s="350">
        <v>0</v>
      </c>
      <c r="JG32" s="348">
        <v>0</v>
      </c>
      <c r="JH32" s="345">
        <v>0</v>
      </c>
      <c r="JI32" s="346">
        <v>0</v>
      </c>
      <c r="JJ32" s="351">
        <v>0</v>
      </c>
      <c r="JK32" s="345">
        <v>187421</v>
      </c>
      <c r="JL32" s="345">
        <v>55886</v>
      </c>
      <c r="JM32" s="345">
        <v>15937</v>
      </c>
      <c r="JN32" s="345">
        <v>0</v>
      </c>
      <c r="JO32" s="345">
        <v>0</v>
      </c>
      <c r="JP32" s="349">
        <v>259244</v>
      </c>
      <c r="JQ32" s="347">
        <v>259244</v>
      </c>
      <c r="JR32" s="348">
        <v>0</v>
      </c>
      <c r="JS32" s="345">
        <v>0</v>
      </c>
      <c r="JT32" s="346">
        <v>0</v>
      </c>
      <c r="JU32" s="351">
        <v>0</v>
      </c>
      <c r="JV32" s="345">
        <v>134946</v>
      </c>
      <c r="JW32" s="345">
        <v>59640</v>
      </c>
      <c r="JX32" s="345">
        <v>0</v>
      </c>
      <c r="JY32" s="345">
        <v>0</v>
      </c>
      <c r="JZ32" s="345">
        <v>0</v>
      </c>
      <c r="KA32" s="349">
        <v>194586</v>
      </c>
      <c r="KB32" s="347">
        <v>194586</v>
      </c>
      <c r="KC32" s="352">
        <v>0</v>
      </c>
      <c r="KD32" s="353">
        <v>0</v>
      </c>
      <c r="KE32" s="349">
        <v>0</v>
      </c>
      <c r="KF32" s="351">
        <v>0</v>
      </c>
      <c r="KG32" s="345">
        <v>90806</v>
      </c>
      <c r="KH32" s="345">
        <v>0</v>
      </c>
      <c r="KI32" s="345">
        <v>0</v>
      </c>
      <c r="KJ32" s="345">
        <v>0</v>
      </c>
      <c r="KK32" s="345">
        <v>0</v>
      </c>
      <c r="KL32" s="349">
        <v>90806</v>
      </c>
      <c r="KM32" s="354">
        <v>90806</v>
      </c>
      <c r="KN32" s="342">
        <v>0</v>
      </c>
      <c r="KO32" s="343">
        <v>0</v>
      </c>
      <c r="KP32" s="344">
        <v>0</v>
      </c>
      <c r="KQ32" s="404">
        <v>0</v>
      </c>
      <c r="KR32" s="345">
        <v>0</v>
      </c>
      <c r="KS32" s="345">
        <v>0</v>
      </c>
      <c r="KT32" s="345">
        <v>0</v>
      </c>
      <c r="KU32" s="345">
        <v>228272</v>
      </c>
      <c r="KV32" s="345">
        <v>0</v>
      </c>
      <c r="KW32" s="349">
        <v>228272</v>
      </c>
      <c r="KX32" s="347">
        <v>228272</v>
      </c>
      <c r="KY32" s="348">
        <v>0</v>
      </c>
      <c r="KZ32" s="345">
        <v>0</v>
      </c>
      <c r="LA32" s="349">
        <v>0</v>
      </c>
      <c r="LB32" s="404">
        <v>0</v>
      </c>
      <c r="LC32" s="345">
        <v>0</v>
      </c>
      <c r="LD32" s="345">
        <v>0</v>
      </c>
      <c r="LE32" s="345">
        <v>0</v>
      </c>
      <c r="LF32" s="345">
        <v>0</v>
      </c>
      <c r="LG32" s="345">
        <v>0</v>
      </c>
      <c r="LH32" s="349">
        <v>0</v>
      </c>
      <c r="LI32" s="350">
        <v>0</v>
      </c>
      <c r="LJ32" s="348">
        <v>0</v>
      </c>
      <c r="LK32" s="345">
        <v>0</v>
      </c>
      <c r="LL32" s="349">
        <v>0</v>
      </c>
      <c r="LM32" s="404">
        <v>0</v>
      </c>
      <c r="LN32" s="345">
        <v>0</v>
      </c>
      <c r="LO32" s="345">
        <v>0</v>
      </c>
      <c r="LP32" s="345">
        <v>0</v>
      </c>
      <c r="LQ32" s="345">
        <v>228538</v>
      </c>
      <c r="LR32" s="345">
        <v>0</v>
      </c>
      <c r="LS32" s="349">
        <v>228538</v>
      </c>
      <c r="LT32" s="347">
        <v>228538</v>
      </c>
      <c r="LU32" s="348">
        <v>0</v>
      </c>
      <c r="LV32" s="345">
        <v>0</v>
      </c>
      <c r="LW32" s="349">
        <v>0</v>
      </c>
      <c r="LX32" s="404">
        <v>0</v>
      </c>
      <c r="LY32" s="345">
        <v>108623</v>
      </c>
      <c r="LZ32" s="345">
        <v>0</v>
      </c>
      <c r="MA32" s="345">
        <v>0</v>
      </c>
      <c r="MB32" s="345">
        <v>367484</v>
      </c>
      <c r="MC32" s="345">
        <v>0</v>
      </c>
      <c r="MD32" s="349">
        <v>476107</v>
      </c>
      <c r="ME32" s="350">
        <v>476107</v>
      </c>
      <c r="MF32" s="348">
        <v>0</v>
      </c>
      <c r="MG32" s="345">
        <v>0</v>
      </c>
      <c r="MH32" s="349">
        <v>0</v>
      </c>
      <c r="MI32" s="404">
        <v>0</v>
      </c>
      <c r="MJ32" s="345">
        <v>196201</v>
      </c>
      <c r="MK32" s="345">
        <v>237365</v>
      </c>
      <c r="ML32" s="345">
        <v>237538</v>
      </c>
      <c r="MM32" s="345">
        <v>227847</v>
      </c>
      <c r="MN32" s="345">
        <v>1487025</v>
      </c>
      <c r="MO32" s="349">
        <v>2385976</v>
      </c>
      <c r="MP32" s="354">
        <v>2385976</v>
      </c>
      <c r="MQ32" s="348">
        <v>0</v>
      </c>
      <c r="MR32" s="345">
        <v>0</v>
      </c>
      <c r="MS32" s="349">
        <v>0</v>
      </c>
      <c r="MT32" s="404">
        <v>0</v>
      </c>
      <c r="MU32" s="345">
        <v>0</v>
      </c>
      <c r="MV32" s="345">
        <v>0</v>
      </c>
      <c r="MW32" s="345">
        <v>0</v>
      </c>
      <c r="MX32" s="345">
        <v>227847</v>
      </c>
      <c r="MY32" s="345">
        <v>241362</v>
      </c>
      <c r="MZ32" s="349">
        <v>469209</v>
      </c>
      <c r="NA32" s="354">
        <v>469209</v>
      </c>
      <c r="NB32" s="348">
        <v>0</v>
      </c>
      <c r="NC32" s="345">
        <v>0</v>
      </c>
      <c r="ND32" s="349">
        <v>0</v>
      </c>
      <c r="NE32" s="404">
        <v>0</v>
      </c>
      <c r="NF32" s="345">
        <v>196201</v>
      </c>
      <c r="NG32" s="345">
        <v>237365</v>
      </c>
      <c r="NH32" s="345">
        <v>237538</v>
      </c>
      <c r="NI32" s="345">
        <v>0</v>
      </c>
      <c r="NJ32" s="345">
        <v>889340</v>
      </c>
      <c r="NK32" s="349">
        <v>1560444</v>
      </c>
      <c r="NL32" s="347">
        <v>1560444</v>
      </c>
      <c r="NM32" s="348">
        <v>0</v>
      </c>
      <c r="NN32" s="345">
        <v>0</v>
      </c>
      <c r="NO32" s="349">
        <v>0</v>
      </c>
      <c r="NP32" s="404">
        <v>0</v>
      </c>
      <c r="NQ32" s="345">
        <v>0</v>
      </c>
      <c r="NR32" s="345">
        <v>0</v>
      </c>
      <c r="NS32" s="345">
        <v>0</v>
      </c>
      <c r="NT32" s="345">
        <v>0</v>
      </c>
      <c r="NU32" s="345">
        <v>0</v>
      </c>
      <c r="NV32" s="349">
        <v>0</v>
      </c>
      <c r="NW32" s="350">
        <v>0</v>
      </c>
      <c r="NX32" s="348">
        <v>0</v>
      </c>
      <c r="NY32" s="345">
        <v>0</v>
      </c>
      <c r="NZ32" s="349">
        <v>0</v>
      </c>
      <c r="OA32" s="404">
        <v>0</v>
      </c>
      <c r="OB32" s="345">
        <v>0</v>
      </c>
      <c r="OC32" s="345">
        <v>0</v>
      </c>
      <c r="OD32" s="345">
        <v>0</v>
      </c>
      <c r="OE32" s="345">
        <v>0</v>
      </c>
      <c r="OF32" s="345">
        <v>356323</v>
      </c>
      <c r="OG32" s="349">
        <v>356323</v>
      </c>
      <c r="OH32" s="350">
        <v>356323</v>
      </c>
      <c r="OI32" s="348">
        <v>102563</v>
      </c>
      <c r="OJ32" s="345">
        <v>351608</v>
      </c>
      <c r="OK32" s="346">
        <v>454171</v>
      </c>
      <c r="OL32" s="351">
        <v>0</v>
      </c>
      <c r="OM32" s="345">
        <v>1941751</v>
      </c>
      <c r="ON32" s="345">
        <v>1583380</v>
      </c>
      <c r="OO32" s="345">
        <v>2181071</v>
      </c>
      <c r="OP32" s="345">
        <v>1736551</v>
      </c>
      <c r="OQ32" s="345">
        <v>1998613</v>
      </c>
      <c r="OR32" s="349">
        <v>9441366</v>
      </c>
      <c r="OS32" s="354">
        <v>9895537</v>
      </c>
    </row>
    <row r="33" spans="2:409" s="70" customFormat="1" ht="21" customHeight="1" x14ac:dyDescent="0.2">
      <c r="B33" s="106" t="s">
        <v>28</v>
      </c>
      <c r="C33" s="326">
        <v>0</v>
      </c>
      <c r="D33" s="327">
        <v>25994</v>
      </c>
      <c r="E33" s="328">
        <v>25994</v>
      </c>
      <c r="F33" s="329">
        <v>0</v>
      </c>
      <c r="G33" s="327">
        <v>118606</v>
      </c>
      <c r="H33" s="327">
        <v>147116</v>
      </c>
      <c r="I33" s="327">
        <v>318581</v>
      </c>
      <c r="J33" s="327">
        <v>127143</v>
      </c>
      <c r="K33" s="327">
        <v>341327</v>
      </c>
      <c r="L33" s="367">
        <v>1052773</v>
      </c>
      <c r="M33" s="330">
        <v>1078767</v>
      </c>
      <c r="N33" s="326">
        <v>0</v>
      </c>
      <c r="O33" s="327">
        <v>18294</v>
      </c>
      <c r="P33" s="328">
        <v>18294</v>
      </c>
      <c r="Q33" s="326">
        <v>0</v>
      </c>
      <c r="R33" s="327">
        <v>34813</v>
      </c>
      <c r="S33" s="327">
        <v>103268</v>
      </c>
      <c r="T33" s="327">
        <v>47949</v>
      </c>
      <c r="U33" s="327">
        <v>105793</v>
      </c>
      <c r="V33" s="327">
        <v>108318</v>
      </c>
      <c r="W33" s="328">
        <v>400141</v>
      </c>
      <c r="X33" s="330">
        <v>418435</v>
      </c>
      <c r="Y33" s="326">
        <v>0</v>
      </c>
      <c r="Z33" s="327">
        <v>0</v>
      </c>
      <c r="AA33" s="328">
        <v>0</v>
      </c>
      <c r="AB33" s="326">
        <v>0</v>
      </c>
      <c r="AC33" s="327">
        <v>34813</v>
      </c>
      <c r="AD33" s="327">
        <v>46251</v>
      </c>
      <c r="AE33" s="327">
        <v>0</v>
      </c>
      <c r="AF33" s="327">
        <v>94355</v>
      </c>
      <c r="AG33" s="327">
        <v>95704</v>
      </c>
      <c r="AH33" s="328">
        <v>271123</v>
      </c>
      <c r="AI33" s="330">
        <v>271123</v>
      </c>
      <c r="AJ33" s="326">
        <v>0</v>
      </c>
      <c r="AK33" s="327">
        <v>0</v>
      </c>
      <c r="AL33" s="328">
        <v>0</v>
      </c>
      <c r="AM33" s="326">
        <v>0</v>
      </c>
      <c r="AN33" s="327">
        <v>0</v>
      </c>
      <c r="AO33" s="327">
        <v>0</v>
      </c>
      <c r="AP33" s="327">
        <v>0</v>
      </c>
      <c r="AQ33" s="327">
        <v>0</v>
      </c>
      <c r="AR33" s="327">
        <v>0</v>
      </c>
      <c r="AS33" s="328">
        <v>0</v>
      </c>
      <c r="AT33" s="330">
        <v>0</v>
      </c>
      <c r="AU33" s="326">
        <v>0</v>
      </c>
      <c r="AV33" s="327">
        <v>11042</v>
      </c>
      <c r="AW33" s="328">
        <v>11042</v>
      </c>
      <c r="AX33" s="326">
        <v>0</v>
      </c>
      <c r="AY33" s="327">
        <v>0</v>
      </c>
      <c r="AZ33" s="327">
        <v>43836</v>
      </c>
      <c r="BA33" s="327">
        <v>47949</v>
      </c>
      <c r="BB33" s="327">
        <v>0</v>
      </c>
      <c r="BC33" s="327">
        <v>0</v>
      </c>
      <c r="BD33" s="328">
        <v>91785</v>
      </c>
      <c r="BE33" s="330">
        <v>102827</v>
      </c>
      <c r="BF33" s="326">
        <v>0</v>
      </c>
      <c r="BG33" s="327">
        <v>0</v>
      </c>
      <c r="BH33" s="331">
        <v>0</v>
      </c>
      <c r="BI33" s="332">
        <v>0</v>
      </c>
      <c r="BJ33" s="327">
        <v>0</v>
      </c>
      <c r="BK33" s="327">
        <v>0</v>
      </c>
      <c r="BL33" s="327">
        <v>0</v>
      </c>
      <c r="BM33" s="327">
        <v>0</v>
      </c>
      <c r="BN33" s="327">
        <v>0</v>
      </c>
      <c r="BO33" s="328">
        <v>0</v>
      </c>
      <c r="BP33" s="330">
        <v>0</v>
      </c>
      <c r="BQ33" s="326">
        <v>0</v>
      </c>
      <c r="BR33" s="327">
        <v>7252</v>
      </c>
      <c r="BS33" s="328">
        <v>7252</v>
      </c>
      <c r="BT33" s="326">
        <v>0</v>
      </c>
      <c r="BU33" s="327">
        <v>0</v>
      </c>
      <c r="BV33" s="327">
        <v>13181</v>
      </c>
      <c r="BW33" s="327">
        <v>0</v>
      </c>
      <c r="BX33" s="327">
        <v>11438</v>
      </c>
      <c r="BY33" s="327">
        <v>12614</v>
      </c>
      <c r="BZ33" s="328">
        <v>37233</v>
      </c>
      <c r="CA33" s="330">
        <v>44485</v>
      </c>
      <c r="CB33" s="326">
        <v>0</v>
      </c>
      <c r="CC33" s="327">
        <v>0</v>
      </c>
      <c r="CD33" s="328">
        <v>0</v>
      </c>
      <c r="CE33" s="326">
        <v>0</v>
      </c>
      <c r="CF33" s="327">
        <v>62817</v>
      </c>
      <c r="CG33" s="327">
        <v>0</v>
      </c>
      <c r="CH33" s="327">
        <v>248302</v>
      </c>
      <c r="CI33" s="327">
        <v>0</v>
      </c>
      <c r="CJ33" s="327">
        <v>0</v>
      </c>
      <c r="CK33" s="328">
        <v>311119</v>
      </c>
      <c r="CL33" s="330">
        <v>311119</v>
      </c>
      <c r="CM33" s="326">
        <v>0</v>
      </c>
      <c r="CN33" s="327">
        <v>0</v>
      </c>
      <c r="CO33" s="328">
        <v>0</v>
      </c>
      <c r="CP33" s="332">
        <v>0</v>
      </c>
      <c r="CQ33" s="327">
        <v>62817</v>
      </c>
      <c r="CR33" s="327">
        <v>0</v>
      </c>
      <c r="CS33" s="327">
        <v>155892</v>
      </c>
      <c r="CT33" s="327">
        <v>0</v>
      </c>
      <c r="CU33" s="327">
        <v>0</v>
      </c>
      <c r="CV33" s="328">
        <v>218709</v>
      </c>
      <c r="CW33" s="330">
        <v>218709</v>
      </c>
      <c r="CX33" s="326">
        <v>0</v>
      </c>
      <c r="CY33" s="327">
        <v>0</v>
      </c>
      <c r="CZ33" s="328">
        <v>0</v>
      </c>
      <c r="DA33" s="326">
        <v>0</v>
      </c>
      <c r="DB33" s="327">
        <v>0</v>
      </c>
      <c r="DC33" s="327">
        <v>0</v>
      </c>
      <c r="DD33" s="327">
        <v>92410</v>
      </c>
      <c r="DE33" s="327">
        <v>0</v>
      </c>
      <c r="DF33" s="327">
        <v>0</v>
      </c>
      <c r="DG33" s="328">
        <v>92410</v>
      </c>
      <c r="DH33" s="330">
        <v>92410</v>
      </c>
      <c r="DI33" s="326">
        <v>0</v>
      </c>
      <c r="DJ33" s="327">
        <v>0</v>
      </c>
      <c r="DK33" s="331">
        <v>0</v>
      </c>
      <c r="DL33" s="332">
        <v>0</v>
      </c>
      <c r="DM33" s="327">
        <v>20976</v>
      </c>
      <c r="DN33" s="327">
        <v>0</v>
      </c>
      <c r="DO33" s="327">
        <v>0</v>
      </c>
      <c r="DP33" s="327">
        <v>0</v>
      </c>
      <c r="DQ33" s="327">
        <v>0</v>
      </c>
      <c r="DR33" s="328">
        <v>20976</v>
      </c>
      <c r="DS33" s="330">
        <v>20976</v>
      </c>
      <c r="DT33" s="326">
        <v>0</v>
      </c>
      <c r="DU33" s="327">
        <v>0</v>
      </c>
      <c r="DV33" s="328">
        <v>0</v>
      </c>
      <c r="DW33" s="326">
        <v>0</v>
      </c>
      <c r="DX33" s="327">
        <v>0</v>
      </c>
      <c r="DY33" s="327">
        <v>0</v>
      </c>
      <c r="DZ33" s="327">
        <v>0</v>
      </c>
      <c r="EA33" s="327">
        <v>0</v>
      </c>
      <c r="EB33" s="327">
        <v>0</v>
      </c>
      <c r="EC33" s="328">
        <v>0</v>
      </c>
      <c r="ED33" s="330">
        <v>0</v>
      </c>
      <c r="EE33" s="326">
        <v>0</v>
      </c>
      <c r="EF33" s="331">
        <v>0</v>
      </c>
      <c r="EG33" s="328">
        <v>0</v>
      </c>
      <c r="EH33" s="326">
        <v>0</v>
      </c>
      <c r="EI33" s="327">
        <v>20976</v>
      </c>
      <c r="EJ33" s="327">
        <v>0</v>
      </c>
      <c r="EK33" s="327">
        <v>0</v>
      </c>
      <c r="EL33" s="327">
        <v>0</v>
      </c>
      <c r="EM33" s="327">
        <v>0</v>
      </c>
      <c r="EN33" s="331">
        <v>20976</v>
      </c>
      <c r="EO33" s="330">
        <v>20976</v>
      </c>
      <c r="EP33" s="326">
        <v>0</v>
      </c>
      <c r="EQ33" s="327">
        <v>0</v>
      </c>
      <c r="ER33" s="331">
        <v>0</v>
      </c>
      <c r="ES33" s="332">
        <v>0</v>
      </c>
      <c r="ET33" s="327">
        <v>0</v>
      </c>
      <c r="EU33" s="327">
        <v>0</v>
      </c>
      <c r="EV33" s="327">
        <v>0</v>
      </c>
      <c r="EW33" s="327">
        <v>0</v>
      </c>
      <c r="EX33" s="327">
        <v>0</v>
      </c>
      <c r="EY33" s="328">
        <v>0</v>
      </c>
      <c r="EZ33" s="330">
        <v>0</v>
      </c>
      <c r="FA33" s="326">
        <v>0</v>
      </c>
      <c r="FB33" s="327">
        <v>0</v>
      </c>
      <c r="FC33" s="331">
        <v>0</v>
      </c>
      <c r="FD33" s="404">
        <v>0</v>
      </c>
      <c r="FE33" s="327">
        <v>0</v>
      </c>
      <c r="FF33" s="327">
        <v>0</v>
      </c>
      <c r="FG33" s="327">
        <v>0</v>
      </c>
      <c r="FH33" s="327">
        <v>0</v>
      </c>
      <c r="FI33" s="327">
        <v>0</v>
      </c>
      <c r="FJ33" s="328">
        <v>0</v>
      </c>
      <c r="FK33" s="330">
        <v>0</v>
      </c>
      <c r="FL33" s="326">
        <v>0</v>
      </c>
      <c r="FM33" s="327">
        <v>7700</v>
      </c>
      <c r="FN33" s="328">
        <v>7700</v>
      </c>
      <c r="FO33" s="326">
        <v>0</v>
      </c>
      <c r="FP33" s="327">
        <v>0</v>
      </c>
      <c r="FQ33" s="327">
        <v>43848</v>
      </c>
      <c r="FR33" s="327">
        <v>22330</v>
      </c>
      <c r="FS33" s="327">
        <v>21350</v>
      </c>
      <c r="FT33" s="327">
        <v>12950</v>
      </c>
      <c r="FU33" s="328">
        <v>100478</v>
      </c>
      <c r="FV33" s="330">
        <v>108178</v>
      </c>
      <c r="FW33" s="333">
        <v>0</v>
      </c>
      <c r="FX33" s="327">
        <v>7700</v>
      </c>
      <c r="FY33" s="331">
        <v>7700</v>
      </c>
      <c r="FZ33" s="332">
        <v>0</v>
      </c>
      <c r="GA33" s="327">
        <v>0</v>
      </c>
      <c r="GB33" s="327">
        <v>43848</v>
      </c>
      <c r="GC33" s="327">
        <v>22330</v>
      </c>
      <c r="GD33" s="327">
        <v>21350</v>
      </c>
      <c r="GE33" s="327">
        <v>12950</v>
      </c>
      <c r="GF33" s="328">
        <v>100478</v>
      </c>
      <c r="GG33" s="334">
        <v>108178</v>
      </c>
      <c r="GH33" s="333">
        <v>0</v>
      </c>
      <c r="GI33" s="327">
        <v>0</v>
      </c>
      <c r="GJ33" s="331">
        <v>0</v>
      </c>
      <c r="GK33" s="332">
        <v>0</v>
      </c>
      <c r="GL33" s="327">
        <v>0</v>
      </c>
      <c r="GM33" s="327">
        <v>0</v>
      </c>
      <c r="GN33" s="327">
        <v>0</v>
      </c>
      <c r="GO33" s="327">
        <v>0</v>
      </c>
      <c r="GP33" s="327">
        <v>0</v>
      </c>
      <c r="GQ33" s="328">
        <v>0</v>
      </c>
      <c r="GR33" s="330">
        <v>0</v>
      </c>
      <c r="GS33" s="326">
        <v>0</v>
      </c>
      <c r="GT33" s="327">
        <v>0</v>
      </c>
      <c r="GU33" s="328">
        <v>0</v>
      </c>
      <c r="GV33" s="326">
        <v>0</v>
      </c>
      <c r="GW33" s="327">
        <v>0</v>
      </c>
      <c r="GX33" s="327">
        <v>0</v>
      </c>
      <c r="GY33" s="327">
        <v>0</v>
      </c>
      <c r="GZ33" s="327">
        <v>0</v>
      </c>
      <c r="HA33" s="327">
        <v>0</v>
      </c>
      <c r="HB33" s="331">
        <v>0</v>
      </c>
      <c r="HC33" s="330">
        <v>0</v>
      </c>
      <c r="HD33" s="326">
        <v>0</v>
      </c>
      <c r="HE33" s="327">
        <v>0</v>
      </c>
      <c r="HF33" s="331">
        <v>0</v>
      </c>
      <c r="HG33" s="332">
        <v>0</v>
      </c>
      <c r="HH33" s="327">
        <v>0</v>
      </c>
      <c r="HI33" s="327">
        <v>0</v>
      </c>
      <c r="HJ33" s="327">
        <v>0</v>
      </c>
      <c r="HK33" s="327">
        <v>0</v>
      </c>
      <c r="HL33" s="327">
        <v>220059</v>
      </c>
      <c r="HM33" s="328">
        <v>220059</v>
      </c>
      <c r="HN33" s="329">
        <v>220059</v>
      </c>
      <c r="HO33" s="333">
        <v>0</v>
      </c>
      <c r="HP33" s="327">
        <v>0</v>
      </c>
      <c r="HQ33" s="328">
        <v>0</v>
      </c>
      <c r="HR33" s="326">
        <v>0</v>
      </c>
      <c r="HS33" s="327">
        <v>0</v>
      </c>
      <c r="HT33" s="327">
        <v>0</v>
      </c>
      <c r="HU33" s="327">
        <v>0</v>
      </c>
      <c r="HV33" s="327">
        <v>0</v>
      </c>
      <c r="HW33" s="327">
        <v>0</v>
      </c>
      <c r="HX33" s="331">
        <v>0</v>
      </c>
      <c r="HY33" s="330">
        <v>0</v>
      </c>
      <c r="HZ33" s="335">
        <v>0</v>
      </c>
      <c r="IA33" s="336">
        <v>0</v>
      </c>
      <c r="IB33" s="337">
        <v>0</v>
      </c>
      <c r="IC33" s="338">
        <v>0</v>
      </c>
      <c r="ID33" s="336">
        <v>144243</v>
      </c>
      <c r="IE33" s="339">
        <v>231679</v>
      </c>
      <c r="IF33" s="337">
        <v>13637</v>
      </c>
      <c r="IG33" s="336">
        <v>0</v>
      </c>
      <c r="IH33" s="337">
        <v>0</v>
      </c>
      <c r="II33" s="340">
        <v>389559</v>
      </c>
      <c r="IJ33" s="341">
        <v>389559</v>
      </c>
      <c r="IK33" s="342">
        <v>0</v>
      </c>
      <c r="IL33" s="343">
        <v>0</v>
      </c>
      <c r="IM33" s="344">
        <v>0</v>
      </c>
      <c r="IN33" s="404">
        <v>0</v>
      </c>
      <c r="IO33" s="345">
        <v>0</v>
      </c>
      <c r="IP33" s="345">
        <v>0</v>
      </c>
      <c r="IQ33" s="345">
        <v>0</v>
      </c>
      <c r="IR33" s="345">
        <v>0</v>
      </c>
      <c r="IS33" s="345">
        <v>0</v>
      </c>
      <c r="IT33" s="346">
        <v>0</v>
      </c>
      <c r="IU33" s="347">
        <v>0</v>
      </c>
      <c r="IV33" s="348">
        <v>0</v>
      </c>
      <c r="IW33" s="345">
        <v>0</v>
      </c>
      <c r="IX33" s="349">
        <v>0</v>
      </c>
      <c r="IY33" s="404">
        <v>0</v>
      </c>
      <c r="IZ33" s="345">
        <v>0</v>
      </c>
      <c r="JA33" s="345">
        <v>0</v>
      </c>
      <c r="JB33" s="345">
        <v>0</v>
      </c>
      <c r="JC33" s="345">
        <v>0</v>
      </c>
      <c r="JD33" s="345">
        <v>0</v>
      </c>
      <c r="JE33" s="349">
        <v>0</v>
      </c>
      <c r="JF33" s="350">
        <v>0</v>
      </c>
      <c r="JG33" s="348">
        <v>0</v>
      </c>
      <c r="JH33" s="345">
        <v>0</v>
      </c>
      <c r="JI33" s="346">
        <v>0</v>
      </c>
      <c r="JJ33" s="351">
        <v>0</v>
      </c>
      <c r="JK33" s="345">
        <v>144243</v>
      </c>
      <c r="JL33" s="345">
        <v>7807</v>
      </c>
      <c r="JM33" s="345">
        <v>13637</v>
      </c>
      <c r="JN33" s="345">
        <v>0</v>
      </c>
      <c r="JO33" s="345">
        <v>0</v>
      </c>
      <c r="JP33" s="349">
        <v>165687</v>
      </c>
      <c r="JQ33" s="347">
        <v>165687</v>
      </c>
      <c r="JR33" s="348">
        <v>0</v>
      </c>
      <c r="JS33" s="345">
        <v>0</v>
      </c>
      <c r="JT33" s="346">
        <v>0</v>
      </c>
      <c r="JU33" s="351">
        <v>0</v>
      </c>
      <c r="JV33" s="345">
        <v>0</v>
      </c>
      <c r="JW33" s="345">
        <v>0</v>
      </c>
      <c r="JX33" s="345">
        <v>0</v>
      </c>
      <c r="JY33" s="345">
        <v>0</v>
      </c>
      <c r="JZ33" s="345">
        <v>0</v>
      </c>
      <c r="KA33" s="349">
        <v>0</v>
      </c>
      <c r="KB33" s="347">
        <v>0</v>
      </c>
      <c r="KC33" s="352">
        <v>0</v>
      </c>
      <c r="KD33" s="353">
        <v>0</v>
      </c>
      <c r="KE33" s="349">
        <v>0</v>
      </c>
      <c r="KF33" s="351">
        <v>0</v>
      </c>
      <c r="KG33" s="345">
        <v>0</v>
      </c>
      <c r="KH33" s="345">
        <v>0</v>
      </c>
      <c r="KI33" s="345">
        <v>0</v>
      </c>
      <c r="KJ33" s="345">
        <v>0</v>
      </c>
      <c r="KK33" s="345">
        <v>0</v>
      </c>
      <c r="KL33" s="349">
        <v>0</v>
      </c>
      <c r="KM33" s="354">
        <v>0</v>
      </c>
      <c r="KN33" s="342">
        <v>0</v>
      </c>
      <c r="KO33" s="343">
        <v>0</v>
      </c>
      <c r="KP33" s="344">
        <v>0</v>
      </c>
      <c r="KQ33" s="404">
        <v>0</v>
      </c>
      <c r="KR33" s="345">
        <v>0</v>
      </c>
      <c r="KS33" s="345">
        <v>223872</v>
      </c>
      <c r="KT33" s="345">
        <v>0</v>
      </c>
      <c r="KU33" s="345">
        <v>0</v>
      </c>
      <c r="KV33" s="345">
        <v>0</v>
      </c>
      <c r="KW33" s="349">
        <v>223872</v>
      </c>
      <c r="KX33" s="347">
        <v>223872</v>
      </c>
      <c r="KY33" s="348">
        <v>0</v>
      </c>
      <c r="KZ33" s="345">
        <v>0</v>
      </c>
      <c r="LA33" s="349">
        <v>0</v>
      </c>
      <c r="LB33" s="404">
        <v>0</v>
      </c>
      <c r="LC33" s="345">
        <v>0</v>
      </c>
      <c r="LD33" s="345">
        <v>0</v>
      </c>
      <c r="LE33" s="345">
        <v>0</v>
      </c>
      <c r="LF33" s="345">
        <v>0</v>
      </c>
      <c r="LG33" s="345">
        <v>0</v>
      </c>
      <c r="LH33" s="349">
        <v>0</v>
      </c>
      <c r="LI33" s="350">
        <v>0</v>
      </c>
      <c r="LJ33" s="348">
        <v>0</v>
      </c>
      <c r="LK33" s="345">
        <v>0</v>
      </c>
      <c r="LL33" s="349">
        <v>0</v>
      </c>
      <c r="LM33" s="404">
        <v>0</v>
      </c>
      <c r="LN33" s="345">
        <v>0</v>
      </c>
      <c r="LO33" s="345">
        <v>0</v>
      </c>
      <c r="LP33" s="345">
        <v>0</v>
      </c>
      <c r="LQ33" s="345">
        <v>0</v>
      </c>
      <c r="LR33" s="345">
        <v>0</v>
      </c>
      <c r="LS33" s="349">
        <v>0</v>
      </c>
      <c r="LT33" s="347">
        <v>0</v>
      </c>
      <c r="LU33" s="348">
        <v>0</v>
      </c>
      <c r="LV33" s="345">
        <v>0</v>
      </c>
      <c r="LW33" s="349">
        <v>0</v>
      </c>
      <c r="LX33" s="404">
        <v>0</v>
      </c>
      <c r="LY33" s="345">
        <v>0</v>
      </c>
      <c r="LZ33" s="345">
        <v>0</v>
      </c>
      <c r="MA33" s="345">
        <v>0</v>
      </c>
      <c r="MB33" s="345">
        <v>0</v>
      </c>
      <c r="MC33" s="345">
        <v>0</v>
      </c>
      <c r="MD33" s="349">
        <v>0</v>
      </c>
      <c r="ME33" s="350">
        <v>0</v>
      </c>
      <c r="MF33" s="348">
        <v>0</v>
      </c>
      <c r="MG33" s="345">
        <v>0</v>
      </c>
      <c r="MH33" s="349">
        <v>0</v>
      </c>
      <c r="MI33" s="404">
        <v>0</v>
      </c>
      <c r="MJ33" s="345">
        <v>0</v>
      </c>
      <c r="MK33" s="345">
        <v>0</v>
      </c>
      <c r="ML33" s="345">
        <v>244274</v>
      </c>
      <c r="MM33" s="345">
        <v>0</v>
      </c>
      <c r="MN33" s="345">
        <v>0</v>
      </c>
      <c r="MO33" s="349">
        <v>244274</v>
      </c>
      <c r="MP33" s="354">
        <v>244274</v>
      </c>
      <c r="MQ33" s="348">
        <v>0</v>
      </c>
      <c r="MR33" s="345">
        <v>0</v>
      </c>
      <c r="MS33" s="349">
        <v>0</v>
      </c>
      <c r="MT33" s="404">
        <v>0</v>
      </c>
      <c r="MU33" s="345">
        <v>0</v>
      </c>
      <c r="MV33" s="345">
        <v>0</v>
      </c>
      <c r="MW33" s="345">
        <v>0</v>
      </c>
      <c r="MX33" s="345">
        <v>0</v>
      </c>
      <c r="MY33" s="345">
        <v>0</v>
      </c>
      <c r="MZ33" s="349">
        <v>0</v>
      </c>
      <c r="NA33" s="354">
        <v>0</v>
      </c>
      <c r="NB33" s="348">
        <v>0</v>
      </c>
      <c r="NC33" s="345">
        <v>0</v>
      </c>
      <c r="ND33" s="349">
        <v>0</v>
      </c>
      <c r="NE33" s="404">
        <v>0</v>
      </c>
      <c r="NF33" s="345">
        <v>0</v>
      </c>
      <c r="NG33" s="345">
        <v>0</v>
      </c>
      <c r="NH33" s="345">
        <v>244274</v>
      </c>
      <c r="NI33" s="345">
        <v>0</v>
      </c>
      <c r="NJ33" s="345">
        <v>0</v>
      </c>
      <c r="NK33" s="349">
        <v>244274</v>
      </c>
      <c r="NL33" s="347">
        <v>244274</v>
      </c>
      <c r="NM33" s="348">
        <v>0</v>
      </c>
      <c r="NN33" s="345">
        <v>0</v>
      </c>
      <c r="NO33" s="349">
        <v>0</v>
      </c>
      <c r="NP33" s="404">
        <v>0</v>
      </c>
      <c r="NQ33" s="345">
        <v>0</v>
      </c>
      <c r="NR33" s="345">
        <v>0</v>
      </c>
      <c r="NS33" s="345">
        <v>0</v>
      </c>
      <c r="NT33" s="345">
        <v>0</v>
      </c>
      <c r="NU33" s="345">
        <v>0</v>
      </c>
      <c r="NV33" s="349">
        <v>0</v>
      </c>
      <c r="NW33" s="350">
        <v>0</v>
      </c>
      <c r="NX33" s="348">
        <v>0</v>
      </c>
      <c r="NY33" s="345">
        <v>0</v>
      </c>
      <c r="NZ33" s="349">
        <v>0</v>
      </c>
      <c r="OA33" s="404">
        <v>0</v>
      </c>
      <c r="OB33" s="345">
        <v>0</v>
      </c>
      <c r="OC33" s="345">
        <v>0</v>
      </c>
      <c r="OD33" s="345">
        <v>0</v>
      </c>
      <c r="OE33" s="345">
        <v>0</v>
      </c>
      <c r="OF33" s="345">
        <v>0</v>
      </c>
      <c r="OG33" s="349">
        <v>0</v>
      </c>
      <c r="OH33" s="350">
        <v>0</v>
      </c>
      <c r="OI33" s="348">
        <v>0</v>
      </c>
      <c r="OJ33" s="345">
        <v>25994</v>
      </c>
      <c r="OK33" s="346">
        <v>25994</v>
      </c>
      <c r="OL33" s="351">
        <v>0</v>
      </c>
      <c r="OM33" s="345">
        <v>262849</v>
      </c>
      <c r="ON33" s="345">
        <v>378795</v>
      </c>
      <c r="OO33" s="345">
        <v>576492</v>
      </c>
      <c r="OP33" s="345">
        <v>127143</v>
      </c>
      <c r="OQ33" s="345">
        <v>341327</v>
      </c>
      <c r="OR33" s="349">
        <v>1686606</v>
      </c>
      <c r="OS33" s="354">
        <v>1712600</v>
      </c>
    </row>
    <row r="34" spans="2:409" s="70" customFormat="1" ht="21" customHeight="1" x14ac:dyDescent="0.2">
      <c r="B34" s="106" t="s">
        <v>29</v>
      </c>
      <c r="C34" s="326">
        <v>2100</v>
      </c>
      <c r="D34" s="327">
        <v>61600</v>
      </c>
      <c r="E34" s="328">
        <v>63700</v>
      </c>
      <c r="F34" s="329">
        <v>0</v>
      </c>
      <c r="G34" s="327">
        <v>376902</v>
      </c>
      <c r="H34" s="327">
        <v>287633</v>
      </c>
      <c r="I34" s="327">
        <v>406841</v>
      </c>
      <c r="J34" s="327">
        <v>487362</v>
      </c>
      <c r="K34" s="327">
        <v>201908</v>
      </c>
      <c r="L34" s="367">
        <v>1760646</v>
      </c>
      <c r="M34" s="330">
        <v>1824346</v>
      </c>
      <c r="N34" s="326">
        <v>0</v>
      </c>
      <c r="O34" s="327">
        <v>49000</v>
      </c>
      <c r="P34" s="328">
        <v>49000</v>
      </c>
      <c r="Q34" s="326">
        <v>0</v>
      </c>
      <c r="R34" s="327">
        <v>197028</v>
      </c>
      <c r="S34" s="327">
        <v>171167</v>
      </c>
      <c r="T34" s="327">
        <v>214746</v>
      </c>
      <c r="U34" s="327">
        <v>251976</v>
      </c>
      <c r="V34" s="327">
        <v>0</v>
      </c>
      <c r="W34" s="328">
        <v>834917</v>
      </c>
      <c r="X34" s="330">
        <v>883917</v>
      </c>
      <c r="Y34" s="326">
        <v>0</v>
      </c>
      <c r="Z34" s="327">
        <v>0</v>
      </c>
      <c r="AA34" s="328">
        <v>0</v>
      </c>
      <c r="AB34" s="326">
        <v>0</v>
      </c>
      <c r="AC34" s="327">
        <v>41924</v>
      </c>
      <c r="AD34" s="327">
        <v>59861</v>
      </c>
      <c r="AE34" s="327">
        <v>171563</v>
      </c>
      <c r="AF34" s="327">
        <v>114345</v>
      </c>
      <c r="AG34" s="327">
        <v>0</v>
      </c>
      <c r="AH34" s="328">
        <v>387693</v>
      </c>
      <c r="AI34" s="330">
        <v>387693</v>
      </c>
      <c r="AJ34" s="326">
        <v>0</v>
      </c>
      <c r="AK34" s="327">
        <v>0</v>
      </c>
      <c r="AL34" s="328">
        <v>0</v>
      </c>
      <c r="AM34" s="326">
        <v>0</v>
      </c>
      <c r="AN34" s="327">
        <v>0</v>
      </c>
      <c r="AO34" s="327">
        <v>0</v>
      </c>
      <c r="AP34" s="327">
        <v>0</v>
      </c>
      <c r="AQ34" s="327">
        <v>0</v>
      </c>
      <c r="AR34" s="327">
        <v>0</v>
      </c>
      <c r="AS34" s="328">
        <v>0</v>
      </c>
      <c r="AT34" s="330">
        <v>0</v>
      </c>
      <c r="AU34" s="326">
        <v>0</v>
      </c>
      <c r="AV34" s="327">
        <v>49000</v>
      </c>
      <c r="AW34" s="328">
        <v>49000</v>
      </c>
      <c r="AX34" s="326">
        <v>0</v>
      </c>
      <c r="AY34" s="327">
        <v>135238</v>
      </c>
      <c r="AZ34" s="327">
        <v>88118</v>
      </c>
      <c r="BA34" s="327">
        <v>0</v>
      </c>
      <c r="BB34" s="327">
        <v>52374</v>
      </c>
      <c r="BC34" s="327">
        <v>0</v>
      </c>
      <c r="BD34" s="328">
        <v>275730</v>
      </c>
      <c r="BE34" s="330">
        <v>324730</v>
      </c>
      <c r="BF34" s="326">
        <v>0</v>
      </c>
      <c r="BG34" s="327">
        <v>0</v>
      </c>
      <c r="BH34" s="331">
        <v>0</v>
      </c>
      <c r="BI34" s="332">
        <v>0</v>
      </c>
      <c r="BJ34" s="327">
        <v>0</v>
      </c>
      <c r="BK34" s="327">
        <v>23188</v>
      </c>
      <c r="BL34" s="327">
        <v>0</v>
      </c>
      <c r="BM34" s="327">
        <v>66007</v>
      </c>
      <c r="BN34" s="327">
        <v>0</v>
      </c>
      <c r="BO34" s="328">
        <v>89195</v>
      </c>
      <c r="BP34" s="330">
        <v>89195</v>
      </c>
      <c r="BQ34" s="326">
        <v>0</v>
      </c>
      <c r="BR34" s="327">
        <v>0</v>
      </c>
      <c r="BS34" s="328">
        <v>0</v>
      </c>
      <c r="BT34" s="326">
        <v>0</v>
      </c>
      <c r="BU34" s="327">
        <v>19866</v>
      </c>
      <c r="BV34" s="327">
        <v>0</v>
      </c>
      <c r="BW34" s="327">
        <v>43183</v>
      </c>
      <c r="BX34" s="327">
        <v>19250</v>
      </c>
      <c r="BY34" s="327">
        <v>0</v>
      </c>
      <c r="BZ34" s="328">
        <v>82299</v>
      </c>
      <c r="CA34" s="330">
        <v>82299</v>
      </c>
      <c r="CB34" s="326">
        <v>0</v>
      </c>
      <c r="CC34" s="327">
        <v>0</v>
      </c>
      <c r="CD34" s="328">
        <v>0</v>
      </c>
      <c r="CE34" s="326">
        <v>0</v>
      </c>
      <c r="CF34" s="327">
        <v>169514</v>
      </c>
      <c r="CG34" s="327">
        <v>43218</v>
      </c>
      <c r="CH34" s="327">
        <v>0</v>
      </c>
      <c r="CI34" s="327">
        <v>0</v>
      </c>
      <c r="CJ34" s="327">
        <v>0</v>
      </c>
      <c r="CK34" s="328">
        <v>212732</v>
      </c>
      <c r="CL34" s="330">
        <v>212732</v>
      </c>
      <c r="CM34" s="326">
        <v>0</v>
      </c>
      <c r="CN34" s="327">
        <v>0</v>
      </c>
      <c r="CO34" s="328">
        <v>0</v>
      </c>
      <c r="CP34" s="332">
        <v>0</v>
      </c>
      <c r="CQ34" s="327">
        <v>119658</v>
      </c>
      <c r="CR34" s="327">
        <v>43218</v>
      </c>
      <c r="CS34" s="327">
        <v>0</v>
      </c>
      <c r="CT34" s="327">
        <v>0</v>
      </c>
      <c r="CU34" s="327">
        <v>0</v>
      </c>
      <c r="CV34" s="328">
        <v>162876</v>
      </c>
      <c r="CW34" s="330">
        <v>162876</v>
      </c>
      <c r="CX34" s="326">
        <v>0</v>
      </c>
      <c r="CY34" s="327">
        <v>0</v>
      </c>
      <c r="CZ34" s="328">
        <v>0</v>
      </c>
      <c r="DA34" s="326">
        <v>0</v>
      </c>
      <c r="DB34" s="327">
        <v>49856</v>
      </c>
      <c r="DC34" s="327">
        <v>0</v>
      </c>
      <c r="DD34" s="327">
        <v>0</v>
      </c>
      <c r="DE34" s="327">
        <v>0</v>
      </c>
      <c r="DF34" s="327">
        <v>0</v>
      </c>
      <c r="DG34" s="328">
        <v>49856</v>
      </c>
      <c r="DH34" s="330">
        <v>49856</v>
      </c>
      <c r="DI34" s="326">
        <v>0</v>
      </c>
      <c r="DJ34" s="327">
        <v>0</v>
      </c>
      <c r="DK34" s="331">
        <v>0</v>
      </c>
      <c r="DL34" s="332">
        <v>0</v>
      </c>
      <c r="DM34" s="327">
        <v>0</v>
      </c>
      <c r="DN34" s="327">
        <v>0</v>
      </c>
      <c r="DO34" s="327">
        <v>0</v>
      </c>
      <c r="DP34" s="327">
        <v>0</v>
      </c>
      <c r="DQ34" s="327">
        <v>0</v>
      </c>
      <c r="DR34" s="328">
        <v>0</v>
      </c>
      <c r="DS34" s="330">
        <v>0</v>
      </c>
      <c r="DT34" s="326">
        <v>0</v>
      </c>
      <c r="DU34" s="327">
        <v>0</v>
      </c>
      <c r="DV34" s="328">
        <v>0</v>
      </c>
      <c r="DW34" s="326">
        <v>0</v>
      </c>
      <c r="DX34" s="327">
        <v>0</v>
      </c>
      <c r="DY34" s="327">
        <v>0</v>
      </c>
      <c r="DZ34" s="327">
        <v>0</v>
      </c>
      <c r="EA34" s="327">
        <v>0</v>
      </c>
      <c r="EB34" s="327">
        <v>0</v>
      </c>
      <c r="EC34" s="328">
        <v>0</v>
      </c>
      <c r="ED34" s="330">
        <v>0</v>
      </c>
      <c r="EE34" s="326">
        <v>0</v>
      </c>
      <c r="EF34" s="331">
        <v>0</v>
      </c>
      <c r="EG34" s="328">
        <v>0</v>
      </c>
      <c r="EH34" s="326">
        <v>0</v>
      </c>
      <c r="EI34" s="327">
        <v>0</v>
      </c>
      <c r="EJ34" s="327">
        <v>0</v>
      </c>
      <c r="EK34" s="327">
        <v>0</v>
      </c>
      <c r="EL34" s="327">
        <v>0</v>
      </c>
      <c r="EM34" s="327">
        <v>0</v>
      </c>
      <c r="EN34" s="331">
        <v>0</v>
      </c>
      <c r="EO34" s="330">
        <v>0</v>
      </c>
      <c r="EP34" s="326">
        <v>0</v>
      </c>
      <c r="EQ34" s="327">
        <v>0</v>
      </c>
      <c r="ER34" s="331">
        <v>0</v>
      </c>
      <c r="ES34" s="332">
        <v>0</v>
      </c>
      <c r="ET34" s="327">
        <v>0</v>
      </c>
      <c r="EU34" s="327">
        <v>0</v>
      </c>
      <c r="EV34" s="327">
        <v>0</v>
      </c>
      <c r="EW34" s="327">
        <v>0</v>
      </c>
      <c r="EX34" s="327">
        <v>0</v>
      </c>
      <c r="EY34" s="328">
        <v>0</v>
      </c>
      <c r="EZ34" s="330">
        <v>0</v>
      </c>
      <c r="FA34" s="326">
        <v>0</v>
      </c>
      <c r="FB34" s="327">
        <v>0</v>
      </c>
      <c r="FC34" s="331">
        <v>0</v>
      </c>
      <c r="FD34" s="404">
        <v>0</v>
      </c>
      <c r="FE34" s="327">
        <v>0</v>
      </c>
      <c r="FF34" s="327">
        <v>0</v>
      </c>
      <c r="FG34" s="327">
        <v>0</v>
      </c>
      <c r="FH34" s="327">
        <v>0</v>
      </c>
      <c r="FI34" s="327">
        <v>0</v>
      </c>
      <c r="FJ34" s="328">
        <v>0</v>
      </c>
      <c r="FK34" s="330">
        <v>0</v>
      </c>
      <c r="FL34" s="326">
        <v>2100</v>
      </c>
      <c r="FM34" s="327">
        <v>12600</v>
      </c>
      <c r="FN34" s="328">
        <v>14700</v>
      </c>
      <c r="FO34" s="326">
        <v>0</v>
      </c>
      <c r="FP34" s="327">
        <v>10360</v>
      </c>
      <c r="FQ34" s="327">
        <v>73248</v>
      </c>
      <c r="FR34" s="327">
        <v>14700</v>
      </c>
      <c r="FS34" s="327">
        <v>43470</v>
      </c>
      <c r="FT34" s="327">
        <v>0</v>
      </c>
      <c r="FU34" s="328">
        <v>141778</v>
      </c>
      <c r="FV34" s="330">
        <v>156478</v>
      </c>
      <c r="FW34" s="333">
        <v>2100</v>
      </c>
      <c r="FX34" s="327">
        <v>12600</v>
      </c>
      <c r="FY34" s="331">
        <v>14700</v>
      </c>
      <c r="FZ34" s="332">
        <v>0</v>
      </c>
      <c r="GA34" s="327">
        <v>10360</v>
      </c>
      <c r="GB34" s="327">
        <v>73248</v>
      </c>
      <c r="GC34" s="327">
        <v>14700</v>
      </c>
      <c r="GD34" s="327">
        <v>43470</v>
      </c>
      <c r="GE34" s="327">
        <v>0</v>
      </c>
      <c r="GF34" s="328">
        <v>141778</v>
      </c>
      <c r="GG34" s="334">
        <v>156478</v>
      </c>
      <c r="GH34" s="333">
        <v>0</v>
      </c>
      <c r="GI34" s="327">
        <v>0</v>
      </c>
      <c r="GJ34" s="331">
        <v>0</v>
      </c>
      <c r="GK34" s="332">
        <v>0</v>
      </c>
      <c r="GL34" s="327">
        <v>0</v>
      </c>
      <c r="GM34" s="327">
        <v>0</v>
      </c>
      <c r="GN34" s="327">
        <v>0</v>
      </c>
      <c r="GO34" s="327">
        <v>0</v>
      </c>
      <c r="GP34" s="327">
        <v>0</v>
      </c>
      <c r="GQ34" s="328">
        <v>0</v>
      </c>
      <c r="GR34" s="330">
        <v>0</v>
      </c>
      <c r="GS34" s="326">
        <v>0</v>
      </c>
      <c r="GT34" s="327">
        <v>0</v>
      </c>
      <c r="GU34" s="328">
        <v>0</v>
      </c>
      <c r="GV34" s="326">
        <v>0</v>
      </c>
      <c r="GW34" s="327">
        <v>0</v>
      </c>
      <c r="GX34" s="327">
        <v>0</v>
      </c>
      <c r="GY34" s="327">
        <v>0</v>
      </c>
      <c r="GZ34" s="327">
        <v>0</v>
      </c>
      <c r="HA34" s="327">
        <v>0</v>
      </c>
      <c r="HB34" s="331">
        <v>0</v>
      </c>
      <c r="HC34" s="330">
        <v>0</v>
      </c>
      <c r="HD34" s="326">
        <v>0</v>
      </c>
      <c r="HE34" s="327">
        <v>0</v>
      </c>
      <c r="HF34" s="331">
        <v>0</v>
      </c>
      <c r="HG34" s="332">
        <v>0</v>
      </c>
      <c r="HH34" s="327">
        <v>0</v>
      </c>
      <c r="HI34" s="327">
        <v>0</v>
      </c>
      <c r="HJ34" s="327">
        <v>177395</v>
      </c>
      <c r="HK34" s="327">
        <v>191916</v>
      </c>
      <c r="HL34" s="327">
        <v>201908</v>
      </c>
      <c r="HM34" s="328">
        <v>571219</v>
      </c>
      <c r="HN34" s="329">
        <v>571219</v>
      </c>
      <c r="HO34" s="333">
        <v>0</v>
      </c>
      <c r="HP34" s="327">
        <v>0</v>
      </c>
      <c r="HQ34" s="328">
        <v>0</v>
      </c>
      <c r="HR34" s="326">
        <v>0</v>
      </c>
      <c r="HS34" s="327">
        <v>0</v>
      </c>
      <c r="HT34" s="327">
        <v>0</v>
      </c>
      <c r="HU34" s="327">
        <v>0</v>
      </c>
      <c r="HV34" s="327">
        <v>0</v>
      </c>
      <c r="HW34" s="327">
        <v>0</v>
      </c>
      <c r="HX34" s="331">
        <v>0</v>
      </c>
      <c r="HY34" s="330">
        <v>0</v>
      </c>
      <c r="HZ34" s="358">
        <v>0</v>
      </c>
      <c r="IA34" s="356">
        <v>0</v>
      </c>
      <c r="IB34" s="358">
        <v>0</v>
      </c>
      <c r="IC34" s="355">
        <v>0</v>
      </c>
      <c r="ID34" s="356">
        <v>134526</v>
      </c>
      <c r="IE34" s="357">
        <v>317863</v>
      </c>
      <c r="IF34" s="358">
        <v>0</v>
      </c>
      <c r="IG34" s="356">
        <v>242088</v>
      </c>
      <c r="IH34" s="358">
        <v>0</v>
      </c>
      <c r="II34" s="359">
        <v>694477</v>
      </c>
      <c r="IJ34" s="358">
        <v>694477</v>
      </c>
      <c r="IK34" s="342">
        <v>0</v>
      </c>
      <c r="IL34" s="343">
        <v>0</v>
      </c>
      <c r="IM34" s="344">
        <v>0</v>
      </c>
      <c r="IN34" s="404">
        <v>0</v>
      </c>
      <c r="IO34" s="345">
        <v>51247</v>
      </c>
      <c r="IP34" s="345">
        <v>0</v>
      </c>
      <c r="IQ34" s="345">
        <v>0</v>
      </c>
      <c r="IR34" s="345">
        <v>0</v>
      </c>
      <c r="IS34" s="345">
        <v>0</v>
      </c>
      <c r="IT34" s="346">
        <v>51247</v>
      </c>
      <c r="IU34" s="347">
        <v>51247</v>
      </c>
      <c r="IV34" s="348">
        <v>0</v>
      </c>
      <c r="IW34" s="345">
        <v>0</v>
      </c>
      <c r="IX34" s="349">
        <v>0</v>
      </c>
      <c r="IY34" s="404">
        <v>0</v>
      </c>
      <c r="IZ34" s="345">
        <v>0</v>
      </c>
      <c r="JA34" s="345">
        <v>0</v>
      </c>
      <c r="JB34" s="345">
        <v>0</v>
      </c>
      <c r="JC34" s="345">
        <v>0</v>
      </c>
      <c r="JD34" s="345">
        <v>0</v>
      </c>
      <c r="JE34" s="349">
        <v>0</v>
      </c>
      <c r="JF34" s="350">
        <v>0</v>
      </c>
      <c r="JG34" s="348">
        <v>0</v>
      </c>
      <c r="JH34" s="345">
        <v>0</v>
      </c>
      <c r="JI34" s="346">
        <v>0</v>
      </c>
      <c r="JJ34" s="351">
        <v>0</v>
      </c>
      <c r="JK34" s="345">
        <v>83279</v>
      </c>
      <c r="JL34" s="345">
        <v>0</v>
      </c>
      <c r="JM34" s="345">
        <v>0</v>
      </c>
      <c r="JN34" s="345">
        <v>0</v>
      </c>
      <c r="JO34" s="345">
        <v>0</v>
      </c>
      <c r="JP34" s="349">
        <v>83279</v>
      </c>
      <c r="JQ34" s="347">
        <v>83279</v>
      </c>
      <c r="JR34" s="348">
        <v>0</v>
      </c>
      <c r="JS34" s="345">
        <v>0</v>
      </c>
      <c r="JT34" s="346">
        <v>0</v>
      </c>
      <c r="JU34" s="351">
        <v>0</v>
      </c>
      <c r="JV34" s="345">
        <v>0</v>
      </c>
      <c r="JW34" s="345">
        <v>0</v>
      </c>
      <c r="JX34" s="345">
        <v>0</v>
      </c>
      <c r="JY34" s="345">
        <v>0</v>
      </c>
      <c r="JZ34" s="345">
        <v>0</v>
      </c>
      <c r="KA34" s="349">
        <v>0</v>
      </c>
      <c r="KB34" s="347">
        <v>0</v>
      </c>
      <c r="KC34" s="352">
        <v>0</v>
      </c>
      <c r="KD34" s="353">
        <v>0</v>
      </c>
      <c r="KE34" s="349">
        <v>0</v>
      </c>
      <c r="KF34" s="351">
        <v>0</v>
      </c>
      <c r="KG34" s="345">
        <v>0</v>
      </c>
      <c r="KH34" s="345">
        <v>317863</v>
      </c>
      <c r="KI34" s="345">
        <v>0</v>
      </c>
      <c r="KJ34" s="345">
        <v>0</v>
      </c>
      <c r="KK34" s="345">
        <v>0</v>
      </c>
      <c r="KL34" s="349">
        <v>317863</v>
      </c>
      <c r="KM34" s="354">
        <v>317863</v>
      </c>
      <c r="KN34" s="342">
        <v>0</v>
      </c>
      <c r="KO34" s="343">
        <v>0</v>
      </c>
      <c r="KP34" s="344">
        <v>0</v>
      </c>
      <c r="KQ34" s="404">
        <v>0</v>
      </c>
      <c r="KR34" s="345">
        <v>0</v>
      </c>
      <c r="KS34" s="345">
        <v>0</v>
      </c>
      <c r="KT34" s="345">
        <v>0</v>
      </c>
      <c r="KU34" s="345">
        <v>0</v>
      </c>
      <c r="KV34" s="345">
        <v>0</v>
      </c>
      <c r="KW34" s="349">
        <v>0</v>
      </c>
      <c r="KX34" s="347">
        <v>0</v>
      </c>
      <c r="KY34" s="348">
        <v>0</v>
      </c>
      <c r="KZ34" s="345">
        <v>0</v>
      </c>
      <c r="LA34" s="349">
        <v>0</v>
      </c>
      <c r="LB34" s="404">
        <v>0</v>
      </c>
      <c r="LC34" s="345">
        <v>0</v>
      </c>
      <c r="LD34" s="345">
        <v>0</v>
      </c>
      <c r="LE34" s="345">
        <v>0</v>
      </c>
      <c r="LF34" s="345">
        <v>0</v>
      </c>
      <c r="LG34" s="345">
        <v>0</v>
      </c>
      <c r="LH34" s="349">
        <v>0</v>
      </c>
      <c r="LI34" s="350">
        <v>0</v>
      </c>
      <c r="LJ34" s="348">
        <v>0</v>
      </c>
      <c r="LK34" s="345">
        <v>0</v>
      </c>
      <c r="LL34" s="349">
        <v>0</v>
      </c>
      <c r="LM34" s="404">
        <v>0</v>
      </c>
      <c r="LN34" s="345">
        <v>0</v>
      </c>
      <c r="LO34" s="345">
        <v>0</v>
      </c>
      <c r="LP34" s="345">
        <v>0</v>
      </c>
      <c r="LQ34" s="345">
        <v>242088</v>
      </c>
      <c r="LR34" s="345">
        <v>0</v>
      </c>
      <c r="LS34" s="349">
        <v>242088</v>
      </c>
      <c r="LT34" s="347">
        <v>242088</v>
      </c>
      <c r="LU34" s="348">
        <v>0</v>
      </c>
      <c r="LV34" s="345">
        <v>0</v>
      </c>
      <c r="LW34" s="349">
        <v>0</v>
      </c>
      <c r="LX34" s="404">
        <v>0</v>
      </c>
      <c r="LY34" s="345">
        <v>0</v>
      </c>
      <c r="LZ34" s="345">
        <v>0</v>
      </c>
      <c r="MA34" s="345">
        <v>0</v>
      </c>
      <c r="MB34" s="345">
        <v>0</v>
      </c>
      <c r="MC34" s="345">
        <v>0</v>
      </c>
      <c r="MD34" s="349">
        <v>0</v>
      </c>
      <c r="ME34" s="350">
        <v>0</v>
      </c>
      <c r="MF34" s="348">
        <v>0</v>
      </c>
      <c r="MG34" s="345">
        <v>0</v>
      </c>
      <c r="MH34" s="349">
        <v>0</v>
      </c>
      <c r="MI34" s="404">
        <v>0</v>
      </c>
      <c r="MJ34" s="345">
        <v>0</v>
      </c>
      <c r="MK34" s="345">
        <v>0</v>
      </c>
      <c r="ML34" s="345">
        <v>38995</v>
      </c>
      <c r="MM34" s="345">
        <v>272216</v>
      </c>
      <c r="MN34" s="345">
        <v>276460</v>
      </c>
      <c r="MO34" s="349">
        <v>587671</v>
      </c>
      <c r="MP34" s="354">
        <v>587671</v>
      </c>
      <c r="MQ34" s="348">
        <v>0</v>
      </c>
      <c r="MR34" s="345">
        <v>0</v>
      </c>
      <c r="MS34" s="349">
        <v>0</v>
      </c>
      <c r="MT34" s="404">
        <v>0</v>
      </c>
      <c r="MU34" s="345">
        <v>0</v>
      </c>
      <c r="MV34" s="345">
        <v>0</v>
      </c>
      <c r="MW34" s="345">
        <v>0</v>
      </c>
      <c r="MX34" s="345">
        <v>0</v>
      </c>
      <c r="MY34" s="345">
        <v>0</v>
      </c>
      <c r="MZ34" s="349">
        <v>0</v>
      </c>
      <c r="NA34" s="354">
        <v>0</v>
      </c>
      <c r="NB34" s="348">
        <v>0</v>
      </c>
      <c r="NC34" s="345">
        <v>0</v>
      </c>
      <c r="ND34" s="349">
        <v>0</v>
      </c>
      <c r="NE34" s="404">
        <v>0</v>
      </c>
      <c r="NF34" s="345">
        <v>0</v>
      </c>
      <c r="NG34" s="345">
        <v>0</v>
      </c>
      <c r="NH34" s="345">
        <v>0</v>
      </c>
      <c r="NI34" s="345">
        <v>272216</v>
      </c>
      <c r="NJ34" s="345">
        <v>276460</v>
      </c>
      <c r="NK34" s="349">
        <v>548676</v>
      </c>
      <c r="NL34" s="347">
        <v>548676</v>
      </c>
      <c r="NM34" s="348">
        <v>0</v>
      </c>
      <c r="NN34" s="345">
        <v>0</v>
      </c>
      <c r="NO34" s="349">
        <v>0</v>
      </c>
      <c r="NP34" s="404">
        <v>0</v>
      </c>
      <c r="NQ34" s="345">
        <v>0</v>
      </c>
      <c r="NR34" s="345">
        <v>0</v>
      </c>
      <c r="NS34" s="345">
        <v>0</v>
      </c>
      <c r="NT34" s="345">
        <v>0</v>
      </c>
      <c r="NU34" s="345">
        <v>0</v>
      </c>
      <c r="NV34" s="349">
        <v>0</v>
      </c>
      <c r="NW34" s="350">
        <v>0</v>
      </c>
      <c r="NX34" s="348">
        <v>0</v>
      </c>
      <c r="NY34" s="345">
        <v>0</v>
      </c>
      <c r="NZ34" s="349">
        <v>0</v>
      </c>
      <c r="OA34" s="404">
        <v>0</v>
      </c>
      <c r="OB34" s="345">
        <v>0</v>
      </c>
      <c r="OC34" s="345">
        <v>0</v>
      </c>
      <c r="OD34" s="345">
        <v>38995</v>
      </c>
      <c r="OE34" s="345">
        <v>0</v>
      </c>
      <c r="OF34" s="345">
        <v>0</v>
      </c>
      <c r="OG34" s="349">
        <v>38995</v>
      </c>
      <c r="OH34" s="350">
        <v>38995</v>
      </c>
      <c r="OI34" s="348">
        <v>2100</v>
      </c>
      <c r="OJ34" s="345">
        <v>61600</v>
      </c>
      <c r="OK34" s="346">
        <v>63700</v>
      </c>
      <c r="OL34" s="351">
        <v>0</v>
      </c>
      <c r="OM34" s="345">
        <v>511428</v>
      </c>
      <c r="ON34" s="345">
        <v>605496</v>
      </c>
      <c r="OO34" s="345">
        <v>445836</v>
      </c>
      <c r="OP34" s="345">
        <v>1001666</v>
      </c>
      <c r="OQ34" s="345">
        <v>478368</v>
      </c>
      <c r="OR34" s="349">
        <v>3042794</v>
      </c>
      <c r="OS34" s="354">
        <v>3106494</v>
      </c>
    </row>
    <row r="35" spans="2:409" s="70" customFormat="1" ht="21" customHeight="1" x14ac:dyDescent="0.2">
      <c r="B35" s="106" t="s">
        <v>30</v>
      </c>
      <c r="C35" s="326">
        <v>14966</v>
      </c>
      <c r="D35" s="327">
        <v>0</v>
      </c>
      <c r="E35" s="368">
        <v>14966</v>
      </c>
      <c r="F35" s="370">
        <v>0</v>
      </c>
      <c r="G35" s="369">
        <v>547340</v>
      </c>
      <c r="H35" s="369">
        <v>442545</v>
      </c>
      <c r="I35" s="369">
        <v>253596</v>
      </c>
      <c r="J35" s="369">
        <v>420886</v>
      </c>
      <c r="K35" s="369">
        <v>11550</v>
      </c>
      <c r="L35" s="370">
        <v>1675917</v>
      </c>
      <c r="M35" s="330">
        <v>1690883</v>
      </c>
      <c r="N35" s="326">
        <v>0</v>
      </c>
      <c r="O35" s="327">
        <v>0</v>
      </c>
      <c r="P35" s="328">
        <v>0</v>
      </c>
      <c r="Q35" s="326">
        <v>0</v>
      </c>
      <c r="R35" s="327">
        <v>195279</v>
      </c>
      <c r="S35" s="327">
        <v>71126</v>
      </c>
      <c r="T35" s="327">
        <v>191611</v>
      </c>
      <c r="U35" s="327">
        <v>232302</v>
      </c>
      <c r="V35" s="327">
        <v>11550</v>
      </c>
      <c r="W35" s="328">
        <v>701868</v>
      </c>
      <c r="X35" s="330">
        <v>701868</v>
      </c>
      <c r="Y35" s="326">
        <v>0</v>
      </c>
      <c r="Z35" s="327">
        <v>0</v>
      </c>
      <c r="AA35" s="328">
        <v>0</v>
      </c>
      <c r="AB35" s="326">
        <v>0</v>
      </c>
      <c r="AC35" s="327">
        <v>46611</v>
      </c>
      <c r="AD35" s="327">
        <v>43668</v>
      </c>
      <c r="AE35" s="327">
        <v>121254</v>
      </c>
      <c r="AF35" s="327">
        <v>209440</v>
      </c>
      <c r="AG35" s="327">
        <v>0</v>
      </c>
      <c r="AH35" s="328">
        <v>420973</v>
      </c>
      <c r="AI35" s="330">
        <v>420973</v>
      </c>
      <c r="AJ35" s="326">
        <v>0</v>
      </c>
      <c r="AK35" s="327">
        <v>0</v>
      </c>
      <c r="AL35" s="328">
        <v>0</v>
      </c>
      <c r="AM35" s="326">
        <v>0</v>
      </c>
      <c r="AN35" s="327">
        <v>0</v>
      </c>
      <c r="AO35" s="327">
        <v>0</v>
      </c>
      <c r="AP35" s="327">
        <v>41195</v>
      </c>
      <c r="AQ35" s="327">
        <v>0</v>
      </c>
      <c r="AR35" s="327">
        <v>0</v>
      </c>
      <c r="AS35" s="328">
        <v>41195</v>
      </c>
      <c r="AT35" s="330">
        <v>41195</v>
      </c>
      <c r="AU35" s="326">
        <v>0</v>
      </c>
      <c r="AV35" s="327">
        <v>0</v>
      </c>
      <c r="AW35" s="328">
        <v>0</v>
      </c>
      <c r="AX35" s="326">
        <v>0</v>
      </c>
      <c r="AY35" s="327">
        <v>118281</v>
      </c>
      <c r="AZ35" s="327">
        <v>23818</v>
      </c>
      <c r="BA35" s="327">
        <v>29162</v>
      </c>
      <c r="BB35" s="327">
        <v>0</v>
      </c>
      <c r="BC35" s="327">
        <v>0</v>
      </c>
      <c r="BD35" s="328">
        <v>171261</v>
      </c>
      <c r="BE35" s="330">
        <v>171261</v>
      </c>
      <c r="BF35" s="326">
        <v>0</v>
      </c>
      <c r="BG35" s="327">
        <v>0</v>
      </c>
      <c r="BH35" s="331">
        <v>0</v>
      </c>
      <c r="BI35" s="332">
        <v>0</v>
      </c>
      <c r="BJ35" s="327">
        <v>0</v>
      </c>
      <c r="BK35" s="327">
        <v>0</v>
      </c>
      <c r="BL35" s="327">
        <v>0</v>
      </c>
      <c r="BM35" s="327">
        <v>0</v>
      </c>
      <c r="BN35" s="327">
        <v>0</v>
      </c>
      <c r="BO35" s="328">
        <v>0</v>
      </c>
      <c r="BP35" s="330">
        <v>0</v>
      </c>
      <c r="BQ35" s="326">
        <v>0</v>
      </c>
      <c r="BR35" s="327">
        <v>0</v>
      </c>
      <c r="BS35" s="328">
        <v>0</v>
      </c>
      <c r="BT35" s="326">
        <v>0</v>
      </c>
      <c r="BU35" s="327">
        <v>30387</v>
      </c>
      <c r="BV35" s="327">
        <v>3640</v>
      </c>
      <c r="BW35" s="327">
        <v>0</v>
      </c>
      <c r="BX35" s="327">
        <v>22862</v>
      </c>
      <c r="BY35" s="327">
        <v>11550</v>
      </c>
      <c r="BZ35" s="328">
        <v>68439</v>
      </c>
      <c r="CA35" s="330">
        <v>68439</v>
      </c>
      <c r="CB35" s="326">
        <v>0</v>
      </c>
      <c r="CC35" s="327">
        <v>0</v>
      </c>
      <c r="CD35" s="328">
        <v>0</v>
      </c>
      <c r="CE35" s="326">
        <v>0</v>
      </c>
      <c r="CF35" s="327">
        <v>58558</v>
      </c>
      <c r="CG35" s="327">
        <v>84119</v>
      </c>
      <c r="CH35" s="327">
        <v>28686</v>
      </c>
      <c r="CI35" s="327">
        <v>0</v>
      </c>
      <c r="CJ35" s="327">
        <v>0</v>
      </c>
      <c r="CK35" s="328">
        <v>171363</v>
      </c>
      <c r="CL35" s="330">
        <v>171363</v>
      </c>
      <c r="CM35" s="326">
        <v>0</v>
      </c>
      <c r="CN35" s="327">
        <v>0</v>
      </c>
      <c r="CO35" s="328">
        <v>0</v>
      </c>
      <c r="CP35" s="332">
        <v>0</v>
      </c>
      <c r="CQ35" s="327">
        <v>27892</v>
      </c>
      <c r="CR35" s="327">
        <v>25823</v>
      </c>
      <c r="CS35" s="327">
        <v>28686</v>
      </c>
      <c r="CT35" s="327">
        <v>0</v>
      </c>
      <c r="CU35" s="327">
        <v>0</v>
      </c>
      <c r="CV35" s="328">
        <v>82401</v>
      </c>
      <c r="CW35" s="330">
        <v>82401</v>
      </c>
      <c r="CX35" s="326">
        <v>0</v>
      </c>
      <c r="CY35" s="327">
        <v>0</v>
      </c>
      <c r="CZ35" s="328">
        <v>0</v>
      </c>
      <c r="DA35" s="326">
        <v>0</v>
      </c>
      <c r="DB35" s="327">
        <v>30666</v>
      </c>
      <c r="DC35" s="327">
        <v>58296</v>
      </c>
      <c r="DD35" s="327">
        <v>0</v>
      </c>
      <c r="DE35" s="327">
        <v>0</v>
      </c>
      <c r="DF35" s="327">
        <v>0</v>
      </c>
      <c r="DG35" s="328">
        <v>88962</v>
      </c>
      <c r="DH35" s="330">
        <v>88962</v>
      </c>
      <c r="DI35" s="326">
        <v>0</v>
      </c>
      <c r="DJ35" s="327">
        <v>0</v>
      </c>
      <c r="DK35" s="331">
        <v>0</v>
      </c>
      <c r="DL35" s="332">
        <v>0</v>
      </c>
      <c r="DM35" s="327">
        <v>13540</v>
      </c>
      <c r="DN35" s="327">
        <v>77433</v>
      </c>
      <c r="DO35" s="327">
        <v>0</v>
      </c>
      <c r="DP35" s="327">
        <v>170314</v>
      </c>
      <c r="DQ35" s="327">
        <v>0</v>
      </c>
      <c r="DR35" s="328">
        <v>261287</v>
      </c>
      <c r="DS35" s="330">
        <v>261287</v>
      </c>
      <c r="DT35" s="326">
        <v>0</v>
      </c>
      <c r="DU35" s="327">
        <v>0</v>
      </c>
      <c r="DV35" s="328">
        <v>0</v>
      </c>
      <c r="DW35" s="326">
        <v>0</v>
      </c>
      <c r="DX35" s="327">
        <v>13540</v>
      </c>
      <c r="DY35" s="327">
        <v>77433</v>
      </c>
      <c r="DZ35" s="327">
        <v>0</v>
      </c>
      <c r="EA35" s="327">
        <v>170314</v>
      </c>
      <c r="EB35" s="327">
        <v>0</v>
      </c>
      <c r="EC35" s="328">
        <v>261287</v>
      </c>
      <c r="ED35" s="330">
        <v>261287</v>
      </c>
      <c r="EE35" s="326">
        <v>0</v>
      </c>
      <c r="EF35" s="331">
        <v>0</v>
      </c>
      <c r="EG35" s="328">
        <v>0</v>
      </c>
      <c r="EH35" s="326">
        <v>0</v>
      </c>
      <c r="EI35" s="327">
        <v>0</v>
      </c>
      <c r="EJ35" s="327">
        <v>0</v>
      </c>
      <c r="EK35" s="327">
        <v>0</v>
      </c>
      <c r="EL35" s="327">
        <v>0</v>
      </c>
      <c r="EM35" s="327">
        <v>0</v>
      </c>
      <c r="EN35" s="331">
        <v>0</v>
      </c>
      <c r="EO35" s="330">
        <v>0</v>
      </c>
      <c r="EP35" s="326">
        <v>0</v>
      </c>
      <c r="EQ35" s="327">
        <v>0</v>
      </c>
      <c r="ER35" s="331">
        <v>0</v>
      </c>
      <c r="ES35" s="332">
        <v>0</v>
      </c>
      <c r="ET35" s="327">
        <v>0</v>
      </c>
      <c r="EU35" s="327">
        <v>0</v>
      </c>
      <c r="EV35" s="327">
        <v>0</v>
      </c>
      <c r="EW35" s="327">
        <v>0</v>
      </c>
      <c r="EX35" s="327">
        <v>0</v>
      </c>
      <c r="EY35" s="328">
        <v>0</v>
      </c>
      <c r="EZ35" s="330">
        <v>0</v>
      </c>
      <c r="FA35" s="326">
        <v>0</v>
      </c>
      <c r="FB35" s="327">
        <v>0</v>
      </c>
      <c r="FC35" s="331">
        <v>0</v>
      </c>
      <c r="FD35" s="404">
        <v>0</v>
      </c>
      <c r="FE35" s="327">
        <v>0</v>
      </c>
      <c r="FF35" s="327">
        <v>0</v>
      </c>
      <c r="FG35" s="327">
        <v>0</v>
      </c>
      <c r="FH35" s="327">
        <v>0</v>
      </c>
      <c r="FI35" s="327">
        <v>0</v>
      </c>
      <c r="FJ35" s="328">
        <v>0</v>
      </c>
      <c r="FK35" s="330">
        <v>0</v>
      </c>
      <c r="FL35" s="326">
        <v>14966</v>
      </c>
      <c r="FM35" s="327">
        <v>0</v>
      </c>
      <c r="FN35" s="328">
        <v>14966</v>
      </c>
      <c r="FO35" s="326">
        <v>0</v>
      </c>
      <c r="FP35" s="327">
        <v>5460</v>
      </c>
      <c r="FQ35" s="327">
        <v>41440</v>
      </c>
      <c r="FR35" s="327">
        <v>33299</v>
      </c>
      <c r="FS35" s="327">
        <v>18270</v>
      </c>
      <c r="FT35" s="327">
        <v>0</v>
      </c>
      <c r="FU35" s="328">
        <v>98469</v>
      </c>
      <c r="FV35" s="330">
        <v>113435</v>
      </c>
      <c r="FW35" s="333">
        <v>14966</v>
      </c>
      <c r="FX35" s="327">
        <v>0</v>
      </c>
      <c r="FY35" s="331">
        <v>14966</v>
      </c>
      <c r="FZ35" s="332">
        <v>0</v>
      </c>
      <c r="GA35" s="327">
        <v>5460</v>
      </c>
      <c r="GB35" s="327">
        <v>41440</v>
      </c>
      <c r="GC35" s="327">
        <v>33299</v>
      </c>
      <c r="GD35" s="327">
        <v>18270</v>
      </c>
      <c r="GE35" s="327">
        <v>0</v>
      </c>
      <c r="GF35" s="328">
        <v>98469</v>
      </c>
      <c r="GG35" s="334">
        <v>113435</v>
      </c>
      <c r="GH35" s="333">
        <v>0</v>
      </c>
      <c r="GI35" s="327">
        <v>0</v>
      </c>
      <c r="GJ35" s="331">
        <v>0</v>
      </c>
      <c r="GK35" s="332">
        <v>0</v>
      </c>
      <c r="GL35" s="327">
        <v>0</v>
      </c>
      <c r="GM35" s="327">
        <v>0</v>
      </c>
      <c r="GN35" s="327">
        <v>0</v>
      </c>
      <c r="GO35" s="327">
        <v>0</v>
      </c>
      <c r="GP35" s="327">
        <v>0</v>
      </c>
      <c r="GQ35" s="328">
        <v>0</v>
      </c>
      <c r="GR35" s="330">
        <v>0</v>
      </c>
      <c r="GS35" s="326">
        <v>0</v>
      </c>
      <c r="GT35" s="327">
        <v>0</v>
      </c>
      <c r="GU35" s="328">
        <v>0</v>
      </c>
      <c r="GV35" s="326">
        <v>0</v>
      </c>
      <c r="GW35" s="327">
        <v>0</v>
      </c>
      <c r="GX35" s="327">
        <v>0</v>
      </c>
      <c r="GY35" s="327">
        <v>0</v>
      </c>
      <c r="GZ35" s="327">
        <v>0</v>
      </c>
      <c r="HA35" s="327">
        <v>0</v>
      </c>
      <c r="HB35" s="331">
        <v>0</v>
      </c>
      <c r="HC35" s="330">
        <v>0</v>
      </c>
      <c r="HD35" s="326">
        <v>0</v>
      </c>
      <c r="HE35" s="327">
        <v>0</v>
      </c>
      <c r="HF35" s="331">
        <v>0</v>
      </c>
      <c r="HG35" s="332">
        <v>0</v>
      </c>
      <c r="HH35" s="327">
        <v>274503</v>
      </c>
      <c r="HI35" s="327">
        <v>168427</v>
      </c>
      <c r="HJ35" s="327">
        <v>0</v>
      </c>
      <c r="HK35" s="327">
        <v>0</v>
      </c>
      <c r="HL35" s="327">
        <v>0</v>
      </c>
      <c r="HM35" s="328">
        <v>442930</v>
      </c>
      <c r="HN35" s="329">
        <v>442930</v>
      </c>
      <c r="HO35" s="333">
        <v>0</v>
      </c>
      <c r="HP35" s="327">
        <v>0</v>
      </c>
      <c r="HQ35" s="328">
        <v>0</v>
      </c>
      <c r="HR35" s="326">
        <v>0</v>
      </c>
      <c r="HS35" s="327">
        <v>0</v>
      </c>
      <c r="HT35" s="327">
        <v>0</v>
      </c>
      <c r="HU35" s="327">
        <v>0</v>
      </c>
      <c r="HV35" s="327">
        <v>0</v>
      </c>
      <c r="HW35" s="327">
        <v>0</v>
      </c>
      <c r="HX35" s="331">
        <v>0</v>
      </c>
      <c r="HY35" s="330">
        <v>0</v>
      </c>
      <c r="HZ35" s="335">
        <v>0</v>
      </c>
      <c r="IA35" s="336">
        <v>0</v>
      </c>
      <c r="IB35" s="337">
        <v>0</v>
      </c>
      <c r="IC35" s="338">
        <v>0</v>
      </c>
      <c r="ID35" s="336">
        <v>45640</v>
      </c>
      <c r="IE35" s="339">
        <v>29820</v>
      </c>
      <c r="IF35" s="337">
        <v>0</v>
      </c>
      <c r="IG35" s="336">
        <v>0</v>
      </c>
      <c r="IH35" s="337">
        <v>0</v>
      </c>
      <c r="II35" s="340">
        <v>75460</v>
      </c>
      <c r="IJ35" s="341">
        <v>75460</v>
      </c>
      <c r="IK35" s="342">
        <v>0</v>
      </c>
      <c r="IL35" s="343">
        <v>0</v>
      </c>
      <c r="IM35" s="344">
        <v>0</v>
      </c>
      <c r="IN35" s="404">
        <v>0</v>
      </c>
      <c r="IO35" s="345">
        <v>0</v>
      </c>
      <c r="IP35" s="345">
        <v>0</v>
      </c>
      <c r="IQ35" s="345">
        <v>0</v>
      </c>
      <c r="IR35" s="345">
        <v>0</v>
      </c>
      <c r="IS35" s="345">
        <v>0</v>
      </c>
      <c r="IT35" s="346">
        <v>0</v>
      </c>
      <c r="IU35" s="347">
        <v>0</v>
      </c>
      <c r="IV35" s="348">
        <v>0</v>
      </c>
      <c r="IW35" s="345">
        <v>0</v>
      </c>
      <c r="IX35" s="349">
        <v>0</v>
      </c>
      <c r="IY35" s="404">
        <v>0</v>
      </c>
      <c r="IZ35" s="345">
        <v>0</v>
      </c>
      <c r="JA35" s="345">
        <v>0</v>
      </c>
      <c r="JB35" s="345">
        <v>0</v>
      </c>
      <c r="JC35" s="345">
        <v>0</v>
      </c>
      <c r="JD35" s="345">
        <v>0</v>
      </c>
      <c r="JE35" s="349">
        <v>0</v>
      </c>
      <c r="JF35" s="350">
        <v>0</v>
      </c>
      <c r="JG35" s="348">
        <v>0</v>
      </c>
      <c r="JH35" s="345">
        <v>0</v>
      </c>
      <c r="JI35" s="346">
        <v>0</v>
      </c>
      <c r="JJ35" s="351">
        <v>0</v>
      </c>
      <c r="JK35" s="345">
        <v>45640</v>
      </c>
      <c r="JL35" s="345">
        <v>0</v>
      </c>
      <c r="JM35" s="345">
        <v>0</v>
      </c>
      <c r="JN35" s="345">
        <v>0</v>
      </c>
      <c r="JO35" s="345">
        <v>0</v>
      </c>
      <c r="JP35" s="349">
        <v>45640</v>
      </c>
      <c r="JQ35" s="347">
        <v>45640</v>
      </c>
      <c r="JR35" s="348">
        <v>0</v>
      </c>
      <c r="JS35" s="345">
        <v>0</v>
      </c>
      <c r="JT35" s="346">
        <v>0</v>
      </c>
      <c r="JU35" s="351">
        <v>0</v>
      </c>
      <c r="JV35" s="345">
        <v>0</v>
      </c>
      <c r="JW35" s="345">
        <v>29820</v>
      </c>
      <c r="JX35" s="345">
        <v>0</v>
      </c>
      <c r="JY35" s="345">
        <v>0</v>
      </c>
      <c r="JZ35" s="345">
        <v>0</v>
      </c>
      <c r="KA35" s="349">
        <v>29820</v>
      </c>
      <c r="KB35" s="347">
        <v>29820</v>
      </c>
      <c r="KC35" s="352">
        <v>0</v>
      </c>
      <c r="KD35" s="353">
        <v>0</v>
      </c>
      <c r="KE35" s="349">
        <v>0</v>
      </c>
      <c r="KF35" s="351">
        <v>0</v>
      </c>
      <c r="KG35" s="345">
        <v>0</v>
      </c>
      <c r="KH35" s="345">
        <v>0</v>
      </c>
      <c r="KI35" s="345">
        <v>0</v>
      </c>
      <c r="KJ35" s="345">
        <v>0</v>
      </c>
      <c r="KK35" s="345">
        <v>0</v>
      </c>
      <c r="KL35" s="349">
        <v>0</v>
      </c>
      <c r="KM35" s="354">
        <v>0</v>
      </c>
      <c r="KN35" s="342">
        <v>0</v>
      </c>
      <c r="KO35" s="343">
        <v>0</v>
      </c>
      <c r="KP35" s="344">
        <v>0</v>
      </c>
      <c r="KQ35" s="404">
        <v>0</v>
      </c>
      <c r="KR35" s="345">
        <v>0</v>
      </c>
      <c r="KS35" s="345">
        <v>0</v>
      </c>
      <c r="KT35" s="345">
        <v>0</v>
      </c>
      <c r="KU35" s="345">
        <v>0</v>
      </c>
      <c r="KV35" s="345">
        <v>0</v>
      </c>
      <c r="KW35" s="349">
        <v>0</v>
      </c>
      <c r="KX35" s="347">
        <v>0</v>
      </c>
      <c r="KY35" s="348">
        <v>0</v>
      </c>
      <c r="KZ35" s="345">
        <v>0</v>
      </c>
      <c r="LA35" s="349">
        <v>0</v>
      </c>
      <c r="LB35" s="404">
        <v>0</v>
      </c>
      <c r="LC35" s="345">
        <v>0</v>
      </c>
      <c r="LD35" s="345">
        <v>0</v>
      </c>
      <c r="LE35" s="345">
        <v>0</v>
      </c>
      <c r="LF35" s="345">
        <v>0</v>
      </c>
      <c r="LG35" s="345">
        <v>0</v>
      </c>
      <c r="LH35" s="349">
        <v>0</v>
      </c>
      <c r="LI35" s="350">
        <v>0</v>
      </c>
      <c r="LJ35" s="348">
        <v>0</v>
      </c>
      <c r="LK35" s="345">
        <v>0</v>
      </c>
      <c r="LL35" s="349">
        <v>0</v>
      </c>
      <c r="LM35" s="404">
        <v>0</v>
      </c>
      <c r="LN35" s="345">
        <v>0</v>
      </c>
      <c r="LO35" s="345">
        <v>0</v>
      </c>
      <c r="LP35" s="345">
        <v>0</v>
      </c>
      <c r="LQ35" s="345">
        <v>0</v>
      </c>
      <c r="LR35" s="345">
        <v>0</v>
      </c>
      <c r="LS35" s="349">
        <v>0</v>
      </c>
      <c r="LT35" s="347">
        <v>0</v>
      </c>
      <c r="LU35" s="348">
        <v>0</v>
      </c>
      <c r="LV35" s="345">
        <v>0</v>
      </c>
      <c r="LW35" s="349">
        <v>0</v>
      </c>
      <c r="LX35" s="404">
        <v>0</v>
      </c>
      <c r="LY35" s="345">
        <v>0</v>
      </c>
      <c r="LZ35" s="345">
        <v>0</v>
      </c>
      <c r="MA35" s="345">
        <v>0</v>
      </c>
      <c r="MB35" s="345">
        <v>0</v>
      </c>
      <c r="MC35" s="345">
        <v>0</v>
      </c>
      <c r="MD35" s="349">
        <v>0</v>
      </c>
      <c r="ME35" s="350">
        <v>0</v>
      </c>
      <c r="MF35" s="348">
        <v>0</v>
      </c>
      <c r="MG35" s="345">
        <v>0</v>
      </c>
      <c r="MH35" s="349">
        <v>0</v>
      </c>
      <c r="MI35" s="404">
        <v>0</v>
      </c>
      <c r="MJ35" s="345">
        <v>196201</v>
      </c>
      <c r="MK35" s="345">
        <v>0</v>
      </c>
      <c r="ML35" s="345">
        <v>225063</v>
      </c>
      <c r="MM35" s="345">
        <v>578186</v>
      </c>
      <c r="MN35" s="345">
        <v>0</v>
      </c>
      <c r="MO35" s="349">
        <v>999450</v>
      </c>
      <c r="MP35" s="354">
        <v>999450</v>
      </c>
      <c r="MQ35" s="348">
        <v>0</v>
      </c>
      <c r="MR35" s="345">
        <v>0</v>
      </c>
      <c r="MS35" s="349">
        <v>0</v>
      </c>
      <c r="MT35" s="404">
        <v>0</v>
      </c>
      <c r="MU35" s="345">
        <v>0</v>
      </c>
      <c r="MV35" s="345">
        <v>0</v>
      </c>
      <c r="MW35" s="345">
        <v>225063</v>
      </c>
      <c r="MX35" s="345">
        <v>239218</v>
      </c>
      <c r="MY35" s="345">
        <v>0</v>
      </c>
      <c r="MZ35" s="349">
        <v>464281</v>
      </c>
      <c r="NA35" s="354">
        <v>464281</v>
      </c>
      <c r="NB35" s="348">
        <v>0</v>
      </c>
      <c r="NC35" s="345">
        <v>0</v>
      </c>
      <c r="ND35" s="349">
        <v>0</v>
      </c>
      <c r="NE35" s="404">
        <v>0</v>
      </c>
      <c r="NF35" s="345">
        <v>196201</v>
      </c>
      <c r="NG35" s="345">
        <v>0</v>
      </c>
      <c r="NH35" s="345">
        <v>0</v>
      </c>
      <c r="NI35" s="345">
        <v>338968</v>
      </c>
      <c r="NJ35" s="345">
        <v>0</v>
      </c>
      <c r="NK35" s="349">
        <v>535169</v>
      </c>
      <c r="NL35" s="347">
        <v>535169</v>
      </c>
      <c r="NM35" s="348">
        <v>0</v>
      </c>
      <c r="NN35" s="345">
        <v>0</v>
      </c>
      <c r="NO35" s="349">
        <v>0</v>
      </c>
      <c r="NP35" s="404">
        <v>0</v>
      </c>
      <c r="NQ35" s="345">
        <v>0</v>
      </c>
      <c r="NR35" s="345">
        <v>0</v>
      </c>
      <c r="NS35" s="345">
        <v>0</v>
      </c>
      <c r="NT35" s="345">
        <v>0</v>
      </c>
      <c r="NU35" s="345">
        <v>0</v>
      </c>
      <c r="NV35" s="349">
        <v>0</v>
      </c>
      <c r="NW35" s="350">
        <v>0</v>
      </c>
      <c r="NX35" s="348">
        <v>0</v>
      </c>
      <c r="NY35" s="345">
        <v>0</v>
      </c>
      <c r="NZ35" s="349">
        <v>0</v>
      </c>
      <c r="OA35" s="404">
        <v>0</v>
      </c>
      <c r="OB35" s="345">
        <v>0</v>
      </c>
      <c r="OC35" s="345">
        <v>0</v>
      </c>
      <c r="OD35" s="345">
        <v>0</v>
      </c>
      <c r="OE35" s="345">
        <v>0</v>
      </c>
      <c r="OF35" s="345">
        <v>0</v>
      </c>
      <c r="OG35" s="349">
        <v>0</v>
      </c>
      <c r="OH35" s="350">
        <v>0</v>
      </c>
      <c r="OI35" s="348">
        <v>14966</v>
      </c>
      <c r="OJ35" s="345">
        <v>0</v>
      </c>
      <c r="OK35" s="346">
        <v>14966</v>
      </c>
      <c r="OL35" s="351">
        <v>0</v>
      </c>
      <c r="OM35" s="345">
        <v>789181</v>
      </c>
      <c r="ON35" s="345">
        <v>472365</v>
      </c>
      <c r="OO35" s="345">
        <v>478659</v>
      </c>
      <c r="OP35" s="345">
        <v>999072</v>
      </c>
      <c r="OQ35" s="345">
        <v>11550</v>
      </c>
      <c r="OR35" s="349">
        <v>2750827</v>
      </c>
      <c r="OS35" s="354">
        <v>2765793</v>
      </c>
    </row>
    <row r="36" spans="2:409" s="70" customFormat="1" ht="21" customHeight="1" x14ac:dyDescent="0.2">
      <c r="B36" s="106" t="s">
        <v>31</v>
      </c>
      <c r="C36" s="326">
        <v>4480</v>
      </c>
      <c r="D36" s="327">
        <v>104111</v>
      </c>
      <c r="E36" s="328">
        <v>108591</v>
      </c>
      <c r="F36" s="329">
        <v>0</v>
      </c>
      <c r="G36" s="327">
        <v>158463</v>
      </c>
      <c r="H36" s="327">
        <v>446229</v>
      </c>
      <c r="I36" s="327">
        <v>650697</v>
      </c>
      <c r="J36" s="327">
        <v>512830</v>
      </c>
      <c r="K36" s="327">
        <v>217410</v>
      </c>
      <c r="L36" s="367">
        <v>1985629</v>
      </c>
      <c r="M36" s="330">
        <v>2094220</v>
      </c>
      <c r="N36" s="326">
        <v>0</v>
      </c>
      <c r="O36" s="327">
        <v>19439</v>
      </c>
      <c r="P36" s="328">
        <v>19439</v>
      </c>
      <c r="Q36" s="326">
        <v>0</v>
      </c>
      <c r="R36" s="327">
        <v>52272</v>
      </c>
      <c r="S36" s="327">
        <v>82833</v>
      </c>
      <c r="T36" s="327">
        <v>145173</v>
      </c>
      <c r="U36" s="327">
        <v>232571</v>
      </c>
      <c r="V36" s="327">
        <v>150420</v>
      </c>
      <c r="W36" s="328">
        <v>663269</v>
      </c>
      <c r="X36" s="330">
        <v>682708</v>
      </c>
      <c r="Y36" s="326">
        <v>0</v>
      </c>
      <c r="Z36" s="327">
        <v>0</v>
      </c>
      <c r="AA36" s="328">
        <v>0</v>
      </c>
      <c r="AB36" s="326">
        <v>0</v>
      </c>
      <c r="AC36" s="327">
        <v>27982</v>
      </c>
      <c r="AD36" s="327">
        <v>0</v>
      </c>
      <c r="AE36" s="327">
        <v>0</v>
      </c>
      <c r="AF36" s="327">
        <v>218977</v>
      </c>
      <c r="AG36" s="327">
        <v>0</v>
      </c>
      <c r="AH36" s="328">
        <v>246959</v>
      </c>
      <c r="AI36" s="330">
        <v>246959</v>
      </c>
      <c r="AJ36" s="326">
        <v>0</v>
      </c>
      <c r="AK36" s="327">
        <v>0</v>
      </c>
      <c r="AL36" s="328">
        <v>0</v>
      </c>
      <c r="AM36" s="326">
        <v>0</v>
      </c>
      <c r="AN36" s="327">
        <v>0</v>
      </c>
      <c r="AO36" s="327">
        <v>0</v>
      </c>
      <c r="AP36" s="327">
        <v>0</v>
      </c>
      <c r="AQ36" s="327">
        <v>0</v>
      </c>
      <c r="AR36" s="327">
        <v>89086</v>
      </c>
      <c r="AS36" s="328">
        <v>89086</v>
      </c>
      <c r="AT36" s="330">
        <v>89086</v>
      </c>
      <c r="AU36" s="326">
        <v>0</v>
      </c>
      <c r="AV36" s="327">
        <v>19439</v>
      </c>
      <c r="AW36" s="328">
        <v>19439</v>
      </c>
      <c r="AX36" s="326">
        <v>0</v>
      </c>
      <c r="AY36" s="327">
        <v>24290</v>
      </c>
      <c r="AZ36" s="327">
        <v>82833</v>
      </c>
      <c r="BA36" s="327">
        <v>134953</v>
      </c>
      <c r="BB36" s="327">
        <v>0</v>
      </c>
      <c r="BC36" s="327">
        <v>61334</v>
      </c>
      <c r="BD36" s="328">
        <v>303410</v>
      </c>
      <c r="BE36" s="330">
        <v>322849</v>
      </c>
      <c r="BF36" s="326">
        <v>0</v>
      </c>
      <c r="BG36" s="327">
        <v>0</v>
      </c>
      <c r="BH36" s="331">
        <v>0</v>
      </c>
      <c r="BI36" s="332">
        <v>0</v>
      </c>
      <c r="BJ36" s="327">
        <v>0</v>
      </c>
      <c r="BK36" s="327">
        <v>0</v>
      </c>
      <c r="BL36" s="327">
        <v>0</v>
      </c>
      <c r="BM36" s="327">
        <v>0</v>
      </c>
      <c r="BN36" s="327">
        <v>0</v>
      </c>
      <c r="BO36" s="328">
        <v>0</v>
      </c>
      <c r="BP36" s="330">
        <v>0</v>
      </c>
      <c r="BQ36" s="326">
        <v>0</v>
      </c>
      <c r="BR36" s="327">
        <v>0</v>
      </c>
      <c r="BS36" s="328">
        <v>0</v>
      </c>
      <c r="BT36" s="326">
        <v>0</v>
      </c>
      <c r="BU36" s="327">
        <v>0</v>
      </c>
      <c r="BV36" s="327">
        <v>0</v>
      </c>
      <c r="BW36" s="327">
        <v>10220</v>
      </c>
      <c r="BX36" s="327">
        <v>13594</v>
      </c>
      <c r="BY36" s="327">
        <v>0</v>
      </c>
      <c r="BZ36" s="328">
        <v>23814</v>
      </c>
      <c r="CA36" s="330">
        <v>23814</v>
      </c>
      <c r="CB36" s="326">
        <v>0</v>
      </c>
      <c r="CC36" s="327">
        <v>0</v>
      </c>
      <c r="CD36" s="328">
        <v>0</v>
      </c>
      <c r="CE36" s="326">
        <v>0</v>
      </c>
      <c r="CF36" s="327">
        <v>56654</v>
      </c>
      <c r="CG36" s="327">
        <v>147390</v>
      </c>
      <c r="CH36" s="327">
        <v>136044</v>
      </c>
      <c r="CI36" s="327">
        <v>85771</v>
      </c>
      <c r="CJ36" s="327">
        <v>0</v>
      </c>
      <c r="CK36" s="328">
        <v>425859</v>
      </c>
      <c r="CL36" s="330">
        <v>425859</v>
      </c>
      <c r="CM36" s="326">
        <v>0</v>
      </c>
      <c r="CN36" s="327">
        <v>0</v>
      </c>
      <c r="CO36" s="328">
        <v>0</v>
      </c>
      <c r="CP36" s="332">
        <v>0</v>
      </c>
      <c r="CQ36" s="327">
        <v>56654</v>
      </c>
      <c r="CR36" s="327">
        <v>121403</v>
      </c>
      <c r="CS36" s="327">
        <v>62483</v>
      </c>
      <c r="CT36" s="327">
        <v>85771</v>
      </c>
      <c r="CU36" s="327">
        <v>0</v>
      </c>
      <c r="CV36" s="328">
        <v>326311</v>
      </c>
      <c r="CW36" s="330">
        <v>326311</v>
      </c>
      <c r="CX36" s="326">
        <v>0</v>
      </c>
      <c r="CY36" s="327">
        <v>0</v>
      </c>
      <c r="CZ36" s="328">
        <v>0</v>
      </c>
      <c r="DA36" s="326">
        <v>0</v>
      </c>
      <c r="DB36" s="327">
        <v>0</v>
      </c>
      <c r="DC36" s="327">
        <v>25987</v>
      </c>
      <c r="DD36" s="327">
        <v>73561</v>
      </c>
      <c r="DE36" s="327">
        <v>0</v>
      </c>
      <c r="DF36" s="327">
        <v>0</v>
      </c>
      <c r="DG36" s="328">
        <v>99548</v>
      </c>
      <c r="DH36" s="330">
        <v>99548</v>
      </c>
      <c r="DI36" s="326">
        <v>0</v>
      </c>
      <c r="DJ36" s="327">
        <v>0</v>
      </c>
      <c r="DK36" s="331">
        <v>0</v>
      </c>
      <c r="DL36" s="332">
        <v>0</v>
      </c>
      <c r="DM36" s="327">
        <v>37637</v>
      </c>
      <c r="DN36" s="327">
        <v>0</v>
      </c>
      <c r="DO36" s="327">
        <v>88906</v>
      </c>
      <c r="DP36" s="327">
        <v>132762</v>
      </c>
      <c r="DQ36" s="327">
        <v>0</v>
      </c>
      <c r="DR36" s="328">
        <v>259305</v>
      </c>
      <c r="DS36" s="330">
        <v>259305</v>
      </c>
      <c r="DT36" s="326">
        <v>0</v>
      </c>
      <c r="DU36" s="327">
        <v>0</v>
      </c>
      <c r="DV36" s="328">
        <v>0</v>
      </c>
      <c r="DW36" s="326">
        <v>0</v>
      </c>
      <c r="DX36" s="327">
        <v>37637</v>
      </c>
      <c r="DY36" s="327">
        <v>0</v>
      </c>
      <c r="DZ36" s="327">
        <v>88906</v>
      </c>
      <c r="EA36" s="327">
        <v>132762</v>
      </c>
      <c r="EB36" s="327">
        <v>0</v>
      </c>
      <c r="EC36" s="328">
        <v>259305</v>
      </c>
      <c r="ED36" s="330">
        <v>259305</v>
      </c>
      <c r="EE36" s="326">
        <v>0</v>
      </c>
      <c r="EF36" s="331">
        <v>0</v>
      </c>
      <c r="EG36" s="328">
        <v>0</v>
      </c>
      <c r="EH36" s="326">
        <v>0</v>
      </c>
      <c r="EI36" s="327">
        <v>0</v>
      </c>
      <c r="EJ36" s="327">
        <v>0</v>
      </c>
      <c r="EK36" s="327">
        <v>0</v>
      </c>
      <c r="EL36" s="327">
        <v>0</v>
      </c>
      <c r="EM36" s="327">
        <v>0</v>
      </c>
      <c r="EN36" s="331">
        <v>0</v>
      </c>
      <c r="EO36" s="330">
        <v>0</v>
      </c>
      <c r="EP36" s="326">
        <v>0</v>
      </c>
      <c r="EQ36" s="327">
        <v>0</v>
      </c>
      <c r="ER36" s="331">
        <v>0</v>
      </c>
      <c r="ES36" s="332">
        <v>0</v>
      </c>
      <c r="ET36" s="327">
        <v>0</v>
      </c>
      <c r="EU36" s="327">
        <v>0</v>
      </c>
      <c r="EV36" s="327">
        <v>0</v>
      </c>
      <c r="EW36" s="327">
        <v>0</v>
      </c>
      <c r="EX36" s="327">
        <v>0</v>
      </c>
      <c r="EY36" s="328">
        <v>0</v>
      </c>
      <c r="EZ36" s="330">
        <v>0</v>
      </c>
      <c r="FA36" s="326">
        <v>0</v>
      </c>
      <c r="FB36" s="327">
        <v>0</v>
      </c>
      <c r="FC36" s="331">
        <v>0</v>
      </c>
      <c r="FD36" s="404">
        <v>0</v>
      </c>
      <c r="FE36" s="327">
        <v>0</v>
      </c>
      <c r="FF36" s="327">
        <v>0</v>
      </c>
      <c r="FG36" s="327">
        <v>0</v>
      </c>
      <c r="FH36" s="327">
        <v>0</v>
      </c>
      <c r="FI36" s="327">
        <v>0</v>
      </c>
      <c r="FJ36" s="328">
        <v>0</v>
      </c>
      <c r="FK36" s="330">
        <v>0</v>
      </c>
      <c r="FL36" s="326">
        <v>4480</v>
      </c>
      <c r="FM36" s="327">
        <v>14560</v>
      </c>
      <c r="FN36" s="328">
        <v>19040</v>
      </c>
      <c r="FO36" s="326">
        <v>0</v>
      </c>
      <c r="FP36" s="327">
        <v>11900</v>
      </c>
      <c r="FQ36" s="327">
        <v>47418</v>
      </c>
      <c r="FR36" s="327">
        <v>115255</v>
      </c>
      <c r="FS36" s="327">
        <v>61726</v>
      </c>
      <c r="FT36" s="327">
        <v>66990</v>
      </c>
      <c r="FU36" s="328">
        <v>303289</v>
      </c>
      <c r="FV36" s="330">
        <v>322329</v>
      </c>
      <c r="FW36" s="333">
        <v>4480</v>
      </c>
      <c r="FX36" s="327">
        <v>14560</v>
      </c>
      <c r="FY36" s="331">
        <v>19040</v>
      </c>
      <c r="FZ36" s="332">
        <v>0</v>
      </c>
      <c r="GA36" s="327">
        <v>11900</v>
      </c>
      <c r="GB36" s="327">
        <v>47418</v>
      </c>
      <c r="GC36" s="327">
        <v>69825</v>
      </c>
      <c r="GD36" s="327">
        <v>61726</v>
      </c>
      <c r="GE36" s="327">
        <v>66990</v>
      </c>
      <c r="GF36" s="328">
        <v>257859</v>
      </c>
      <c r="GG36" s="334">
        <v>276899</v>
      </c>
      <c r="GH36" s="333">
        <v>0</v>
      </c>
      <c r="GI36" s="327">
        <v>0</v>
      </c>
      <c r="GJ36" s="331">
        <v>0</v>
      </c>
      <c r="GK36" s="332">
        <v>0</v>
      </c>
      <c r="GL36" s="327">
        <v>0</v>
      </c>
      <c r="GM36" s="327">
        <v>0</v>
      </c>
      <c r="GN36" s="327">
        <v>0</v>
      </c>
      <c r="GO36" s="327">
        <v>0</v>
      </c>
      <c r="GP36" s="327">
        <v>0</v>
      </c>
      <c r="GQ36" s="328">
        <v>0</v>
      </c>
      <c r="GR36" s="330">
        <v>0</v>
      </c>
      <c r="GS36" s="326">
        <v>0</v>
      </c>
      <c r="GT36" s="327">
        <v>0</v>
      </c>
      <c r="GU36" s="328">
        <v>0</v>
      </c>
      <c r="GV36" s="326">
        <v>0</v>
      </c>
      <c r="GW36" s="327">
        <v>0</v>
      </c>
      <c r="GX36" s="327">
        <v>0</v>
      </c>
      <c r="GY36" s="327">
        <v>45430</v>
      </c>
      <c r="GZ36" s="327">
        <v>0</v>
      </c>
      <c r="HA36" s="327">
        <v>0</v>
      </c>
      <c r="HB36" s="331">
        <v>45430</v>
      </c>
      <c r="HC36" s="330">
        <v>45430</v>
      </c>
      <c r="HD36" s="326">
        <v>0</v>
      </c>
      <c r="HE36" s="327">
        <v>70112</v>
      </c>
      <c r="HF36" s="331">
        <v>70112</v>
      </c>
      <c r="HG36" s="332">
        <v>0</v>
      </c>
      <c r="HH36" s="327">
        <v>0</v>
      </c>
      <c r="HI36" s="327">
        <v>168588</v>
      </c>
      <c r="HJ36" s="327">
        <v>165319</v>
      </c>
      <c r="HK36" s="327">
        <v>0</v>
      </c>
      <c r="HL36" s="327">
        <v>0</v>
      </c>
      <c r="HM36" s="328">
        <v>333907</v>
      </c>
      <c r="HN36" s="329">
        <v>404019</v>
      </c>
      <c r="HO36" s="333">
        <v>0</v>
      </c>
      <c r="HP36" s="327">
        <v>0</v>
      </c>
      <c r="HQ36" s="328">
        <v>0</v>
      </c>
      <c r="HR36" s="326">
        <v>0</v>
      </c>
      <c r="HS36" s="327">
        <v>0</v>
      </c>
      <c r="HT36" s="327">
        <v>0</v>
      </c>
      <c r="HU36" s="327">
        <v>0</v>
      </c>
      <c r="HV36" s="327">
        <v>0</v>
      </c>
      <c r="HW36" s="327">
        <v>0</v>
      </c>
      <c r="HX36" s="331">
        <v>0</v>
      </c>
      <c r="HY36" s="330">
        <v>0</v>
      </c>
      <c r="HZ36" s="358">
        <v>0</v>
      </c>
      <c r="IA36" s="356">
        <v>0</v>
      </c>
      <c r="IB36" s="358">
        <v>0</v>
      </c>
      <c r="IC36" s="355">
        <v>0</v>
      </c>
      <c r="ID36" s="356">
        <v>81191</v>
      </c>
      <c r="IE36" s="357">
        <v>0</v>
      </c>
      <c r="IF36" s="358">
        <v>0</v>
      </c>
      <c r="IG36" s="356">
        <v>0</v>
      </c>
      <c r="IH36" s="358">
        <v>158155</v>
      </c>
      <c r="II36" s="359">
        <v>239346</v>
      </c>
      <c r="IJ36" s="358">
        <v>239346</v>
      </c>
      <c r="IK36" s="342">
        <v>0</v>
      </c>
      <c r="IL36" s="343">
        <v>0</v>
      </c>
      <c r="IM36" s="344">
        <v>0</v>
      </c>
      <c r="IN36" s="404">
        <v>0</v>
      </c>
      <c r="IO36" s="345">
        <v>0</v>
      </c>
      <c r="IP36" s="345">
        <v>0</v>
      </c>
      <c r="IQ36" s="345">
        <v>0</v>
      </c>
      <c r="IR36" s="345">
        <v>0</v>
      </c>
      <c r="IS36" s="345">
        <v>0</v>
      </c>
      <c r="IT36" s="346">
        <v>0</v>
      </c>
      <c r="IU36" s="347">
        <v>0</v>
      </c>
      <c r="IV36" s="348">
        <v>0</v>
      </c>
      <c r="IW36" s="345">
        <v>0</v>
      </c>
      <c r="IX36" s="349">
        <v>0</v>
      </c>
      <c r="IY36" s="404">
        <v>0</v>
      </c>
      <c r="IZ36" s="345">
        <v>0</v>
      </c>
      <c r="JA36" s="345">
        <v>0</v>
      </c>
      <c r="JB36" s="345">
        <v>0</v>
      </c>
      <c r="JC36" s="345">
        <v>0</v>
      </c>
      <c r="JD36" s="345">
        <v>0</v>
      </c>
      <c r="JE36" s="349">
        <v>0</v>
      </c>
      <c r="JF36" s="350">
        <v>0</v>
      </c>
      <c r="JG36" s="348">
        <v>0</v>
      </c>
      <c r="JH36" s="345">
        <v>0</v>
      </c>
      <c r="JI36" s="346">
        <v>0</v>
      </c>
      <c r="JJ36" s="351">
        <v>0</v>
      </c>
      <c r="JK36" s="345">
        <v>81191</v>
      </c>
      <c r="JL36" s="345">
        <v>0</v>
      </c>
      <c r="JM36" s="345">
        <v>0</v>
      </c>
      <c r="JN36" s="345">
        <v>0</v>
      </c>
      <c r="JO36" s="345">
        <v>0</v>
      </c>
      <c r="JP36" s="349">
        <v>81191</v>
      </c>
      <c r="JQ36" s="347">
        <v>81191</v>
      </c>
      <c r="JR36" s="348">
        <v>0</v>
      </c>
      <c r="JS36" s="345">
        <v>0</v>
      </c>
      <c r="JT36" s="346">
        <v>0</v>
      </c>
      <c r="JU36" s="351">
        <v>0</v>
      </c>
      <c r="JV36" s="345">
        <v>0</v>
      </c>
      <c r="JW36" s="345">
        <v>0</v>
      </c>
      <c r="JX36" s="345">
        <v>0</v>
      </c>
      <c r="JY36" s="345">
        <v>0</v>
      </c>
      <c r="JZ36" s="345">
        <v>0</v>
      </c>
      <c r="KA36" s="349">
        <v>0</v>
      </c>
      <c r="KB36" s="347">
        <v>0</v>
      </c>
      <c r="KC36" s="352">
        <v>0</v>
      </c>
      <c r="KD36" s="353">
        <v>0</v>
      </c>
      <c r="KE36" s="349">
        <v>0</v>
      </c>
      <c r="KF36" s="351">
        <v>0</v>
      </c>
      <c r="KG36" s="345">
        <v>0</v>
      </c>
      <c r="KH36" s="345">
        <v>0</v>
      </c>
      <c r="KI36" s="345">
        <v>0</v>
      </c>
      <c r="KJ36" s="345">
        <v>0</v>
      </c>
      <c r="KK36" s="345">
        <v>158155</v>
      </c>
      <c r="KL36" s="349">
        <v>158155</v>
      </c>
      <c r="KM36" s="354">
        <v>158155</v>
      </c>
      <c r="KN36" s="342">
        <v>0</v>
      </c>
      <c r="KO36" s="343">
        <v>0</v>
      </c>
      <c r="KP36" s="344">
        <v>0</v>
      </c>
      <c r="KQ36" s="404">
        <v>0</v>
      </c>
      <c r="KR36" s="345">
        <v>0</v>
      </c>
      <c r="KS36" s="345">
        <v>0</v>
      </c>
      <c r="KT36" s="345">
        <v>0</v>
      </c>
      <c r="KU36" s="345">
        <v>0</v>
      </c>
      <c r="KV36" s="345">
        <v>0</v>
      </c>
      <c r="KW36" s="349">
        <v>0</v>
      </c>
      <c r="KX36" s="347">
        <v>0</v>
      </c>
      <c r="KY36" s="348">
        <v>0</v>
      </c>
      <c r="KZ36" s="345">
        <v>0</v>
      </c>
      <c r="LA36" s="349">
        <v>0</v>
      </c>
      <c r="LB36" s="404">
        <v>0</v>
      </c>
      <c r="LC36" s="345">
        <v>0</v>
      </c>
      <c r="LD36" s="345">
        <v>0</v>
      </c>
      <c r="LE36" s="345">
        <v>0</v>
      </c>
      <c r="LF36" s="345">
        <v>0</v>
      </c>
      <c r="LG36" s="345">
        <v>0</v>
      </c>
      <c r="LH36" s="349">
        <v>0</v>
      </c>
      <c r="LI36" s="350">
        <v>0</v>
      </c>
      <c r="LJ36" s="348">
        <v>0</v>
      </c>
      <c r="LK36" s="345">
        <v>0</v>
      </c>
      <c r="LL36" s="349">
        <v>0</v>
      </c>
      <c r="LM36" s="404">
        <v>0</v>
      </c>
      <c r="LN36" s="345">
        <v>0</v>
      </c>
      <c r="LO36" s="345">
        <v>0</v>
      </c>
      <c r="LP36" s="345">
        <v>0</v>
      </c>
      <c r="LQ36" s="345">
        <v>0</v>
      </c>
      <c r="LR36" s="345">
        <v>0</v>
      </c>
      <c r="LS36" s="349">
        <v>0</v>
      </c>
      <c r="LT36" s="347">
        <v>0</v>
      </c>
      <c r="LU36" s="348">
        <v>0</v>
      </c>
      <c r="LV36" s="345">
        <v>0</v>
      </c>
      <c r="LW36" s="349">
        <v>0</v>
      </c>
      <c r="LX36" s="404">
        <v>0</v>
      </c>
      <c r="LY36" s="345">
        <v>0</v>
      </c>
      <c r="LZ36" s="345">
        <v>0</v>
      </c>
      <c r="MA36" s="345">
        <v>0</v>
      </c>
      <c r="MB36" s="345">
        <v>0</v>
      </c>
      <c r="MC36" s="345">
        <v>0</v>
      </c>
      <c r="MD36" s="349">
        <v>0</v>
      </c>
      <c r="ME36" s="350">
        <v>0</v>
      </c>
      <c r="MF36" s="348">
        <v>0</v>
      </c>
      <c r="MG36" s="345">
        <v>0</v>
      </c>
      <c r="MH36" s="349">
        <v>0</v>
      </c>
      <c r="MI36" s="404">
        <v>0</v>
      </c>
      <c r="MJ36" s="345">
        <v>0</v>
      </c>
      <c r="MK36" s="345">
        <v>0</v>
      </c>
      <c r="ML36" s="345">
        <v>423636</v>
      </c>
      <c r="MM36" s="345">
        <v>0</v>
      </c>
      <c r="MN36" s="345">
        <v>0</v>
      </c>
      <c r="MO36" s="349">
        <v>423636</v>
      </c>
      <c r="MP36" s="354">
        <v>423636</v>
      </c>
      <c r="MQ36" s="348">
        <v>0</v>
      </c>
      <c r="MR36" s="345">
        <v>0</v>
      </c>
      <c r="MS36" s="349">
        <v>0</v>
      </c>
      <c r="MT36" s="404">
        <v>0</v>
      </c>
      <c r="MU36" s="345">
        <v>0</v>
      </c>
      <c r="MV36" s="345">
        <v>0</v>
      </c>
      <c r="MW36" s="345">
        <v>423636</v>
      </c>
      <c r="MX36" s="345">
        <v>0</v>
      </c>
      <c r="MY36" s="345">
        <v>0</v>
      </c>
      <c r="MZ36" s="349">
        <v>423636</v>
      </c>
      <c r="NA36" s="354">
        <v>423636</v>
      </c>
      <c r="NB36" s="348">
        <v>0</v>
      </c>
      <c r="NC36" s="345">
        <v>0</v>
      </c>
      <c r="ND36" s="349">
        <v>0</v>
      </c>
      <c r="NE36" s="404">
        <v>0</v>
      </c>
      <c r="NF36" s="345">
        <v>0</v>
      </c>
      <c r="NG36" s="345">
        <v>0</v>
      </c>
      <c r="NH36" s="345">
        <v>0</v>
      </c>
      <c r="NI36" s="345">
        <v>0</v>
      </c>
      <c r="NJ36" s="345">
        <v>0</v>
      </c>
      <c r="NK36" s="349">
        <v>0</v>
      </c>
      <c r="NL36" s="347">
        <v>0</v>
      </c>
      <c r="NM36" s="348">
        <v>0</v>
      </c>
      <c r="NN36" s="345">
        <v>0</v>
      </c>
      <c r="NO36" s="349">
        <v>0</v>
      </c>
      <c r="NP36" s="404">
        <v>0</v>
      </c>
      <c r="NQ36" s="345">
        <v>0</v>
      </c>
      <c r="NR36" s="345">
        <v>0</v>
      </c>
      <c r="NS36" s="345">
        <v>0</v>
      </c>
      <c r="NT36" s="345">
        <v>0</v>
      </c>
      <c r="NU36" s="345">
        <v>0</v>
      </c>
      <c r="NV36" s="349">
        <v>0</v>
      </c>
      <c r="NW36" s="350">
        <v>0</v>
      </c>
      <c r="NX36" s="348">
        <v>0</v>
      </c>
      <c r="NY36" s="345">
        <v>0</v>
      </c>
      <c r="NZ36" s="349">
        <v>0</v>
      </c>
      <c r="OA36" s="404">
        <v>0</v>
      </c>
      <c r="OB36" s="345">
        <v>0</v>
      </c>
      <c r="OC36" s="345">
        <v>0</v>
      </c>
      <c r="OD36" s="345">
        <v>0</v>
      </c>
      <c r="OE36" s="345">
        <v>0</v>
      </c>
      <c r="OF36" s="345">
        <v>0</v>
      </c>
      <c r="OG36" s="349">
        <v>0</v>
      </c>
      <c r="OH36" s="350">
        <v>0</v>
      </c>
      <c r="OI36" s="348">
        <v>4480</v>
      </c>
      <c r="OJ36" s="345">
        <v>104111</v>
      </c>
      <c r="OK36" s="346">
        <v>108591</v>
      </c>
      <c r="OL36" s="351">
        <v>0</v>
      </c>
      <c r="OM36" s="345">
        <v>239654</v>
      </c>
      <c r="ON36" s="345">
        <v>446229</v>
      </c>
      <c r="OO36" s="345">
        <v>1074333</v>
      </c>
      <c r="OP36" s="345">
        <v>512830</v>
      </c>
      <c r="OQ36" s="345">
        <v>375565</v>
      </c>
      <c r="OR36" s="349">
        <v>2648611</v>
      </c>
      <c r="OS36" s="354">
        <v>2757202</v>
      </c>
    </row>
    <row r="37" spans="2:409" s="70" customFormat="1" ht="21" customHeight="1" x14ac:dyDescent="0.2">
      <c r="B37" s="106" t="s">
        <v>32</v>
      </c>
      <c r="C37" s="326">
        <v>213766</v>
      </c>
      <c r="D37" s="327">
        <v>89063</v>
      </c>
      <c r="E37" s="368">
        <v>302829</v>
      </c>
      <c r="F37" s="370">
        <v>0</v>
      </c>
      <c r="G37" s="369">
        <v>303245</v>
      </c>
      <c r="H37" s="369">
        <v>311756</v>
      </c>
      <c r="I37" s="369">
        <v>6216</v>
      </c>
      <c r="J37" s="369">
        <v>317116</v>
      </c>
      <c r="K37" s="369">
        <v>447969</v>
      </c>
      <c r="L37" s="370">
        <v>1386302</v>
      </c>
      <c r="M37" s="330">
        <v>1689131</v>
      </c>
      <c r="N37" s="326">
        <v>54432</v>
      </c>
      <c r="O37" s="327">
        <v>18613</v>
      </c>
      <c r="P37" s="328">
        <v>73045</v>
      </c>
      <c r="Q37" s="326">
        <v>0</v>
      </c>
      <c r="R37" s="327">
        <v>53535</v>
      </c>
      <c r="S37" s="327">
        <v>94829</v>
      </c>
      <c r="T37" s="327">
        <v>0</v>
      </c>
      <c r="U37" s="327">
        <v>22574</v>
      </c>
      <c r="V37" s="327">
        <v>39578</v>
      </c>
      <c r="W37" s="328">
        <v>210516</v>
      </c>
      <c r="X37" s="330">
        <v>283561</v>
      </c>
      <c r="Y37" s="326">
        <v>0</v>
      </c>
      <c r="Z37" s="327">
        <v>0</v>
      </c>
      <c r="AA37" s="328">
        <v>0</v>
      </c>
      <c r="AB37" s="326">
        <v>0</v>
      </c>
      <c r="AC37" s="327">
        <v>3723</v>
      </c>
      <c r="AD37" s="327">
        <v>59010</v>
      </c>
      <c r="AE37" s="327">
        <v>0</v>
      </c>
      <c r="AF37" s="327">
        <v>0</v>
      </c>
      <c r="AG37" s="327">
        <v>0</v>
      </c>
      <c r="AH37" s="328">
        <v>62733</v>
      </c>
      <c r="AI37" s="330">
        <v>62733</v>
      </c>
      <c r="AJ37" s="326">
        <v>0</v>
      </c>
      <c r="AK37" s="327">
        <v>0</v>
      </c>
      <c r="AL37" s="328">
        <v>0</v>
      </c>
      <c r="AM37" s="326">
        <v>0</v>
      </c>
      <c r="AN37" s="327">
        <v>0</v>
      </c>
      <c r="AO37" s="327">
        <v>0</v>
      </c>
      <c r="AP37" s="327">
        <v>0</v>
      </c>
      <c r="AQ37" s="327">
        <v>0</v>
      </c>
      <c r="AR37" s="327">
        <v>0</v>
      </c>
      <c r="AS37" s="328">
        <v>0</v>
      </c>
      <c r="AT37" s="330">
        <v>0</v>
      </c>
      <c r="AU37" s="326">
        <v>54432</v>
      </c>
      <c r="AV37" s="327">
        <v>18613</v>
      </c>
      <c r="AW37" s="328">
        <v>73045</v>
      </c>
      <c r="AX37" s="326">
        <v>0</v>
      </c>
      <c r="AY37" s="327">
        <v>49812</v>
      </c>
      <c r="AZ37" s="327">
        <v>24927</v>
      </c>
      <c r="BA37" s="327">
        <v>0</v>
      </c>
      <c r="BB37" s="327">
        <v>0</v>
      </c>
      <c r="BC37" s="327">
        <v>0</v>
      </c>
      <c r="BD37" s="328">
        <v>74739</v>
      </c>
      <c r="BE37" s="330">
        <v>147784</v>
      </c>
      <c r="BF37" s="326">
        <v>0</v>
      </c>
      <c r="BG37" s="327">
        <v>0</v>
      </c>
      <c r="BH37" s="331">
        <v>0</v>
      </c>
      <c r="BI37" s="332">
        <v>0</v>
      </c>
      <c r="BJ37" s="327">
        <v>0</v>
      </c>
      <c r="BK37" s="327">
        <v>0</v>
      </c>
      <c r="BL37" s="327">
        <v>0</v>
      </c>
      <c r="BM37" s="327">
        <v>20481</v>
      </c>
      <c r="BN37" s="327">
        <v>0</v>
      </c>
      <c r="BO37" s="328">
        <v>20481</v>
      </c>
      <c r="BP37" s="330">
        <v>20481</v>
      </c>
      <c r="BQ37" s="326">
        <v>0</v>
      </c>
      <c r="BR37" s="327">
        <v>0</v>
      </c>
      <c r="BS37" s="328">
        <v>0</v>
      </c>
      <c r="BT37" s="326">
        <v>0</v>
      </c>
      <c r="BU37" s="327">
        <v>0</v>
      </c>
      <c r="BV37" s="327">
        <v>10892</v>
      </c>
      <c r="BW37" s="327">
        <v>0</v>
      </c>
      <c r="BX37" s="327">
        <v>2093</v>
      </c>
      <c r="BY37" s="327">
        <v>39578</v>
      </c>
      <c r="BZ37" s="328">
        <v>52563</v>
      </c>
      <c r="CA37" s="330">
        <v>52563</v>
      </c>
      <c r="CB37" s="326">
        <v>0</v>
      </c>
      <c r="CC37" s="327">
        <v>32368</v>
      </c>
      <c r="CD37" s="328">
        <v>32368</v>
      </c>
      <c r="CE37" s="326">
        <v>0</v>
      </c>
      <c r="CF37" s="327">
        <v>222368</v>
      </c>
      <c r="CG37" s="327">
        <v>148369</v>
      </c>
      <c r="CH37" s="327">
        <v>0</v>
      </c>
      <c r="CI37" s="327">
        <v>91528</v>
      </c>
      <c r="CJ37" s="327">
        <v>0</v>
      </c>
      <c r="CK37" s="328">
        <v>462265</v>
      </c>
      <c r="CL37" s="330">
        <v>494633</v>
      </c>
      <c r="CM37" s="326">
        <v>0</v>
      </c>
      <c r="CN37" s="327">
        <v>0</v>
      </c>
      <c r="CO37" s="328">
        <v>0</v>
      </c>
      <c r="CP37" s="332">
        <v>0</v>
      </c>
      <c r="CQ37" s="327">
        <v>222368</v>
      </c>
      <c r="CR37" s="327">
        <v>90685</v>
      </c>
      <c r="CS37" s="327">
        <v>0</v>
      </c>
      <c r="CT37" s="327">
        <v>34787</v>
      </c>
      <c r="CU37" s="327">
        <v>0</v>
      </c>
      <c r="CV37" s="328">
        <v>347840</v>
      </c>
      <c r="CW37" s="330">
        <v>347840</v>
      </c>
      <c r="CX37" s="326">
        <v>0</v>
      </c>
      <c r="CY37" s="327">
        <v>32368</v>
      </c>
      <c r="CZ37" s="328">
        <v>32368</v>
      </c>
      <c r="DA37" s="326">
        <v>0</v>
      </c>
      <c r="DB37" s="327">
        <v>0</v>
      </c>
      <c r="DC37" s="327">
        <v>57684</v>
      </c>
      <c r="DD37" s="327">
        <v>0</v>
      </c>
      <c r="DE37" s="327">
        <v>56741</v>
      </c>
      <c r="DF37" s="327">
        <v>0</v>
      </c>
      <c r="DG37" s="328">
        <v>114425</v>
      </c>
      <c r="DH37" s="330">
        <v>146793</v>
      </c>
      <c r="DI37" s="326">
        <v>0</v>
      </c>
      <c r="DJ37" s="327">
        <v>16172</v>
      </c>
      <c r="DK37" s="331">
        <v>16172</v>
      </c>
      <c r="DL37" s="332">
        <v>0</v>
      </c>
      <c r="DM37" s="327">
        <v>0</v>
      </c>
      <c r="DN37" s="327">
        <v>0</v>
      </c>
      <c r="DO37" s="327">
        <v>0</v>
      </c>
      <c r="DP37" s="327">
        <v>0</v>
      </c>
      <c r="DQ37" s="327">
        <v>0</v>
      </c>
      <c r="DR37" s="328">
        <v>0</v>
      </c>
      <c r="DS37" s="330">
        <v>16172</v>
      </c>
      <c r="DT37" s="326">
        <v>0</v>
      </c>
      <c r="DU37" s="327">
        <v>16172</v>
      </c>
      <c r="DV37" s="328">
        <v>16172</v>
      </c>
      <c r="DW37" s="326">
        <v>0</v>
      </c>
      <c r="DX37" s="327">
        <v>0</v>
      </c>
      <c r="DY37" s="327">
        <v>0</v>
      </c>
      <c r="DZ37" s="327">
        <v>0</v>
      </c>
      <c r="EA37" s="327">
        <v>0</v>
      </c>
      <c r="EB37" s="327">
        <v>0</v>
      </c>
      <c r="EC37" s="328">
        <v>0</v>
      </c>
      <c r="ED37" s="330">
        <v>16172</v>
      </c>
      <c r="EE37" s="326">
        <v>0</v>
      </c>
      <c r="EF37" s="331">
        <v>0</v>
      </c>
      <c r="EG37" s="328">
        <v>0</v>
      </c>
      <c r="EH37" s="326">
        <v>0</v>
      </c>
      <c r="EI37" s="327">
        <v>0</v>
      </c>
      <c r="EJ37" s="327">
        <v>0</v>
      </c>
      <c r="EK37" s="327">
        <v>0</v>
      </c>
      <c r="EL37" s="327">
        <v>0</v>
      </c>
      <c r="EM37" s="327">
        <v>0</v>
      </c>
      <c r="EN37" s="331">
        <v>0</v>
      </c>
      <c r="EO37" s="330">
        <v>0</v>
      </c>
      <c r="EP37" s="326">
        <v>0</v>
      </c>
      <c r="EQ37" s="327">
        <v>0</v>
      </c>
      <c r="ER37" s="331">
        <v>0</v>
      </c>
      <c r="ES37" s="332">
        <v>0</v>
      </c>
      <c r="ET37" s="327">
        <v>0</v>
      </c>
      <c r="EU37" s="327">
        <v>0</v>
      </c>
      <c r="EV37" s="327">
        <v>0</v>
      </c>
      <c r="EW37" s="327">
        <v>0</v>
      </c>
      <c r="EX37" s="327">
        <v>0</v>
      </c>
      <c r="EY37" s="328">
        <v>0</v>
      </c>
      <c r="EZ37" s="330">
        <v>0</v>
      </c>
      <c r="FA37" s="326">
        <v>0</v>
      </c>
      <c r="FB37" s="327">
        <v>0</v>
      </c>
      <c r="FC37" s="331">
        <v>0</v>
      </c>
      <c r="FD37" s="404">
        <v>0</v>
      </c>
      <c r="FE37" s="327">
        <v>0</v>
      </c>
      <c r="FF37" s="327">
        <v>0</v>
      </c>
      <c r="FG37" s="327">
        <v>0</v>
      </c>
      <c r="FH37" s="327">
        <v>0</v>
      </c>
      <c r="FI37" s="327">
        <v>0</v>
      </c>
      <c r="FJ37" s="328">
        <v>0</v>
      </c>
      <c r="FK37" s="330">
        <v>0</v>
      </c>
      <c r="FL37" s="326">
        <v>159334</v>
      </c>
      <c r="FM37" s="327">
        <v>21910</v>
      </c>
      <c r="FN37" s="328">
        <v>181244</v>
      </c>
      <c r="FO37" s="326">
        <v>0</v>
      </c>
      <c r="FP37" s="327">
        <v>27342</v>
      </c>
      <c r="FQ37" s="327">
        <v>68558</v>
      </c>
      <c r="FR37" s="327">
        <v>6216</v>
      </c>
      <c r="FS37" s="327">
        <v>21868</v>
      </c>
      <c r="FT37" s="327">
        <v>0</v>
      </c>
      <c r="FU37" s="328">
        <v>123984</v>
      </c>
      <c r="FV37" s="330">
        <v>305228</v>
      </c>
      <c r="FW37" s="333">
        <v>19320</v>
      </c>
      <c r="FX37" s="327">
        <v>21910</v>
      </c>
      <c r="FY37" s="331">
        <v>41230</v>
      </c>
      <c r="FZ37" s="332">
        <v>0</v>
      </c>
      <c r="GA37" s="327">
        <v>27342</v>
      </c>
      <c r="GB37" s="327">
        <v>68558</v>
      </c>
      <c r="GC37" s="327">
        <v>6216</v>
      </c>
      <c r="GD37" s="327">
        <v>21868</v>
      </c>
      <c r="GE37" s="327">
        <v>0</v>
      </c>
      <c r="GF37" s="328">
        <v>123984</v>
      </c>
      <c r="GG37" s="334">
        <v>165214</v>
      </c>
      <c r="GH37" s="333">
        <v>24255</v>
      </c>
      <c r="GI37" s="327">
        <v>0</v>
      </c>
      <c r="GJ37" s="331">
        <v>24255</v>
      </c>
      <c r="GK37" s="332">
        <v>0</v>
      </c>
      <c r="GL37" s="327">
        <v>0</v>
      </c>
      <c r="GM37" s="327">
        <v>0</v>
      </c>
      <c r="GN37" s="327">
        <v>0</v>
      </c>
      <c r="GO37" s="327">
        <v>0</v>
      </c>
      <c r="GP37" s="327">
        <v>0</v>
      </c>
      <c r="GQ37" s="328">
        <v>0</v>
      </c>
      <c r="GR37" s="330">
        <v>24255</v>
      </c>
      <c r="GS37" s="326">
        <v>115759</v>
      </c>
      <c r="GT37" s="327">
        <v>0</v>
      </c>
      <c r="GU37" s="328">
        <v>115759</v>
      </c>
      <c r="GV37" s="326">
        <v>0</v>
      </c>
      <c r="GW37" s="327">
        <v>0</v>
      </c>
      <c r="GX37" s="327">
        <v>0</v>
      </c>
      <c r="GY37" s="327">
        <v>0</v>
      </c>
      <c r="GZ37" s="327">
        <v>0</v>
      </c>
      <c r="HA37" s="327">
        <v>0</v>
      </c>
      <c r="HB37" s="331">
        <v>0</v>
      </c>
      <c r="HC37" s="330">
        <v>115759</v>
      </c>
      <c r="HD37" s="326">
        <v>0</v>
      </c>
      <c r="HE37" s="327">
        <v>0</v>
      </c>
      <c r="HF37" s="331">
        <v>0</v>
      </c>
      <c r="HG37" s="332">
        <v>0</v>
      </c>
      <c r="HH37" s="327">
        <v>0</v>
      </c>
      <c r="HI37" s="327">
        <v>0</v>
      </c>
      <c r="HJ37" s="327">
        <v>0</v>
      </c>
      <c r="HK37" s="327">
        <v>181146</v>
      </c>
      <c r="HL37" s="327">
        <v>408391</v>
      </c>
      <c r="HM37" s="328">
        <v>589537</v>
      </c>
      <c r="HN37" s="329">
        <v>589537</v>
      </c>
      <c r="HO37" s="333">
        <v>0</v>
      </c>
      <c r="HP37" s="327">
        <v>0</v>
      </c>
      <c r="HQ37" s="328">
        <v>0</v>
      </c>
      <c r="HR37" s="326">
        <v>0</v>
      </c>
      <c r="HS37" s="327">
        <v>0</v>
      </c>
      <c r="HT37" s="327">
        <v>0</v>
      </c>
      <c r="HU37" s="327">
        <v>0</v>
      </c>
      <c r="HV37" s="327">
        <v>0</v>
      </c>
      <c r="HW37" s="327">
        <v>0</v>
      </c>
      <c r="HX37" s="331">
        <v>0</v>
      </c>
      <c r="HY37" s="330">
        <v>0</v>
      </c>
      <c r="HZ37" s="335">
        <v>0</v>
      </c>
      <c r="IA37" s="336">
        <v>0</v>
      </c>
      <c r="IB37" s="337">
        <v>0</v>
      </c>
      <c r="IC37" s="338">
        <v>0</v>
      </c>
      <c r="ID37" s="336">
        <v>339833</v>
      </c>
      <c r="IE37" s="339">
        <v>141680</v>
      </c>
      <c r="IF37" s="337">
        <v>234699</v>
      </c>
      <c r="IG37" s="336">
        <v>205835</v>
      </c>
      <c r="IH37" s="337">
        <v>0</v>
      </c>
      <c r="II37" s="340">
        <v>922047</v>
      </c>
      <c r="IJ37" s="341">
        <v>922047</v>
      </c>
      <c r="IK37" s="342">
        <v>0</v>
      </c>
      <c r="IL37" s="343">
        <v>0</v>
      </c>
      <c r="IM37" s="344">
        <v>0</v>
      </c>
      <c r="IN37" s="404">
        <v>0</v>
      </c>
      <c r="IO37" s="345">
        <v>53403</v>
      </c>
      <c r="IP37" s="345">
        <v>82943</v>
      </c>
      <c r="IQ37" s="345">
        <v>0</v>
      </c>
      <c r="IR37" s="345">
        <v>0</v>
      </c>
      <c r="IS37" s="345">
        <v>0</v>
      </c>
      <c r="IT37" s="346">
        <v>136346</v>
      </c>
      <c r="IU37" s="347">
        <v>136346</v>
      </c>
      <c r="IV37" s="348">
        <v>0</v>
      </c>
      <c r="IW37" s="345">
        <v>0</v>
      </c>
      <c r="IX37" s="349">
        <v>0</v>
      </c>
      <c r="IY37" s="404">
        <v>0</v>
      </c>
      <c r="IZ37" s="345">
        <v>0</v>
      </c>
      <c r="JA37" s="345">
        <v>0</v>
      </c>
      <c r="JB37" s="345">
        <v>0</v>
      </c>
      <c r="JC37" s="345">
        <v>0</v>
      </c>
      <c r="JD37" s="345">
        <v>0</v>
      </c>
      <c r="JE37" s="349">
        <v>0</v>
      </c>
      <c r="JF37" s="350">
        <v>0</v>
      </c>
      <c r="JG37" s="348">
        <v>0</v>
      </c>
      <c r="JH37" s="345">
        <v>0</v>
      </c>
      <c r="JI37" s="346">
        <v>0</v>
      </c>
      <c r="JJ37" s="351">
        <v>0</v>
      </c>
      <c r="JK37" s="345">
        <v>91497</v>
      </c>
      <c r="JL37" s="345">
        <v>58737</v>
      </c>
      <c r="JM37" s="345">
        <v>0</v>
      </c>
      <c r="JN37" s="345">
        <v>0</v>
      </c>
      <c r="JO37" s="345">
        <v>0</v>
      </c>
      <c r="JP37" s="349">
        <v>150234</v>
      </c>
      <c r="JQ37" s="347">
        <v>150234</v>
      </c>
      <c r="JR37" s="348">
        <v>0</v>
      </c>
      <c r="JS37" s="345">
        <v>0</v>
      </c>
      <c r="JT37" s="346">
        <v>0</v>
      </c>
      <c r="JU37" s="351">
        <v>0</v>
      </c>
      <c r="JV37" s="345">
        <v>88253</v>
      </c>
      <c r="JW37" s="345">
        <v>0</v>
      </c>
      <c r="JX37" s="345">
        <v>234699</v>
      </c>
      <c r="JY37" s="345">
        <v>0</v>
      </c>
      <c r="JZ37" s="345">
        <v>0</v>
      </c>
      <c r="KA37" s="349">
        <v>322952</v>
      </c>
      <c r="KB37" s="347">
        <v>322952</v>
      </c>
      <c r="KC37" s="352">
        <v>0</v>
      </c>
      <c r="KD37" s="353">
        <v>0</v>
      </c>
      <c r="KE37" s="349">
        <v>0</v>
      </c>
      <c r="KF37" s="351">
        <v>0</v>
      </c>
      <c r="KG37" s="345">
        <v>106680</v>
      </c>
      <c r="KH37" s="345">
        <v>0</v>
      </c>
      <c r="KI37" s="345">
        <v>0</v>
      </c>
      <c r="KJ37" s="345">
        <v>0</v>
      </c>
      <c r="KK37" s="345">
        <v>0</v>
      </c>
      <c r="KL37" s="349">
        <v>106680</v>
      </c>
      <c r="KM37" s="354">
        <v>106680</v>
      </c>
      <c r="KN37" s="342">
        <v>0</v>
      </c>
      <c r="KO37" s="343">
        <v>0</v>
      </c>
      <c r="KP37" s="344">
        <v>0</v>
      </c>
      <c r="KQ37" s="404">
        <v>0</v>
      </c>
      <c r="KR37" s="345">
        <v>0</v>
      </c>
      <c r="KS37" s="345">
        <v>0</v>
      </c>
      <c r="KT37" s="345">
        <v>0</v>
      </c>
      <c r="KU37" s="345">
        <v>0</v>
      </c>
      <c r="KV37" s="345">
        <v>0</v>
      </c>
      <c r="KW37" s="349">
        <v>0</v>
      </c>
      <c r="KX37" s="347">
        <v>0</v>
      </c>
      <c r="KY37" s="348">
        <v>0</v>
      </c>
      <c r="KZ37" s="345">
        <v>0</v>
      </c>
      <c r="LA37" s="349">
        <v>0</v>
      </c>
      <c r="LB37" s="404">
        <v>0</v>
      </c>
      <c r="LC37" s="345">
        <v>0</v>
      </c>
      <c r="LD37" s="345">
        <v>0</v>
      </c>
      <c r="LE37" s="345">
        <v>0</v>
      </c>
      <c r="LF37" s="345">
        <v>0</v>
      </c>
      <c r="LG37" s="345">
        <v>0</v>
      </c>
      <c r="LH37" s="349">
        <v>0</v>
      </c>
      <c r="LI37" s="350">
        <v>0</v>
      </c>
      <c r="LJ37" s="348">
        <v>0</v>
      </c>
      <c r="LK37" s="345">
        <v>0</v>
      </c>
      <c r="LL37" s="349">
        <v>0</v>
      </c>
      <c r="LM37" s="404">
        <v>0</v>
      </c>
      <c r="LN37" s="345">
        <v>0</v>
      </c>
      <c r="LO37" s="345">
        <v>0</v>
      </c>
      <c r="LP37" s="345">
        <v>0</v>
      </c>
      <c r="LQ37" s="345">
        <v>205835</v>
      </c>
      <c r="LR37" s="345">
        <v>0</v>
      </c>
      <c r="LS37" s="349">
        <v>205835</v>
      </c>
      <c r="LT37" s="347">
        <v>205835</v>
      </c>
      <c r="LU37" s="348">
        <v>0</v>
      </c>
      <c r="LV37" s="345">
        <v>0</v>
      </c>
      <c r="LW37" s="349">
        <v>0</v>
      </c>
      <c r="LX37" s="404">
        <v>0</v>
      </c>
      <c r="LY37" s="345">
        <v>0</v>
      </c>
      <c r="LZ37" s="345">
        <v>0</v>
      </c>
      <c r="MA37" s="345">
        <v>0</v>
      </c>
      <c r="MB37" s="345">
        <v>0</v>
      </c>
      <c r="MC37" s="345">
        <v>0</v>
      </c>
      <c r="MD37" s="349">
        <v>0</v>
      </c>
      <c r="ME37" s="350">
        <v>0</v>
      </c>
      <c r="MF37" s="348">
        <v>0</v>
      </c>
      <c r="MG37" s="345">
        <v>0</v>
      </c>
      <c r="MH37" s="349">
        <v>0</v>
      </c>
      <c r="MI37" s="404">
        <v>0</v>
      </c>
      <c r="MJ37" s="345">
        <v>0</v>
      </c>
      <c r="MK37" s="345">
        <v>0</v>
      </c>
      <c r="ML37" s="345">
        <v>0</v>
      </c>
      <c r="MM37" s="345">
        <v>772493</v>
      </c>
      <c r="MN37" s="345">
        <v>271737</v>
      </c>
      <c r="MO37" s="349">
        <v>1044230</v>
      </c>
      <c r="MP37" s="354">
        <v>1044230</v>
      </c>
      <c r="MQ37" s="348">
        <v>0</v>
      </c>
      <c r="MR37" s="345">
        <v>0</v>
      </c>
      <c r="MS37" s="349">
        <v>0</v>
      </c>
      <c r="MT37" s="404">
        <v>0</v>
      </c>
      <c r="MU37" s="345">
        <v>0</v>
      </c>
      <c r="MV37" s="345">
        <v>0</v>
      </c>
      <c r="MW37" s="345">
        <v>0</v>
      </c>
      <c r="MX37" s="345">
        <v>477515</v>
      </c>
      <c r="MY37" s="345">
        <v>271737</v>
      </c>
      <c r="MZ37" s="349">
        <v>749252</v>
      </c>
      <c r="NA37" s="354">
        <v>749252</v>
      </c>
      <c r="NB37" s="348">
        <v>0</v>
      </c>
      <c r="NC37" s="345">
        <v>0</v>
      </c>
      <c r="ND37" s="349">
        <v>0</v>
      </c>
      <c r="NE37" s="404">
        <v>0</v>
      </c>
      <c r="NF37" s="345">
        <v>0</v>
      </c>
      <c r="NG37" s="345">
        <v>0</v>
      </c>
      <c r="NH37" s="345">
        <v>0</v>
      </c>
      <c r="NI37" s="345">
        <v>294978</v>
      </c>
      <c r="NJ37" s="345">
        <v>0</v>
      </c>
      <c r="NK37" s="349">
        <v>294978</v>
      </c>
      <c r="NL37" s="347">
        <v>294978</v>
      </c>
      <c r="NM37" s="348">
        <v>0</v>
      </c>
      <c r="NN37" s="345">
        <v>0</v>
      </c>
      <c r="NO37" s="349">
        <v>0</v>
      </c>
      <c r="NP37" s="404">
        <v>0</v>
      </c>
      <c r="NQ37" s="345">
        <v>0</v>
      </c>
      <c r="NR37" s="345">
        <v>0</v>
      </c>
      <c r="NS37" s="345">
        <v>0</v>
      </c>
      <c r="NT37" s="345">
        <v>0</v>
      </c>
      <c r="NU37" s="345">
        <v>0</v>
      </c>
      <c r="NV37" s="349">
        <v>0</v>
      </c>
      <c r="NW37" s="350">
        <v>0</v>
      </c>
      <c r="NX37" s="348">
        <v>0</v>
      </c>
      <c r="NY37" s="345">
        <v>0</v>
      </c>
      <c r="NZ37" s="349">
        <v>0</v>
      </c>
      <c r="OA37" s="404">
        <v>0</v>
      </c>
      <c r="OB37" s="345">
        <v>0</v>
      </c>
      <c r="OC37" s="345">
        <v>0</v>
      </c>
      <c r="OD37" s="345">
        <v>0</v>
      </c>
      <c r="OE37" s="345">
        <v>0</v>
      </c>
      <c r="OF37" s="345">
        <v>0</v>
      </c>
      <c r="OG37" s="349">
        <v>0</v>
      </c>
      <c r="OH37" s="350">
        <v>0</v>
      </c>
      <c r="OI37" s="348">
        <v>213766</v>
      </c>
      <c r="OJ37" s="345">
        <v>89063</v>
      </c>
      <c r="OK37" s="346">
        <v>302829</v>
      </c>
      <c r="OL37" s="351">
        <v>0</v>
      </c>
      <c r="OM37" s="345">
        <v>643078</v>
      </c>
      <c r="ON37" s="345">
        <v>453436</v>
      </c>
      <c r="OO37" s="345">
        <v>240915</v>
      </c>
      <c r="OP37" s="345">
        <v>1295444</v>
      </c>
      <c r="OQ37" s="345">
        <v>719706</v>
      </c>
      <c r="OR37" s="349">
        <v>3352579</v>
      </c>
      <c r="OS37" s="354">
        <v>3655408</v>
      </c>
    </row>
    <row r="38" spans="2:409" s="70" customFormat="1" ht="21" customHeight="1" x14ac:dyDescent="0.2">
      <c r="B38" s="106" t="s">
        <v>33</v>
      </c>
      <c r="C38" s="326">
        <v>27390</v>
      </c>
      <c r="D38" s="327">
        <v>15539</v>
      </c>
      <c r="E38" s="328">
        <v>42929</v>
      </c>
      <c r="F38" s="329">
        <v>0</v>
      </c>
      <c r="G38" s="327">
        <v>1164166</v>
      </c>
      <c r="H38" s="327">
        <v>286698</v>
      </c>
      <c r="I38" s="327">
        <v>670038</v>
      </c>
      <c r="J38" s="327">
        <v>293340</v>
      </c>
      <c r="K38" s="327">
        <v>241567</v>
      </c>
      <c r="L38" s="367">
        <v>2655809</v>
      </c>
      <c r="M38" s="330">
        <v>2698738</v>
      </c>
      <c r="N38" s="326">
        <v>7238</v>
      </c>
      <c r="O38" s="327">
        <v>11339</v>
      </c>
      <c r="P38" s="328">
        <v>18577</v>
      </c>
      <c r="Q38" s="326">
        <v>0</v>
      </c>
      <c r="R38" s="327">
        <v>235328</v>
      </c>
      <c r="S38" s="327">
        <v>93085</v>
      </c>
      <c r="T38" s="327">
        <v>225605</v>
      </c>
      <c r="U38" s="327">
        <v>86116</v>
      </c>
      <c r="V38" s="327">
        <v>4018</v>
      </c>
      <c r="W38" s="328">
        <v>644152</v>
      </c>
      <c r="X38" s="330">
        <v>662729</v>
      </c>
      <c r="Y38" s="326">
        <v>0</v>
      </c>
      <c r="Z38" s="327">
        <v>0</v>
      </c>
      <c r="AA38" s="328">
        <v>0</v>
      </c>
      <c r="AB38" s="326">
        <v>0</v>
      </c>
      <c r="AC38" s="327">
        <v>70675</v>
      </c>
      <c r="AD38" s="327">
        <v>0</v>
      </c>
      <c r="AE38" s="327">
        <v>54845</v>
      </c>
      <c r="AF38" s="327">
        <v>0</v>
      </c>
      <c r="AG38" s="327">
        <v>0</v>
      </c>
      <c r="AH38" s="328">
        <v>125520</v>
      </c>
      <c r="AI38" s="330">
        <v>125520</v>
      </c>
      <c r="AJ38" s="326">
        <v>0</v>
      </c>
      <c r="AK38" s="327">
        <v>0</v>
      </c>
      <c r="AL38" s="328">
        <v>0</v>
      </c>
      <c r="AM38" s="326">
        <v>0</v>
      </c>
      <c r="AN38" s="327">
        <v>0</v>
      </c>
      <c r="AO38" s="327">
        <v>0</v>
      </c>
      <c r="AP38" s="327">
        <v>0</v>
      </c>
      <c r="AQ38" s="327">
        <v>0</v>
      </c>
      <c r="AR38" s="327">
        <v>0</v>
      </c>
      <c r="AS38" s="328">
        <v>0</v>
      </c>
      <c r="AT38" s="330">
        <v>0</v>
      </c>
      <c r="AU38" s="326">
        <v>0</v>
      </c>
      <c r="AV38" s="327">
        <v>11339</v>
      </c>
      <c r="AW38" s="328">
        <v>11339</v>
      </c>
      <c r="AX38" s="326">
        <v>0</v>
      </c>
      <c r="AY38" s="327">
        <v>48863</v>
      </c>
      <c r="AZ38" s="327">
        <v>27815</v>
      </c>
      <c r="BA38" s="327">
        <v>77835</v>
      </c>
      <c r="BB38" s="327">
        <v>0</v>
      </c>
      <c r="BC38" s="327">
        <v>0</v>
      </c>
      <c r="BD38" s="328">
        <v>154513</v>
      </c>
      <c r="BE38" s="330">
        <v>165852</v>
      </c>
      <c r="BF38" s="326">
        <v>0</v>
      </c>
      <c r="BG38" s="327">
        <v>0</v>
      </c>
      <c r="BH38" s="331">
        <v>0</v>
      </c>
      <c r="BI38" s="332">
        <v>0</v>
      </c>
      <c r="BJ38" s="327">
        <v>77374</v>
      </c>
      <c r="BK38" s="327">
        <v>50381</v>
      </c>
      <c r="BL38" s="327">
        <v>64995</v>
      </c>
      <c r="BM38" s="327">
        <v>50381</v>
      </c>
      <c r="BN38" s="327">
        <v>0</v>
      </c>
      <c r="BO38" s="328">
        <v>243131</v>
      </c>
      <c r="BP38" s="330">
        <v>243131</v>
      </c>
      <c r="BQ38" s="326">
        <v>7238</v>
      </c>
      <c r="BR38" s="327">
        <v>0</v>
      </c>
      <c r="BS38" s="328">
        <v>7238</v>
      </c>
      <c r="BT38" s="326">
        <v>0</v>
      </c>
      <c r="BU38" s="327">
        <v>38416</v>
      </c>
      <c r="BV38" s="327">
        <v>14889</v>
      </c>
      <c r="BW38" s="327">
        <v>27930</v>
      </c>
      <c r="BX38" s="327">
        <v>35735</v>
      </c>
      <c r="BY38" s="327">
        <v>4018</v>
      </c>
      <c r="BZ38" s="328">
        <v>120988</v>
      </c>
      <c r="CA38" s="330">
        <v>128226</v>
      </c>
      <c r="CB38" s="326">
        <v>18402</v>
      </c>
      <c r="CC38" s="327">
        <v>0</v>
      </c>
      <c r="CD38" s="328">
        <v>18402</v>
      </c>
      <c r="CE38" s="326">
        <v>0</v>
      </c>
      <c r="CF38" s="327">
        <v>82399</v>
      </c>
      <c r="CG38" s="327">
        <v>0</v>
      </c>
      <c r="CH38" s="327">
        <v>0</v>
      </c>
      <c r="CI38" s="327">
        <v>0</v>
      </c>
      <c r="CJ38" s="327">
        <v>0</v>
      </c>
      <c r="CK38" s="328">
        <v>82399</v>
      </c>
      <c r="CL38" s="330">
        <v>100801</v>
      </c>
      <c r="CM38" s="326">
        <v>0</v>
      </c>
      <c r="CN38" s="327">
        <v>0</v>
      </c>
      <c r="CO38" s="328">
        <v>0</v>
      </c>
      <c r="CP38" s="332">
        <v>0</v>
      </c>
      <c r="CQ38" s="327">
        <v>32953</v>
      </c>
      <c r="CR38" s="327">
        <v>0</v>
      </c>
      <c r="CS38" s="327">
        <v>0</v>
      </c>
      <c r="CT38" s="327">
        <v>0</v>
      </c>
      <c r="CU38" s="327">
        <v>0</v>
      </c>
      <c r="CV38" s="328">
        <v>32953</v>
      </c>
      <c r="CW38" s="330">
        <v>32953</v>
      </c>
      <c r="CX38" s="326">
        <v>18402</v>
      </c>
      <c r="CY38" s="327">
        <v>0</v>
      </c>
      <c r="CZ38" s="328">
        <v>18402</v>
      </c>
      <c r="DA38" s="326">
        <v>0</v>
      </c>
      <c r="DB38" s="327">
        <v>49446</v>
      </c>
      <c r="DC38" s="327">
        <v>0</v>
      </c>
      <c r="DD38" s="327">
        <v>0</v>
      </c>
      <c r="DE38" s="327">
        <v>0</v>
      </c>
      <c r="DF38" s="327">
        <v>0</v>
      </c>
      <c r="DG38" s="328">
        <v>49446</v>
      </c>
      <c r="DH38" s="330">
        <v>67848</v>
      </c>
      <c r="DI38" s="326">
        <v>0</v>
      </c>
      <c r="DJ38" s="327">
        <v>0</v>
      </c>
      <c r="DK38" s="331">
        <v>0</v>
      </c>
      <c r="DL38" s="332">
        <v>0</v>
      </c>
      <c r="DM38" s="327">
        <v>0</v>
      </c>
      <c r="DN38" s="327">
        <v>0</v>
      </c>
      <c r="DO38" s="327">
        <v>21050</v>
      </c>
      <c r="DP38" s="327">
        <v>0</v>
      </c>
      <c r="DQ38" s="327">
        <v>23410</v>
      </c>
      <c r="DR38" s="328">
        <v>44460</v>
      </c>
      <c r="DS38" s="330">
        <v>44460</v>
      </c>
      <c r="DT38" s="326">
        <v>0</v>
      </c>
      <c r="DU38" s="327">
        <v>0</v>
      </c>
      <c r="DV38" s="328">
        <v>0</v>
      </c>
      <c r="DW38" s="326">
        <v>0</v>
      </c>
      <c r="DX38" s="327">
        <v>0</v>
      </c>
      <c r="DY38" s="327">
        <v>0</v>
      </c>
      <c r="DZ38" s="327">
        <v>21050</v>
      </c>
      <c r="EA38" s="327">
        <v>0</v>
      </c>
      <c r="EB38" s="327">
        <v>23410</v>
      </c>
      <c r="EC38" s="328">
        <v>44460</v>
      </c>
      <c r="ED38" s="330">
        <v>44460</v>
      </c>
      <c r="EE38" s="326">
        <v>0</v>
      </c>
      <c r="EF38" s="331">
        <v>0</v>
      </c>
      <c r="EG38" s="328">
        <v>0</v>
      </c>
      <c r="EH38" s="326">
        <v>0</v>
      </c>
      <c r="EI38" s="327">
        <v>0</v>
      </c>
      <c r="EJ38" s="327">
        <v>0</v>
      </c>
      <c r="EK38" s="327">
        <v>0</v>
      </c>
      <c r="EL38" s="327">
        <v>0</v>
      </c>
      <c r="EM38" s="327">
        <v>0</v>
      </c>
      <c r="EN38" s="331">
        <v>0</v>
      </c>
      <c r="EO38" s="330">
        <v>0</v>
      </c>
      <c r="EP38" s="326">
        <v>0</v>
      </c>
      <c r="EQ38" s="327">
        <v>0</v>
      </c>
      <c r="ER38" s="331">
        <v>0</v>
      </c>
      <c r="ES38" s="332">
        <v>0</v>
      </c>
      <c r="ET38" s="327">
        <v>0</v>
      </c>
      <c r="EU38" s="327">
        <v>0</v>
      </c>
      <c r="EV38" s="327">
        <v>0</v>
      </c>
      <c r="EW38" s="327">
        <v>0</v>
      </c>
      <c r="EX38" s="327">
        <v>0</v>
      </c>
      <c r="EY38" s="328">
        <v>0</v>
      </c>
      <c r="EZ38" s="330">
        <v>0</v>
      </c>
      <c r="FA38" s="326">
        <v>0</v>
      </c>
      <c r="FB38" s="327">
        <v>0</v>
      </c>
      <c r="FC38" s="331">
        <v>0</v>
      </c>
      <c r="FD38" s="404">
        <v>0</v>
      </c>
      <c r="FE38" s="327">
        <v>0</v>
      </c>
      <c r="FF38" s="327">
        <v>0</v>
      </c>
      <c r="FG38" s="327">
        <v>0</v>
      </c>
      <c r="FH38" s="327">
        <v>0</v>
      </c>
      <c r="FI38" s="327">
        <v>0</v>
      </c>
      <c r="FJ38" s="328">
        <v>0</v>
      </c>
      <c r="FK38" s="330">
        <v>0</v>
      </c>
      <c r="FL38" s="326">
        <v>1750</v>
      </c>
      <c r="FM38" s="327">
        <v>4200</v>
      </c>
      <c r="FN38" s="328">
        <v>5950</v>
      </c>
      <c r="FO38" s="326">
        <v>0</v>
      </c>
      <c r="FP38" s="327">
        <v>36946</v>
      </c>
      <c r="FQ38" s="327">
        <v>25186</v>
      </c>
      <c r="FR38" s="327">
        <v>54950</v>
      </c>
      <c r="FS38" s="327">
        <v>11900</v>
      </c>
      <c r="FT38" s="327">
        <v>0</v>
      </c>
      <c r="FU38" s="328">
        <v>128982</v>
      </c>
      <c r="FV38" s="330">
        <v>134932</v>
      </c>
      <c r="FW38" s="333">
        <v>1750</v>
      </c>
      <c r="FX38" s="327">
        <v>4200</v>
      </c>
      <c r="FY38" s="331">
        <v>5950</v>
      </c>
      <c r="FZ38" s="332">
        <v>0</v>
      </c>
      <c r="GA38" s="327">
        <v>36946</v>
      </c>
      <c r="GB38" s="327">
        <v>25186</v>
      </c>
      <c r="GC38" s="327">
        <v>54950</v>
      </c>
      <c r="GD38" s="327">
        <v>11900</v>
      </c>
      <c r="GE38" s="327">
        <v>0</v>
      </c>
      <c r="GF38" s="328">
        <v>128982</v>
      </c>
      <c r="GG38" s="334">
        <v>134932</v>
      </c>
      <c r="GH38" s="333">
        <v>0</v>
      </c>
      <c r="GI38" s="327">
        <v>0</v>
      </c>
      <c r="GJ38" s="331">
        <v>0</v>
      </c>
      <c r="GK38" s="332">
        <v>0</v>
      </c>
      <c r="GL38" s="327">
        <v>0</v>
      </c>
      <c r="GM38" s="327">
        <v>0</v>
      </c>
      <c r="GN38" s="327">
        <v>0</v>
      </c>
      <c r="GO38" s="327">
        <v>0</v>
      </c>
      <c r="GP38" s="327">
        <v>0</v>
      </c>
      <c r="GQ38" s="328">
        <v>0</v>
      </c>
      <c r="GR38" s="330">
        <v>0</v>
      </c>
      <c r="GS38" s="326">
        <v>0</v>
      </c>
      <c r="GT38" s="327">
        <v>0</v>
      </c>
      <c r="GU38" s="328">
        <v>0</v>
      </c>
      <c r="GV38" s="326">
        <v>0</v>
      </c>
      <c r="GW38" s="327">
        <v>0</v>
      </c>
      <c r="GX38" s="327">
        <v>0</v>
      </c>
      <c r="GY38" s="327">
        <v>0</v>
      </c>
      <c r="GZ38" s="327">
        <v>0</v>
      </c>
      <c r="HA38" s="327">
        <v>0</v>
      </c>
      <c r="HB38" s="331">
        <v>0</v>
      </c>
      <c r="HC38" s="330">
        <v>0</v>
      </c>
      <c r="HD38" s="326">
        <v>0</v>
      </c>
      <c r="HE38" s="327">
        <v>0</v>
      </c>
      <c r="HF38" s="331">
        <v>0</v>
      </c>
      <c r="HG38" s="332">
        <v>0</v>
      </c>
      <c r="HH38" s="327">
        <v>809493</v>
      </c>
      <c r="HI38" s="327">
        <v>168427</v>
      </c>
      <c r="HJ38" s="327">
        <v>368433</v>
      </c>
      <c r="HK38" s="327">
        <v>195324</v>
      </c>
      <c r="HL38" s="327">
        <v>214139</v>
      </c>
      <c r="HM38" s="328">
        <v>1755816</v>
      </c>
      <c r="HN38" s="329">
        <v>1755816</v>
      </c>
      <c r="HO38" s="333">
        <v>0</v>
      </c>
      <c r="HP38" s="327">
        <v>0</v>
      </c>
      <c r="HQ38" s="328">
        <v>0</v>
      </c>
      <c r="HR38" s="326">
        <v>0</v>
      </c>
      <c r="HS38" s="327">
        <v>0</v>
      </c>
      <c r="HT38" s="327">
        <v>0</v>
      </c>
      <c r="HU38" s="327">
        <v>0</v>
      </c>
      <c r="HV38" s="327">
        <v>0</v>
      </c>
      <c r="HW38" s="327">
        <v>0</v>
      </c>
      <c r="HX38" s="331">
        <v>0</v>
      </c>
      <c r="HY38" s="330">
        <v>0</v>
      </c>
      <c r="HZ38" s="358">
        <v>0</v>
      </c>
      <c r="IA38" s="356">
        <v>0</v>
      </c>
      <c r="IB38" s="358">
        <v>0</v>
      </c>
      <c r="IC38" s="338">
        <v>0</v>
      </c>
      <c r="ID38" s="336">
        <v>0</v>
      </c>
      <c r="IE38" s="339">
        <v>0</v>
      </c>
      <c r="IF38" s="337">
        <v>263711</v>
      </c>
      <c r="IG38" s="336">
        <v>0</v>
      </c>
      <c r="IH38" s="337">
        <v>0</v>
      </c>
      <c r="II38" s="340">
        <v>263711</v>
      </c>
      <c r="IJ38" s="358">
        <v>263711</v>
      </c>
      <c r="IK38" s="342">
        <v>0</v>
      </c>
      <c r="IL38" s="343">
        <v>0</v>
      </c>
      <c r="IM38" s="344">
        <v>0</v>
      </c>
      <c r="IN38" s="404">
        <v>0</v>
      </c>
      <c r="IO38" s="345">
        <v>0</v>
      </c>
      <c r="IP38" s="345">
        <v>0</v>
      </c>
      <c r="IQ38" s="345">
        <v>0</v>
      </c>
      <c r="IR38" s="345">
        <v>0</v>
      </c>
      <c r="IS38" s="345">
        <v>0</v>
      </c>
      <c r="IT38" s="346">
        <v>0</v>
      </c>
      <c r="IU38" s="347">
        <v>0</v>
      </c>
      <c r="IV38" s="348">
        <v>0</v>
      </c>
      <c r="IW38" s="345">
        <v>0</v>
      </c>
      <c r="IX38" s="349">
        <v>0</v>
      </c>
      <c r="IY38" s="404">
        <v>0</v>
      </c>
      <c r="IZ38" s="345">
        <v>0</v>
      </c>
      <c r="JA38" s="345">
        <v>0</v>
      </c>
      <c r="JB38" s="345">
        <v>0</v>
      </c>
      <c r="JC38" s="345">
        <v>0</v>
      </c>
      <c r="JD38" s="345">
        <v>0</v>
      </c>
      <c r="JE38" s="349">
        <v>0</v>
      </c>
      <c r="JF38" s="350">
        <v>0</v>
      </c>
      <c r="JG38" s="348">
        <v>0</v>
      </c>
      <c r="JH38" s="345">
        <v>0</v>
      </c>
      <c r="JI38" s="346">
        <v>0</v>
      </c>
      <c r="JJ38" s="351">
        <v>0</v>
      </c>
      <c r="JK38" s="345">
        <v>0</v>
      </c>
      <c r="JL38" s="345">
        <v>0</v>
      </c>
      <c r="JM38" s="345">
        <v>42396</v>
      </c>
      <c r="JN38" s="345">
        <v>0</v>
      </c>
      <c r="JO38" s="345">
        <v>0</v>
      </c>
      <c r="JP38" s="349">
        <v>42396</v>
      </c>
      <c r="JQ38" s="347">
        <v>42396</v>
      </c>
      <c r="JR38" s="348">
        <v>0</v>
      </c>
      <c r="JS38" s="345">
        <v>0</v>
      </c>
      <c r="JT38" s="346">
        <v>0</v>
      </c>
      <c r="JU38" s="351">
        <v>0</v>
      </c>
      <c r="JV38" s="345">
        <v>0</v>
      </c>
      <c r="JW38" s="345">
        <v>0</v>
      </c>
      <c r="JX38" s="345">
        <v>0</v>
      </c>
      <c r="JY38" s="345">
        <v>0</v>
      </c>
      <c r="JZ38" s="345">
        <v>0</v>
      </c>
      <c r="KA38" s="349">
        <v>0</v>
      </c>
      <c r="KB38" s="347">
        <v>0</v>
      </c>
      <c r="KC38" s="352">
        <v>0</v>
      </c>
      <c r="KD38" s="353">
        <v>0</v>
      </c>
      <c r="KE38" s="349">
        <v>0</v>
      </c>
      <c r="KF38" s="351">
        <v>0</v>
      </c>
      <c r="KG38" s="345">
        <v>0</v>
      </c>
      <c r="KH38" s="345">
        <v>0</v>
      </c>
      <c r="KI38" s="345">
        <v>0</v>
      </c>
      <c r="KJ38" s="345">
        <v>0</v>
      </c>
      <c r="KK38" s="345">
        <v>0</v>
      </c>
      <c r="KL38" s="349">
        <v>0</v>
      </c>
      <c r="KM38" s="354">
        <v>0</v>
      </c>
      <c r="KN38" s="342">
        <v>0</v>
      </c>
      <c r="KO38" s="343">
        <v>0</v>
      </c>
      <c r="KP38" s="344">
        <v>0</v>
      </c>
      <c r="KQ38" s="404">
        <v>0</v>
      </c>
      <c r="KR38" s="345">
        <v>0</v>
      </c>
      <c r="KS38" s="345">
        <v>0</v>
      </c>
      <c r="KT38" s="345">
        <v>221315</v>
      </c>
      <c r="KU38" s="345">
        <v>0</v>
      </c>
      <c r="KV38" s="345">
        <v>0</v>
      </c>
      <c r="KW38" s="349">
        <v>221315</v>
      </c>
      <c r="KX38" s="347">
        <v>221315</v>
      </c>
      <c r="KY38" s="348">
        <v>0</v>
      </c>
      <c r="KZ38" s="345">
        <v>0</v>
      </c>
      <c r="LA38" s="349">
        <v>0</v>
      </c>
      <c r="LB38" s="404">
        <v>0</v>
      </c>
      <c r="LC38" s="345">
        <v>0</v>
      </c>
      <c r="LD38" s="345">
        <v>0</v>
      </c>
      <c r="LE38" s="345">
        <v>0</v>
      </c>
      <c r="LF38" s="345">
        <v>0</v>
      </c>
      <c r="LG38" s="345">
        <v>0</v>
      </c>
      <c r="LH38" s="349">
        <v>0</v>
      </c>
      <c r="LI38" s="350">
        <v>0</v>
      </c>
      <c r="LJ38" s="348">
        <v>0</v>
      </c>
      <c r="LK38" s="345">
        <v>0</v>
      </c>
      <c r="LL38" s="349">
        <v>0</v>
      </c>
      <c r="LM38" s="404">
        <v>0</v>
      </c>
      <c r="LN38" s="345">
        <v>0</v>
      </c>
      <c r="LO38" s="345">
        <v>0</v>
      </c>
      <c r="LP38" s="345">
        <v>0</v>
      </c>
      <c r="LQ38" s="345">
        <v>0</v>
      </c>
      <c r="LR38" s="345">
        <v>0</v>
      </c>
      <c r="LS38" s="349">
        <v>0</v>
      </c>
      <c r="LT38" s="347">
        <v>0</v>
      </c>
      <c r="LU38" s="348">
        <v>0</v>
      </c>
      <c r="LV38" s="345">
        <v>0</v>
      </c>
      <c r="LW38" s="349">
        <v>0</v>
      </c>
      <c r="LX38" s="404">
        <v>0</v>
      </c>
      <c r="LY38" s="345">
        <v>0</v>
      </c>
      <c r="LZ38" s="345">
        <v>0</v>
      </c>
      <c r="MA38" s="345">
        <v>0</v>
      </c>
      <c r="MB38" s="345">
        <v>0</v>
      </c>
      <c r="MC38" s="345">
        <v>0</v>
      </c>
      <c r="MD38" s="349">
        <v>0</v>
      </c>
      <c r="ME38" s="350">
        <v>0</v>
      </c>
      <c r="MF38" s="348">
        <v>0</v>
      </c>
      <c r="MG38" s="345">
        <v>0</v>
      </c>
      <c r="MH38" s="349">
        <v>0</v>
      </c>
      <c r="MI38" s="404">
        <v>0</v>
      </c>
      <c r="MJ38" s="345">
        <v>0</v>
      </c>
      <c r="MK38" s="345">
        <v>213677</v>
      </c>
      <c r="ML38" s="345">
        <v>0</v>
      </c>
      <c r="MM38" s="345">
        <v>516533</v>
      </c>
      <c r="MN38" s="345">
        <v>0</v>
      </c>
      <c r="MO38" s="349">
        <v>730210</v>
      </c>
      <c r="MP38" s="354">
        <v>730210</v>
      </c>
      <c r="MQ38" s="348">
        <v>0</v>
      </c>
      <c r="MR38" s="345">
        <v>0</v>
      </c>
      <c r="MS38" s="349">
        <v>0</v>
      </c>
      <c r="MT38" s="404">
        <v>0</v>
      </c>
      <c r="MU38" s="345">
        <v>0</v>
      </c>
      <c r="MV38" s="345">
        <v>0</v>
      </c>
      <c r="MW38" s="345">
        <v>0</v>
      </c>
      <c r="MX38" s="345">
        <v>0</v>
      </c>
      <c r="MY38" s="345">
        <v>0</v>
      </c>
      <c r="MZ38" s="349">
        <v>0</v>
      </c>
      <c r="NA38" s="354">
        <v>0</v>
      </c>
      <c r="NB38" s="348">
        <v>0</v>
      </c>
      <c r="NC38" s="345">
        <v>0</v>
      </c>
      <c r="ND38" s="349">
        <v>0</v>
      </c>
      <c r="NE38" s="404">
        <v>0</v>
      </c>
      <c r="NF38" s="345">
        <v>0</v>
      </c>
      <c r="NG38" s="345">
        <v>0</v>
      </c>
      <c r="NH38" s="345">
        <v>0</v>
      </c>
      <c r="NI38" s="345">
        <v>0</v>
      </c>
      <c r="NJ38" s="345">
        <v>0</v>
      </c>
      <c r="NK38" s="349">
        <v>0</v>
      </c>
      <c r="NL38" s="347">
        <v>0</v>
      </c>
      <c r="NM38" s="348">
        <v>0</v>
      </c>
      <c r="NN38" s="345">
        <v>0</v>
      </c>
      <c r="NO38" s="349">
        <v>0</v>
      </c>
      <c r="NP38" s="404">
        <v>0</v>
      </c>
      <c r="NQ38" s="345">
        <v>0</v>
      </c>
      <c r="NR38" s="345">
        <v>0</v>
      </c>
      <c r="NS38" s="345">
        <v>0</v>
      </c>
      <c r="NT38" s="345">
        <v>0</v>
      </c>
      <c r="NU38" s="345">
        <v>0</v>
      </c>
      <c r="NV38" s="349">
        <v>0</v>
      </c>
      <c r="NW38" s="350">
        <v>0</v>
      </c>
      <c r="NX38" s="348">
        <v>0</v>
      </c>
      <c r="NY38" s="345">
        <v>0</v>
      </c>
      <c r="NZ38" s="349">
        <v>0</v>
      </c>
      <c r="OA38" s="404">
        <v>0</v>
      </c>
      <c r="OB38" s="345">
        <v>0</v>
      </c>
      <c r="OC38" s="345">
        <v>213677</v>
      </c>
      <c r="OD38" s="345">
        <v>0</v>
      </c>
      <c r="OE38" s="345">
        <v>516533</v>
      </c>
      <c r="OF38" s="345">
        <v>0</v>
      </c>
      <c r="OG38" s="349">
        <v>730210</v>
      </c>
      <c r="OH38" s="350">
        <v>730210</v>
      </c>
      <c r="OI38" s="348">
        <v>27390</v>
      </c>
      <c r="OJ38" s="345">
        <v>15539</v>
      </c>
      <c r="OK38" s="346">
        <v>42929</v>
      </c>
      <c r="OL38" s="351">
        <v>0</v>
      </c>
      <c r="OM38" s="345">
        <v>1164166</v>
      </c>
      <c r="ON38" s="345">
        <v>500375</v>
      </c>
      <c r="OO38" s="345">
        <v>933749</v>
      </c>
      <c r="OP38" s="345">
        <v>809873</v>
      </c>
      <c r="OQ38" s="345">
        <v>241567</v>
      </c>
      <c r="OR38" s="349">
        <v>3649730</v>
      </c>
      <c r="OS38" s="354">
        <v>3692659</v>
      </c>
    </row>
    <row r="39" spans="2:409" s="70" customFormat="1" ht="21" customHeight="1" x14ac:dyDescent="0.2">
      <c r="B39" s="106" t="s">
        <v>34</v>
      </c>
      <c r="C39" s="326">
        <v>29218</v>
      </c>
      <c r="D39" s="327">
        <v>0</v>
      </c>
      <c r="E39" s="368">
        <v>29218</v>
      </c>
      <c r="F39" s="370">
        <v>0</v>
      </c>
      <c r="G39" s="369">
        <v>67613</v>
      </c>
      <c r="H39" s="369">
        <v>582567</v>
      </c>
      <c r="I39" s="369">
        <v>356566</v>
      </c>
      <c r="J39" s="369">
        <v>303957</v>
      </c>
      <c r="K39" s="369">
        <v>35035</v>
      </c>
      <c r="L39" s="370">
        <v>1345738</v>
      </c>
      <c r="M39" s="330">
        <v>1374956</v>
      </c>
      <c r="N39" s="326">
        <v>26418</v>
      </c>
      <c r="O39" s="327">
        <v>0</v>
      </c>
      <c r="P39" s="328">
        <v>26418</v>
      </c>
      <c r="Q39" s="326">
        <v>0</v>
      </c>
      <c r="R39" s="327">
        <v>63413</v>
      </c>
      <c r="S39" s="327">
        <v>133343</v>
      </c>
      <c r="T39" s="327">
        <v>18368</v>
      </c>
      <c r="U39" s="327">
        <v>0</v>
      </c>
      <c r="V39" s="327">
        <v>23401</v>
      </c>
      <c r="W39" s="328">
        <v>238525</v>
      </c>
      <c r="X39" s="330">
        <v>264943</v>
      </c>
      <c r="Y39" s="326">
        <v>0</v>
      </c>
      <c r="Z39" s="327">
        <v>0</v>
      </c>
      <c r="AA39" s="328">
        <v>0</v>
      </c>
      <c r="AB39" s="326">
        <v>0</v>
      </c>
      <c r="AC39" s="327">
        <v>0</v>
      </c>
      <c r="AD39" s="327">
        <v>32592</v>
      </c>
      <c r="AE39" s="327">
        <v>0</v>
      </c>
      <c r="AF39" s="327">
        <v>0</v>
      </c>
      <c r="AG39" s="327">
        <v>0</v>
      </c>
      <c r="AH39" s="328">
        <v>32592</v>
      </c>
      <c r="AI39" s="330">
        <v>32592</v>
      </c>
      <c r="AJ39" s="326">
        <v>0</v>
      </c>
      <c r="AK39" s="327">
        <v>0</v>
      </c>
      <c r="AL39" s="328">
        <v>0</v>
      </c>
      <c r="AM39" s="326">
        <v>0</v>
      </c>
      <c r="AN39" s="327">
        <v>0</v>
      </c>
      <c r="AO39" s="327">
        <v>0</v>
      </c>
      <c r="AP39" s="327">
        <v>0</v>
      </c>
      <c r="AQ39" s="327">
        <v>0</v>
      </c>
      <c r="AR39" s="327">
        <v>0</v>
      </c>
      <c r="AS39" s="328">
        <v>0</v>
      </c>
      <c r="AT39" s="330">
        <v>0</v>
      </c>
      <c r="AU39" s="326">
        <v>26418</v>
      </c>
      <c r="AV39" s="327">
        <v>0</v>
      </c>
      <c r="AW39" s="328">
        <v>26418</v>
      </c>
      <c r="AX39" s="326">
        <v>0</v>
      </c>
      <c r="AY39" s="327">
        <v>52031</v>
      </c>
      <c r="AZ39" s="327">
        <v>20713</v>
      </c>
      <c r="BA39" s="327">
        <v>0</v>
      </c>
      <c r="BB39" s="327">
        <v>0</v>
      </c>
      <c r="BC39" s="327">
        <v>23401</v>
      </c>
      <c r="BD39" s="328">
        <v>96145</v>
      </c>
      <c r="BE39" s="330">
        <v>122563</v>
      </c>
      <c r="BF39" s="326">
        <v>0</v>
      </c>
      <c r="BG39" s="327">
        <v>0</v>
      </c>
      <c r="BH39" s="331">
        <v>0</v>
      </c>
      <c r="BI39" s="332">
        <v>0</v>
      </c>
      <c r="BJ39" s="327">
        <v>0</v>
      </c>
      <c r="BK39" s="327">
        <v>43960</v>
      </c>
      <c r="BL39" s="327">
        <v>0</v>
      </c>
      <c r="BM39" s="327">
        <v>0</v>
      </c>
      <c r="BN39" s="327">
        <v>0</v>
      </c>
      <c r="BO39" s="328">
        <v>43960</v>
      </c>
      <c r="BP39" s="330">
        <v>43960</v>
      </c>
      <c r="BQ39" s="326">
        <v>0</v>
      </c>
      <c r="BR39" s="327">
        <v>0</v>
      </c>
      <c r="BS39" s="328">
        <v>0</v>
      </c>
      <c r="BT39" s="326">
        <v>0</v>
      </c>
      <c r="BU39" s="327">
        <v>11382</v>
      </c>
      <c r="BV39" s="327">
        <v>36078</v>
      </c>
      <c r="BW39" s="327">
        <v>18368</v>
      </c>
      <c r="BX39" s="327">
        <v>0</v>
      </c>
      <c r="BY39" s="327">
        <v>0</v>
      </c>
      <c r="BZ39" s="328">
        <v>65828</v>
      </c>
      <c r="CA39" s="330">
        <v>65828</v>
      </c>
      <c r="CB39" s="326">
        <v>0</v>
      </c>
      <c r="CC39" s="327">
        <v>0</v>
      </c>
      <c r="CD39" s="328">
        <v>0</v>
      </c>
      <c r="CE39" s="326">
        <v>0</v>
      </c>
      <c r="CF39" s="327">
        <v>0</v>
      </c>
      <c r="CG39" s="327">
        <v>61138</v>
      </c>
      <c r="CH39" s="327">
        <v>153839</v>
      </c>
      <c r="CI39" s="327">
        <v>97881</v>
      </c>
      <c r="CJ39" s="327">
        <v>0</v>
      </c>
      <c r="CK39" s="328">
        <v>312858</v>
      </c>
      <c r="CL39" s="330">
        <v>312858</v>
      </c>
      <c r="CM39" s="326">
        <v>0</v>
      </c>
      <c r="CN39" s="327">
        <v>0</v>
      </c>
      <c r="CO39" s="328">
        <v>0</v>
      </c>
      <c r="CP39" s="332">
        <v>0</v>
      </c>
      <c r="CQ39" s="327">
        <v>0</v>
      </c>
      <c r="CR39" s="327">
        <v>61138</v>
      </c>
      <c r="CS39" s="327">
        <v>153839</v>
      </c>
      <c r="CT39" s="327">
        <v>97881</v>
      </c>
      <c r="CU39" s="327">
        <v>0</v>
      </c>
      <c r="CV39" s="328">
        <v>312858</v>
      </c>
      <c r="CW39" s="330">
        <v>312858</v>
      </c>
      <c r="CX39" s="326">
        <v>0</v>
      </c>
      <c r="CY39" s="327">
        <v>0</v>
      </c>
      <c r="CZ39" s="328">
        <v>0</v>
      </c>
      <c r="DA39" s="326">
        <v>0</v>
      </c>
      <c r="DB39" s="327">
        <v>0</v>
      </c>
      <c r="DC39" s="327">
        <v>0</v>
      </c>
      <c r="DD39" s="327">
        <v>0</v>
      </c>
      <c r="DE39" s="327">
        <v>0</v>
      </c>
      <c r="DF39" s="327">
        <v>0</v>
      </c>
      <c r="DG39" s="328">
        <v>0</v>
      </c>
      <c r="DH39" s="330">
        <v>0</v>
      </c>
      <c r="DI39" s="326">
        <v>0</v>
      </c>
      <c r="DJ39" s="327">
        <v>0</v>
      </c>
      <c r="DK39" s="331">
        <v>0</v>
      </c>
      <c r="DL39" s="332">
        <v>0</v>
      </c>
      <c r="DM39" s="327">
        <v>0</v>
      </c>
      <c r="DN39" s="327">
        <v>51681</v>
      </c>
      <c r="DO39" s="327">
        <v>15750</v>
      </c>
      <c r="DP39" s="327">
        <v>0</v>
      </c>
      <c r="DQ39" s="327">
        <v>0</v>
      </c>
      <c r="DR39" s="328">
        <v>67431</v>
      </c>
      <c r="DS39" s="330">
        <v>67431</v>
      </c>
      <c r="DT39" s="326">
        <v>0</v>
      </c>
      <c r="DU39" s="327">
        <v>0</v>
      </c>
      <c r="DV39" s="328">
        <v>0</v>
      </c>
      <c r="DW39" s="326">
        <v>0</v>
      </c>
      <c r="DX39" s="327">
        <v>0</v>
      </c>
      <c r="DY39" s="327">
        <v>51681</v>
      </c>
      <c r="DZ39" s="327">
        <v>15750</v>
      </c>
      <c r="EA39" s="327">
        <v>0</v>
      </c>
      <c r="EB39" s="327">
        <v>0</v>
      </c>
      <c r="EC39" s="328">
        <v>67431</v>
      </c>
      <c r="ED39" s="330">
        <v>67431</v>
      </c>
      <c r="EE39" s="326">
        <v>0</v>
      </c>
      <c r="EF39" s="331">
        <v>0</v>
      </c>
      <c r="EG39" s="328">
        <v>0</v>
      </c>
      <c r="EH39" s="326">
        <v>0</v>
      </c>
      <c r="EI39" s="327">
        <v>0</v>
      </c>
      <c r="EJ39" s="327">
        <v>0</v>
      </c>
      <c r="EK39" s="327">
        <v>0</v>
      </c>
      <c r="EL39" s="327">
        <v>0</v>
      </c>
      <c r="EM39" s="327">
        <v>0</v>
      </c>
      <c r="EN39" s="331">
        <v>0</v>
      </c>
      <c r="EO39" s="330">
        <v>0</v>
      </c>
      <c r="EP39" s="326">
        <v>0</v>
      </c>
      <c r="EQ39" s="327">
        <v>0</v>
      </c>
      <c r="ER39" s="331">
        <v>0</v>
      </c>
      <c r="ES39" s="332">
        <v>0</v>
      </c>
      <c r="ET39" s="327">
        <v>0</v>
      </c>
      <c r="EU39" s="327">
        <v>0</v>
      </c>
      <c r="EV39" s="327">
        <v>0</v>
      </c>
      <c r="EW39" s="327">
        <v>0</v>
      </c>
      <c r="EX39" s="327">
        <v>0</v>
      </c>
      <c r="EY39" s="328">
        <v>0</v>
      </c>
      <c r="EZ39" s="330">
        <v>0</v>
      </c>
      <c r="FA39" s="326">
        <v>0</v>
      </c>
      <c r="FB39" s="327">
        <v>0</v>
      </c>
      <c r="FC39" s="331">
        <v>0</v>
      </c>
      <c r="FD39" s="404">
        <v>0</v>
      </c>
      <c r="FE39" s="327">
        <v>0</v>
      </c>
      <c r="FF39" s="327">
        <v>0</v>
      </c>
      <c r="FG39" s="327">
        <v>0</v>
      </c>
      <c r="FH39" s="327">
        <v>0</v>
      </c>
      <c r="FI39" s="327">
        <v>0</v>
      </c>
      <c r="FJ39" s="328">
        <v>0</v>
      </c>
      <c r="FK39" s="330">
        <v>0</v>
      </c>
      <c r="FL39" s="326">
        <v>2800</v>
      </c>
      <c r="FM39" s="327">
        <v>0</v>
      </c>
      <c r="FN39" s="328">
        <v>2800</v>
      </c>
      <c r="FO39" s="326">
        <v>0</v>
      </c>
      <c r="FP39" s="327">
        <v>4200</v>
      </c>
      <c r="FQ39" s="327">
        <v>43334</v>
      </c>
      <c r="FR39" s="327">
        <v>0</v>
      </c>
      <c r="FS39" s="327">
        <v>3122</v>
      </c>
      <c r="FT39" s="327">
        <v>11634</v>
      </c>
      <c r="FU39" s="328">
        <v>62290</v>
      </c>
      <c r="FV39" s="330">
        <v>65090</v>
      </c>
      <c r="FW39" s="333">
        <v>2800</v>
      </c>
      <c r="FX39" s="327">
        <v>0</v>
      </c>
      <c r="FY39" s="331">
        <v>2800</v>
      </c>
      <c r="FZ39" s="332">
        <v>0</v>
      </c>
      <c r="GA39" s="327">
        <v>4200</v>
      </c>
      <c r="GB39" s="327">
        <v>23030</v>
      </c>
      <c r="GC39" s="327">
        <v>0</v>
      </c>
      <c r="GD39" s="327">
        <v>3122</v>
      </c>
      <c r="GE39" s="327">
        <v>11634</v>
      </c>
      <c r="GF39" s="328">
        <v>41986</v>
      </c>
      <c r="GG39" s="334">
        <v>44786</v>
      </c>
      <c r="GH39" s="333">
        <v>0</v>
      </c>
      <c r="GI39" s="327">
        <v>0</v>
      </c>
      <c r="GJ39" s="331">
        <v>0</v>
      </c>
      <c r="GK39" s="332">
        <v>0</v>
      </c>
      <c r="GL39" s="327">
        <v>0</v>
      </c>
      <c r="GM39" s="327">
        <v>20304</v>
      </c>
      <c r="GN39" s="327">
        <v>0</v>
      </c>
      <c r="GO39" s="327">
        <v>0</v>
      </c>
      <c r="GP39" s="327">
        <v>0</v>
      </c>
      <c r="GQ39" s="328">
        <v>20304</v>
      </c>
      <c r="GR39" s="330">
        <v>20304</v>
      </c>
      <c r="GS39" s="326">
        <v>0</v>
      </c>
      <c r="GT39" s="327">
        <v>0</v>
      </c>
      <c r="GU39" s="328">
        <v>0</v>
      </c>
      <c r="GV39" s="326">
        <v>0</v>
      </c>
      <c r="GW39" s="327">
        <v>0</v>
      </c>
      <c r="GX39" s="327">
        <v>0</v>
      </c>
      <c r="GY39" s="327">
        <v>0</v>
      </c>
      <c r="GZ39" s="327">
        <v>0</v>
      </c>
      <c r="HA39" s="327">
        <v>0</v>
      </c>
      <c r="HB39" s="331">
        <v>0</v>
      </c>
      <c r="HC39" s="330">
        <v>0</v>
      </c>
      <c r="HD39" s="326">
        <v>0</v>
      </c>
      <c r="HE39" s="327">
        <v>0</v>
      </c>
      <c r="HF39" s="331">
        <v>0</v>
      </c>
      <c r="HG39" s="332">
        <v>0</v>
      </c>
      <c r="HH39" s="327">
        <v>0</v>
      </c>
      <c r="HI39" s="327">
        <v>293071</v>
      </c>
      <c r="HJ39" s="327">
        <v>168609</v>
      </c>
      <c r="HK39" s="327">
        <v>202954</v>
      </c>
      <c r="HL39" s="327">
        <v>0</v>
      </c>
      <c r="HM39" s="328">
        <v>664634</v>
      </c>
      <c r="HN39" s="329">
        <v>664634</v>
      </c>
      <c r="HO39" s="333">
        <v>0</v>
      </c>
      <c r="HP39" s="327">
        <v>0</v>
      </c>
      <c r="HQ39" s="328">
        <v>0</v>
      </c>
      <c r="HR39" s="326">
        <v>0</v>
      </c>
      <c r="HS39" s="327">
        <v>0</v>
      </c>
      <c r="HT39" s="327">
        <v>0</v>
      </c>
      <c r="HU39" s="327">
        <v>0</v>
      </c>
      <c r="HV39" s="327">
        <v>0</v>
      </c>
      <c r="HW39" s="327">
        <v>0</v>
      </c>
      <c r="HX39" s="331">
        <v>0</v>
      </c>
      <c r="HY39" s="330">
        <v>0</v>
      </c>
      <c r="HZ39" s="335">
        <v>0</v>
      </c>
      <c r="IA39" s="336">
        <v>0</v>
      </c>
      <c r="IB39" s="337">
        <v>0</v>
      </c>
      <c r="IC39" s="338">
        <v>0</v>
      </c>
      <c r="ID39" s="336">
        <v>101542</v>
      </c>
      <c r="IE39" s="339">
        <v>0</v>
      </c>
      <c r="IF39" s="337">
        <v>0</v>
      </c>
      <c r="IG39" s="336">
        <v>0</v>
      </c>
      <c r="IH39" s="337">
        <v>0</v>
      </c>
      <c r="II39" s="340">
        <v>101542</v>
      </c>
      <c r="IJ39" s="341">
        <v>101542</v>
      </c>
      <c r="IK39" s="342">
        <v>0</v>
      </c>
      <c r="IL39" s="343">
        <v>0</v>
      </c>
      <c r="IM39" s="344">
        <v>0</v>
      </c>
      <c r="IN39" s="404">
        <v>0</v>
      </c>
      <c r="IO39" s="345">
        <v>0</v>
      </c>
      <c r="IP39" s="345">
        <v>0</v>
      </c>
      <c r="IQ39" s="345">
        <v>0</v>
      </c>
      <c r="IR39" s="345">
        <v>0</v>
      </c>
      <c r="IS39" s="345">
        <v>0</v>
      </c>
      <c r="IT39" s="346">
        <v>0</v>
      </c>
      <c r="IU39" s="347">
        <v>0</v>
      </c>
      <c r="IV39" s="348">
        <v>0</v>
      </c>
      <c r="IW39" s="345">
        <v>0</v>
      </c>
      <c r="IX39" s="349">
        <v>0</v>
      </c>
      <c r="IY39" s="404">
        <v>0</v>
      </c>
      <c r="IZ39" s="345">
        <v>0</v>
      </c>
      <c r="JA39" s="345">
        <v>0</v>
      </c>
      <c r="JB39" s="345">
        <v>0</v>
      </c>
      <c r="JC39" s="345">
        <v>0</v>
      </c>
      <c r="JD39" s="345">
        <v>0</v>
      </c>
      <c r="JE39" s="349">
        <v>0</v>
      </c>
      <c r="JF39" s="350">
        <v>0</v>
      </c>
      <c r="JG39" s="348">
        <v>0</v>
      </c>
      <c r="JH39" s="345">
        <v>0</v>
      </c>
      <c r="JI39" s="346">
        <v>0</v>
      </c>
      <c r="JJ39" s="351">
        <v>0</v>
      </c>
      <c r="JK39" s="345">
        <v>0</v>
      </c>
      <c r="JL39" s="345">
        <v>0</v>
      </c>
      <c r="JM39" s="345">
        <v>0</v>
      </c>
      <c r="JN39" s="345">
        <v>0</v>
      </c>
      <c r="JO39" s="345">
        <v>0</v>
      </c>
      <c r="JP39" s="349">
        <v>0</v>
      </c>
      <c r="JQ39" s="347">
        <v>0</v>
      </c>
      <c r="JR39" s="348">
        <v>0</v>
      </c>
      <c r="JS39" s="345">
        <v>0</v>
      </c>
      <c r="JT39" s="346">
        <v>0</v>
      </c>
      <c r="JU39" s="351">
        <v>0</v>
      </c>
      <c r="JV39" s="345">
        <v>0</v>
      </c>
      <c r="JW39" s="345">
        <v>0</v>
      </c>
      <c r="JX39" s="345">
        <v>0</v>
      </c>
      <c r="JY39" s="345">
        <v>0</v>
      </c>
      <c r="JZ39" s="345">
        <v>0</v>
      </c>
      <c r="KA39" s="349">
        <v>0</v>
      </c>
      <c r="KB39" s="347">
        <v>0</v>
      </c>
      <c r="KC39" s="352">
        <v>0</v>
      </c>
      <c r="KD39" s="353">
        <v>0</v>
      </c>
      <c r="KE39" s="349">
        <v>0</v>
      </c>
      <c r="KF39" s="351">
        <v>0</v>
      </c>
      <c r="KG39" s="345">
        <v>101542</v>
      </c>
      <c r="KH39" s="345">
        <v>0</v>
      </c>
      <c r="KI39" s="345">
        <v>0</v>
      </c>
      <c r="KJ39" s="345">
        <v>0</v>
      </c>
      <c r="KK39" s="345">
        <v>0</v>
      </c>
      <c r="KL39" s="349">
        <v>101542</v>
      </c>
      <c r="KM39" s="354">
        <v>101542</v>
      </c>
      <c r="KN39" s="342">
        <v>0</v>
      </c>
      <c r="KO39" s="343">
        <v>0</v>
      </c>
      <c r="KP39" s="344">
        <v>0</v>
      </c>
      <c r="KQ39" s="404">
        <v>0</v>
      </c>
      <c r="KR39" s="345">
        <v>0</v>
      </c>
      <c r="KS39" s="345">
        <v>0</v>
      </c>
      <c r="KT39" s="345">
        <v>0</v>
      </c>
      <c r="KU39" s="345">
        <v>0</v>
      </c>
      <c r="KV39" s="345">
        <v>0</v>
      </c>
      <c r="KW39" s="349">
        <v>0</v>
      </c>
      <c r="KX39" s="347">
        <v>0</v>
      </c>
      <c r="KY39" s="348">
        <v>0</v>
      </c>
      <c r="KZ39" s="345">
        <v>0</v>
      </c>
      <c r="LA39" s="349">
        <v>0</v>
      </c>
      <c r="LB39" s="404">
        <v>0</v>
      </c>
      <c r="LC39" s="345">
        <v>0</v>
      </c>
      <c r="LD39" s="345">
        <v>0</v>
      </c>
      <c r="LE39" s="345">
        <v>0</v>
      </c>
      <c r="LF39" s="345">
        <v>0</v>
      </c>
      <c r="LG39" s="345">
        <v>0</v>
      </c>
      <c r="LH39" s="349">
        <v>0</v>
      </c>
      <c r="LI39" s="350">
        <v>0</v>
      </c>
      <c r="LJ39" s="348">
        <v>0</v>
      </c>
      <c r="LK39" s="345">
        <v>0</v>
      </c>
      <c r="LL39" s="349">
        <v>0</v>
      </c>
      <c r="LM39" s="404">
        <v>0</v>
      </c>
      <c r="LN39" s="345">
        <v>0</v>
      </c>
      <c r="LO39" s="345">
        <v>0</v>
      </c>
      <c r="LP39" s="345">
        <v>0</v>
      </c>
      <c r="LQ39" s="345">
        <v>0</v>
      </c>
      <c r="LR39" s="345">
        <v>0</v>
      </c>
      <c r="LS39" s="349">
        <v>0</v>
      </c>
      <c r="LT39" s="347">
        <v>0</v>
      </c>
      <c r="LU39" s="348">
        <v>0</v>
      </c>
      <c r="LV39" s="345">
        <v>0</v>
      </c>
      <c r="LW39" s="349">
        <v>0</v>
      </c>
      <c r="LX39" s="404">
        <v>0</v>
      </c>
      <c r="LY39" s="345">
        <v>0</v>
      </c>
      <c r="LZ39" s="345">
        <v>0</v>
      </c>
      <c r="MA39" s="345">
        <v>0</v>
      </c>
      <c r="MB39" s="345">
        <v>0</v>
      </c>
      <c r="MC39" s="345">
        <v>0</v>
      </c>
      <c r="MD39" s="349">
        <v>0</v>
      </c>
      <c r="ME39" s="350">
        <v>0</v>
      </c>
      <c r="MF39" s="348">
        <v>0</v>
      </c>
      <c r="MG39" s="345">
        <v>0</v>
      </c>
      <c r="MH39" s="349">
        <v>0</v>
      </c>
      <c r="MI39" s="404">
        <v>0</v>
      </c>
      <c r="MJ39" s="345">
        <v>0</v>
      </c>
      <c r="MK39" s="345">
        <v>0</v>
      </c>
      <c r="ML39" s="345">
        <v>0</v>
      </c>
      <c r="MM39" s="345">
        <v>203123</v>
      </c>
      <c r="MN39" s="345">
        <v>0</v>
      </c>
      <c r="MO39" s="349">
        <v>203123</v>
      </c>
      <c r="MP39" s="354">
        <v>203123</v>
      </c>
      <c r="MQ39" s="348">
        <v>0</v>
      </c>
      <c r="MR39" s="345">
        <v>0</v>
      </c>
      <c r="MS39" s="349">
        <v>0</v>
      </c>
      <c r="MT39" s="404">
        <v>0</v>
      </c>
      <c r="MU39" s="345">
        <v>0</v>
      </c>
      <c r="MV39" s="345">
        <v>0</v>
      </c>
      <c r="MW39" s="345">
        <v>0</v>
      </c>
      <c r="MX39" s="345">
        <v>203123</v>
      </c>
      <c r="MY39" s="345">
        <v>0</v>
      </c>
      <c r="MZ39" s="349">
        <v>203123</v>
      </c>
      <c r="NA39" s="354">
        <v>203123</v>
      </c>
      <c r="NB39" s="348">
        <v>0</v>
      </c>
      <c r="NC39" s="345">
        <v>0</v>
      </c>
      <c r="ND39" s="349">
        <v>0</v>
      </c>
      <c r="NE39" s="404">
        <v>0</v>
      </c>
      <c r="NF39" s="345">
        <v>0</v>
      </c>
      <c r="NG39" s="345">
        <v>0</v>
      </c>
      <c r="NH39" s="345">
        <v>0</v>
      </c>
      <c r="NI39" s="345">
        <v>0</v>
      </c>
      <c r="NJ39" s="345">
        <v>0</v>
      </c>
      <c r="NK39" s="349">
        <v>0</v>
      </c>
      <c r="NL39" s="347">
        <v>0</v>
      </c>
      <c r="NM39" s="348">
        <v>0</v>
      </c>
      <c r="NN39" s="345">
        <v>0</v>
      </c>
      <c r="NO39" s="349">
        <v>0</v>
      </c>
      <c r="NP39" s="404">
        <v>0</v>
      </c>
      <c r="NQ39" s="345">
        <v>0</v>
      </c>
      <c r="NR39" s="345">
        <v>0</v>
      </c>
      <c r="NS39" s="345">
        <v>0</v>
      </c>
      <c r="NT39" s="345">
        <v>0</v>
      </c>
      <c r="NU39" s="345">
        <v>0</v>
      </c>
      <c r="NV39" s="349">
        <v>0</v>
      </c>
      <c r="NW39" s="350">
        <v>0</v>
      </c>
      <c r="NX39" s="348">
        <v>0</v>
      </c>
      <c r="NY39" s="345">
        <v>0</v>
      </c>
      <c r="NZ39" s="349">
        <v>0</v>
      </c>
      <c r="OA39" s="404">
        <v>0</v>
      </c>
      <c r="OB39" s="345">
        <v>0</v>
      </c>
      <c r="OC39" s="345">
        <v>0</v>
      </c>
      <c r="OD39" s="345">
        <v>0</v>
      </c>
      <c r="OE39" s="345">
        <v>0</v>
      </c>
      <c r="OF39" s="345">
        <v>0</v>
      </c>
      <c r="OG39" s="349">
        <v>0</v>
      </c>
      <c r="OH39" s="350">
        <v>0</v>
      </c>
      <c r="OI39" s="348">
        <v>29218</v>
      </c>
      <c r="OJ39" s="345">
        <v>0</v>
      </c>
      <c r="OK39" s="346">
        <v>29218</v>
      </c>
      <c r="OL39" s="351">
        <v>0</v>
      </c>
      <c r="OM39" s="345">
        <v>169155</v>
      </c>
      <c r="ON39" s="345">
        <v>582567</v>
      </c>
      <c r="OO39" s="345">
        <v>356566</v>
      </c>
      <c r="OP39" s="345">
        <v>507080</v>
      </c>
      <c r="OQ39" s="345">
        <v>35035</v>
      </c>
      <c r="OR39" s="349">
        <v>1650403</v>
      </c>
      <c r="OS39" s="354">
        <v>1679621</v>
      </c>
    </row>
    <row r="40" spans="2:409" s="70" customFormat="1" ht="21" customHeight="1" x14ac:dyDescent="0.2">
      <c r="B40" s="106" t="s">
        <v>35</v>
      </c>
      <c r="C40" s="326">
        <v>236824</v>
      </c>
      <c r="D40" s="327">
        <v>255269</v>
      </c>
      <c r="E40" s="328">
        <v>492093</v>
      </c>
      <c r="F40" s="329">
        <v>0</v>
      </c>
      <c r="G40" s="327">
        <v>1055992</v>
      </c>
      <c r="H40" s="327">
        <v>957703</v>
      </c>
      <c r="I40" s="327">
        <v>488040</v>
      </c>
      <c r="J40" s="327">
        <v>841543</v>
      </c>
      <c r="K40" s="327">
        <v>588680</v>
      </c>
      <c r="L40" s="367">
        <v>3931958</v>
      </c>
      <c r="M40" s="330">
        <v>4424051</v>
      </c>
      <c r="N40" s="326">
        <v>49623</v>
      </c>
      <c r="O40" s="327">
        <v>59206</v>
      </c>
      <c r="P40" s="328">
        <v>108829</v>
      </c>
      <c r="Q40" s="326">
        <v>0</v>
      </c>
      <c r="R40" s="327">
        <v>186188</v>
      </c>
      <c r="S40" s="327">
        <v>333478</v>
      </c>
      <c r="T40" s="327">
        <v>131859</v>
      </c>
      <c r="U40" s="327">
        <v>131082</v>
      </c>
      <c r="V40" s="327">
        <v>49322</v>
      </c>
      <c r="W40" s="328">
        <v>831929</v>
      </c>
      <c r="X40" s="330">
        <v>940758</v>
      </c>
      <c r="Y40" s="326">
        <v>0</v>
      </c>
      <c r="Z40" s="327">
        <v>0</v>
      </c>
      <c r="AA40" s="328">
        <v>0</v>
      </c>
      <c r="AB40" s="326">
        <v>0</v>
      </c>
      <c r="AC40" s="327">
        <v>13538</v>
      </c>
      <c r="AD40" s="327">
        <v>188186</v>
      </c>
      <c r="AE40" s="327">
        <v>70147</v>
      </c>
      <c r="AF40" s="327">
        <v>0</v>
      </c>
      <c r="AG40" s="327">
        <v>0</v>
      </c>
      <c r="AH40" s="328">
        <v>271871</v>
      </c>
      <c r="AI40" s="330">
        <v>271871</v>
      </c>
      <c r="AJ40" s="326">
        <v>0</v>
      </c>
      <c r="AK40" s="327">
        <v>0</v>
      </c>
      <c r="AL40" s="328">
        <v>0</v>
      </c>
      <c r="AM40" s="326">
        <v>0</v>
      </c>
      <c r="AN40" s="327">
        <v>0</v>
      </c>
      <c r="AO40" s="327">
        <v>0</v>
      </c>
      <c r="AP40" s="327">
        <v>0</v>
      </c>
      <c r="AQ40" s="327">
        <v>0</v>
      </c>
      <c r="AR40" s="327">
        <v>0</v>
      </c>
      <c r="AS40" s="328">
        <v>0</v>
      </c>
      <c r="AT40" s="330">
        <v>0</v>
      </c>
      <c r="AU40" s="326">
        <v>0</v>
      </c>
      <c r="AV40" s="327">
        <v>31808</v>
      </c>
      <c r="AW40" s="328">
        <v>31808</v>
      </c>
      <c r="AX40" s="326">
        <v>0</v>
      </c>
      <c r="AY40" s="327">
        <v>47077</v>
      </c>
      <c r="AZ40" s="327">
        <v>116697</v>
      </c>
      <c r="BA40" s="327">
        <v>0</v>
      </c>
      <c r="BB40" s="327">
        <v>76552</v>
      </c>
      <c r="BC40" s="327">
        <v>20174</v>
      </c>
      <c r="BD40" s="328">
        <v>260500</v>
      </c>
      <c r="BE40" s="330">
        <v>292308</v>
      </c>
      <c r="BF40" s="326">
        <v>0</v>
      </c>
      <c r="BG40" s="327">
        <v>6384</v>
      </c>
      <c r="BH40" s="331">
        <v>6384</v>
      </c>
      <c r="BI40" s="332">
        <v>0</v>
      </c>
      <c r="BJ40" s="327">
        <v>52752</v>
      </c>
      <c r="BK40" s="327">
        <v>0</v>
      </c>
      <c r="BL40" s="327">
        <v>35168</v>
      </c>
      <c r="BM40" s="327">
        <v>21448</v>
      </c>
      <c r="BN40" s="327">
        <v>0</v>
      </c>
      <c r="BO40" s="328">
        <v>109368</v>
      </c>
      <c r="BP40" s="330">
        <v>115752</v>
      </c>
      <c r="BQ40" s="326">
        <v>49623</v>
      </c>
      <c r="BR40" s="327">
        <v>21014</v>
      </c>
      <c r="BS40" s="328">
        <v>70637</v>
      </c>
      <c r="BT40" s="326">
        <v>0</v>
      </c>
      <c r="BU40" s="327">
        <v>72821</v>
      </c>
      <c r="BV40" s="327">
        <v>28595</v>
      </c>
      <c r="BW40" s="327">
        <v>26544</v>
      </c>
      <c r="BX40" s="327">
        <v>33082</v>
      </c>
      <c r="BY40" s="327">
        <v>29148</v>
      </c>
      <c r="BZ40" s="328">
        <v>190190</v>
      </c>
      <c r="CA40" s="330">
        <v>260827</v>
      </c>
      <c r="CB40" s="326">
        <v>17682</v>
      </c>
      <c r="CC40" s="327">
        <v>100282</v>
      </c>
      <c r="CD40" s="328">
        <v>117964</v>
      </c>
      <c r="CE40" s="326">
        <v>0</v>
      </c>
      <c r="CF40" s="327">
        <v>212373</v>
      </c>
      <c r="CG40" s="327">
        <v>279573</v>
      </c>
      <c r="CH40" s="327">
        <v>77868</v>
      </c>
      <c r="CI40" s="327">
        <v>99869</v>
      </c>
      <c r="CJ40" s="327">
        <v>41937</v>
      </c>
      <c r="CK40" s="328">
        <v>711620</v>
      </c>
      <c r="CL40" s="330">
        <v>829584</v>
      </c>
      <c r="CM40" s="326">
        <v>0</v>
      </c>
      <c r="CN40" s="327">
        <v>0</v>
      </c>
      <c r="CO40" s="328">
        <v>0</v>
      </c>
      <c r="CP40" s="332">
        <v>0</v>
      </c>
      <c r="CQ40" s="327">
        <v>102662</v>
      </c>
      <c r="CR40" s="327">
        <v>134960</v>
      </c>
      <c r="CS40" s="327">
        <v>60060</v>
      </c>
      <c r="CT40" s="327">
        <v>7595</v>
      </c>
      <c r="CU40" s="327">
        <v>41937</v>
      </c>
      <c r="CV40" s="328">
        <v>347214</v>
      </c>
      <c r="CW40" s="330">
        <v>347214</v>
      </c>
      <c r="CX40" s="326">
        <v>17682</v>
      </c>
      <c r="CY40" s="327">
        <v>100282</v>
      </c>
      <c r="CZ40" s="328">
        <v>117964</v>
      </c>
      <c r="DA40" s="326">
        <v>0</v>
      </c>
      <c r="DB40" s="327">
        <v>109711</v>
      </c>
      <c r="DC40" s="327">
        <v>144613</v>
      </c>
      <c r="DD40" s="327">
        <v>17808</v>
      </c>
      <c r="DE40" s="327">
        <v>92274</v>
      </c>
      <c r="DF40" s="327">
        <v>0</v>
      </c>
      <c r="DG40" s="328">
        <v>364406</v>
      </c>
      <c r="DH40" s="330">
        <v>482370</v>
      </c>
      <c r="DI40" s="326">
        <v>0</v>
      </c>
      <c r="DJ40" s="327">
        <v>0</v>
      </c>
      <c r="DK40" s="331">
        <v>0</v>
      </c>
      <c r="DL40" s="332">
        <v>0</v>
      </c>
      <c r="DM40" s="327">
        <v>0</v>
      </c>
      <c r="DN40" s="327">
        <v>45430</v>
      </c>
      <c r="DO40" s="327">
        <v>0</v>
      </c>
      <c r="DP40" s="327">
        <v>0</v>
      </c>
      <c r="DQ40" s="327">
        <v>257341</v>
      </c>
      <c r="DR40" s="328">
        <v>302771</v>
      </c>
      <c r="DS40" s="330">
        <v>302771</v>
      </c>
      <c r="DT40" s="326">
        <v>0</v>
      </c>
      <c r="DU40" s="327">
        <v>0</v>
      </c>
      <c r="DV40" s="328">
        <v>0</v>
      </c>
      <c r="DW40" s="326">
        <v>0</v>
      </c>
      <c r="DX40" s="327">
        <v>0</v>
      </c>
      <c r="DY40" s="327">
        <v>45430</v>
      </c>
      <c r="DZ40" s="327">
        <v>0</v>
      </c>
      <c r="EA40" s="327">
        <v>0</v>
      </c>
      <c r="EB40" s="327">
        <v>257341</v>
      </c>
      <c r="EC40" s="328">
        <v>302771</v>
      </c>
      <c r="ED40" s="330">
        <v>302771</v>
      </c>
      <c r="EE40" s="326">
        <v>0</v>
      </c>
      <c r="EF40" s="331">
        <v>0</v>
      </c>
      <c r="EG40" s="328">
        <v>0</v>
      </c>
      <c r="EH40" s="326">
        <v>0</v>
      </c>
      <c r="EI40" s="327">
        <v>0</v>
      </c>
      <c r="EJ40" s="327">
        <v>0</v>
      </c>
      <c r="EK40" s="327">
        <v>0</v>
      </c>
      <c r="EL40" s="327">
        <v>0</v>
      </c>
      <c r="EM40" s="327">
        <v>0</v>
      </c>
      <c r="EN40" s="331">
        <v>0</v>
      </c>
      <c r="EO40" s="330">
        <v>0</v>
      </c>
      <c r="EP40" s="326">
        <v>0</v>
      </c>
      <c r="EQ40" s="327">
        <v>0</v>
      </c>
      <c r="ER40" s="331">
        <v>0</v>
      </c>
      <c r="ES40" s="332">
        <v>0</v>
      </c>
      <c r="ET40" s="327">
        <v>0</v>
      </c>
      <c r="EU40" s="327">
        <v>0</v>
      </c>
      <c r="EV40" s="327">
        <v>0</v>
      </c>
      <c r="EW40" s="327">
        <v>0</v>
      </c>
      <c r="EX40" s="327">
        <v>0</v>
      </c>
      <c r="EY40" s="328">
        <v>0</v>
      </c>
      <c r="EZ40" s="330">
        <v>0</v>
      </c>
      <c r="FA40" s="326">
        <v>0</v>
      </c>
      <c r="FB40" s="327">
        <v>0</v>
      </c>
      <c r="FC40" s="331">
        <v>0</v>
      </c>
      <c r="FD40" s="404">
        <v>0</v>
      </c>
      <c r="FE40" s="327">
        <v>0</v>
      </c>
      <c r="FF40" s="327">
        <v>0</v>
      </c>
      <c r="FG40" s="327">
        <v>0</v>
      </c>
      <c r="FH40" s="327">
        <v>0</v>
      </c>
      <c r="FI40" s="327">
        <v>0</v>
      </c>
      <c r="FJ40" s="328">
        <v>0</v>
      </c>
      <c r="FK40" s="330">
        <v>0</v>
      </c>
      <c r="FL40" s="326">
        <v>21098</v>
      </c>
      <c r="FM40" s="327">
        <v>12600</v>
      </c>
      <c r="FN40" s="328">
        <v>33698</v>
      </c>
      <c r="FO40" s="326">
        <v>0</v>
      </c>
      <c r="FP40" s="327">
        <v>90300</v>
      </c>
      <c r="FQ40" s="327">
        <v>147658</v>
      </c>
      <c r="FR40" s="327">
        <v>112210</v>
      </c>
      <c r="FS40" s="327">
        <v>34650</v>
      </c>
      <c r="FT40" s="327">
        <v>22120</v>
      </c>
      <c r="FU40" s="328">
        <v>406938</v>
      </c>
      <c r="FV40" s="330">
        <v>440636</v>
      </c>
      <c r="FW40" s="333">
        <v>21098</v>
      </c>
      <c r="FX40" s="327">
        <v>12600</v>
      </c>
      <c r="FY40" s="331">
        <v>33698</v>
      </c>
      <c r="FZ40" s="332">
        <v>0</v>
      </c>
      <c r="GA40" s="327">
        <v>16380</v>
      </c>
      <c r="GB40" s="327">
        <v>147658</v>
      </c>
      <c r="GC40" s="327">
        <v>112210</v>
      </c>
      <c r="GD40" s="327">
        <v>34650</v>
      </c>
      <c r="GE40" s="327">
        <v>22120</v>
      </c>
      <c r="GF40" s="328">
        <v>333018</v>
      </c>
      <c r="GG40" s="334">
        <v>366716</v>
      </c>
      <c r="GH40" s="333">
        <v>0</v>
      </c>
      <c r="GI40" s="327">
        <v>0</v>
      </c>
      <c r="GJ40" s="331">
        <v>0</v>
      </c>
      <c r="GK40" s="332">
        <v>0</v>
      </c>
      <c r="GL40" s="327">
        <v>0</v>
      </c>
      <c r="GM40" s="327">
        <v>0</v>
      </c>
      <c r="GN40" s="327">
        <v>0</v>
      </c>
      <c r="GO40" s="327">
        <v>0</v>
      </c>
      <c r="GP40" s="327">
        <v>0</v>
      </c>
      <c r="GQ40" s="328">
        <v>0</v>
      </c>
      <c r="GR40" s="330">
        <v>0</v>
      </c>
      <c r="GS40" s="326">
        <v>0</v>
      </c>
      <c r="GT40" s="327">
        <v>0</v>
      </c>
      <c r="GU40" s="328">
        <v>0</v>
      </c>
      <c r="GV40" s="326">
        <v>0</v>
      </c>
      <c r="GW40" s="327">
        <v>73920</v>
      </c>
      <c r="GX40" s="327">
        <v>0</v>
      </c>
      <c r="GY40" s="327">
        <v>0</v>
      </c>
      <c r="GZ40" s="327">
        <v>0</v>
      </c>
      <c r="HA40" s="327">
        <v>0</v>
      </c>
      <c r="HB40" s="331">
        <v>73920</v>
      </c>
      <c r="HC40" s="330">
        <v>73920</v>
      </c>
      <c r="HD40" s="326">
        <v>148421</v>
      </c>
      <c r="HE40" s="327">
        <v>83181</v>
      </c>
      <c r="HF40" s="331">
        <v>231602</v>
      </c>
      <c r="HG40" s="332">
        <v>0</v>
      </c>
      <c r="HH40" s="327">
        <v>567131</v>
      </c>
      <c r="HI40" s="327">
        <v>151564</v>
      </c>
      <c r="HJ40" s="327">
        <v>166103</v>
      </c>
      <c r="HK40" s="327">
        <v>575942</v>
      </c>
      <c r="HL40" s="327">
        <v>217960</v>
      </c>
      <c r="HM40" s="328">
        <v>1678700</v>
      </c>
      <c r="HN40" s="329">
        <v>1910302</v>
      </c>
      <c r="HO40" s="333">
        <v>0</v>
      </c>
      <c r="HP40" s="327">
        <v>0</v>
      </c>
      <c r="HQ40" s="328">
        <v>0</v>
      </c>
      <c r="HR40" s="326">
        <v>0</v>
      </c>
      <c r="HS40" s="327">
        <v>0</v>
      </c>
      <c r="HT40" s="327">
        <v>0</v>
      </c>
      <c r="HU40" s="327">
        <v>0</v>
      </c>
      <c r="HV40" s="327">
        <v>0</v>
      </c>
      <c r="HW40" s="327">
        <v>0</v>
      </c>
      <c r="HX40" s="331">
        <v>0</v>
      </c>
      <c r="HY40" s="330">
        <v>0</v>
      </c>
      <c r="HZ40" s="358">
        <v>0</v>
      </c>
      <c r="IA40" s="356">
        <v>56252</v>
      </c>
      <c r="IB40" s="358">
        <v>56252</v>
      </c>
      <c r="IC40" s="338">
        <v>0</v>
      </c>
      <c r="ID40" s="336">
        <v>220319</v>
      </c>
      <c r="IE40" s="339">
        <v>0</v>
      </c>
      <c r="IF40" s="337">
        <v>11375</v>
      </c>
      <c r="IG40" s="336">
        <v>0</v>
      </c>
      <c r="IH40" s="337">
        <v>33810</v>
      </c>
      <c r="II40" s="340">
        <v>265504</v>
      </c>
      <c r="IJ40" s="358">
        <v>321756</v>
      </c>
      <c r="IK40" s="342">
        <v>0</v>
      </c>
      <c r="IL40" s="343">
        <v>0</v>
      </c>
      <c r="IM40" s="344">
        <v>0</v>
      </c>
      <c r="IN40" s="404">
        <v>0</v>
      </c>
      <c r="IO40" s="345">
        <v>0</v>
      </c>
      <c r="IP40" s="345">
        <v>0</v>
      </c>
      <c r="IQ40" s="345">
        <v>0</v>
      </c>
      <c r="IR40" s="345">
        <v>0</v>
      </c>
      <c r="IS40" s="345">
        <v>0</v>
      </c>
      <c r="IT40" s="346">
        <v>0</v>
      </c>
      <c r="IU40" s="347">
        <v>0</v>
      </c>
      <c r="IV40" s="348">
        <v>0</v>
      </c>
      <c r="IW40" s="345">
        <v>0</v>
      </c>
      <c r="IX40" s="349">
        <v>0</v>
      </c>
      <c r="IY40" s="404">
        <v>0</v>
      </c>
      <c r="IZ40" s="345">
        <v>0</v>
      </c>
      <c r="JA40" s="345">
        <v>0</v>
      </c>
      <c r="JB40" s="345">
        <v>0</v>
      </c>
      <c r="JC40" s="345">
        <v>0</v>
      </c>
      <c r="JD40" s="345">
        <v>0</v>
      </c>
      <c r="JE40" s="349">
        <v>0</v>
      </c>
      <c r="JF40" s="350">
        <v>0</v>
      </c>
      <c r="JG40" s="348">
        <v>0</v>
      </c>
      <c r="JH40" s="345">
        <v>0</v>
      </c>
      <c r="JI40" s="346">
        <v>0</v>
      </c>
      <c r="JJ40" s="351">
        <v>0</v>
      </c>
      <c r="JK40" s="345">
        <v>16843</v>
      </c>
      <c r="JL40" s="345">
        <v>0</v>
      </c>
      <c r="JM40" s="345">
        <v>0</v>
      </c>
      <c r="JN40" s="345">
        <v>0</v>
      </c>
      <c r="JO40" s="345">
        <v>0</v>
      </c>
      <c r="JP40" s="349">
        <v>16843</v>
      </c>
      <c r="JQ40" s="347">
        <v>16843</v>
      </c>
      <c r="JR40" s="348">
        <v>0</v>
      </c>
      <c r="JS40" s="345">
        <v>0</v>
      </c>
      <c r="JT40" s="346">
        <v>0</v>
      </c>
      <c r="JU40" s="351">
        <v>0</v>
      </c>
      <c r="JV40" s="345">
        <v>0</v>
      </c>
      <c r="JW40" s="345">
        <v>0</v>
      </c>
      <c r="JX40" s="345">
        <v>0</v>
      </c>
      <c r="JY40" s="345">
        <v>0</v>
      </c>
      <c r="JZ40" s="345">
        <v>0</v>
      </c>
      <c r="KA40" s="349">
        <v>0</v>
      </c>
      <c r="KB40" s="347">
        <v>0</v>
      </c>
      <c r="KC40" s="352">
        <v>0</v>
      </c>
      <c r="KD40" s="353">
        <v>56252</v>
      </c>
      <c r="KE40" s="349">
        <v>56252</v>
      </c>
      <c r="KF40" s="351">
        <v>0</v>
      </c>
      <c r="KG40" s="345">
        <v>0</v>
      </c>
      <c r="KH40" s="345">
        <v>0</v>
      </c>
      <c r="KI40" s="345">
        <v>11375</v>
      </c>
      <c r="KJ40" s="345">
        <v>0</v>
      </c>
      <c r="KK40" s="345">
        <v>33810</v>
      </c>
      <c r="KL40" s="349">
        <v>45185</v>
      </c>
      <c r="KM40" s="354">
        <v>101437</v>
      </c>
      <c r="KN40" s="342">
        <v>0</v>
      </c>
      <c r="KO40" s="343">
        <v>0</v>
      </c>
      <c r="KP40" s="344">
        <v>0</v>
      </c>
      <c r="KQ40" s="404">
        <v>0</v>
      </c>
      <c r="KR40" s="345">
        <v>203476</v>
      </c>
      <c r="KS40" s="345">
        <v>0</v>
      </c>
      <c r="KT40" s="345">
        <v>0</v>
      </c>
      <c r="KU40" s="345">
        <v>0</v>
      </c>
      <c r="KV40" s="345">
        <v>0</v>
      </c>
      <c r="KW40" s="349">
        <v>203476</v>
      </c>
      <c r="KX40" s="347">
        <v>203476</v>
      </c>
      <c r="KY40" s="348">
        <v>0</v>
      </c>
      <c r="KZ40" s="345">
        <v>0</v>
      </c>
      <c r="LA40" s="349">
        <v>0</v>
      </c>
      <c r="LB40" s="404">
        <v>0</v>
      </c>
      <c r="LC40" s="345">
        <v>0</v>
      </c>
      <c r="LD40" s="345">
        <v>0</v>
      </c>
      <c r="LE40" s="345">
        <v>0</v>
      </c>
      <c r="LF40" s="345">
        <v>0</v>
      </c>
      <c r="LG40" s="345">
        <v>0</v>
      </c>
      <c r="LH40" s="349">
        <v>0</v>
      </c>
      <c r="LI40" s="350">
        <v>0</v>
      </c>
      <c r="LJ40" s="348">
        <v>0</v>
      </c>
      <c r="LK40" s="345">
        <v>0</v>
      </c>
      <c r="LL40" s="349">
        <v>0</v>
      </c>
      <c r="LM40" s="404">
        <v>0</v>
      </c>
      <c r="LN40" s="345">
        <v>0</v>
      </c>
      <c r="LO40" s="345">
        <v>0</v>
      </c>
      <c r="LP40" s="345">
        <v>0</v>
      </c>
      <c r="LQ40" s="345">
        <v>0</v>
      </c>
      <c r="LR40" s="345">
        <v>0</v>
      </c>
      <c r="LS40" s="349">
        <v>0</v>
      </c>
      <c r="LT40" s="347">
        <v>0</v>
      </c>
      <c r="LU40" s="348">
        <v>0</v>
      </c>
      <c r="LV40" s="345">
        <v>0</v>
      </c>
      <c r="LW40" s="349">
        <v>0</v>
      </c>
      <c r="LX40" s="404">
        <v>0</v>
      </c>
      <c r="LY40" s="345">
        <v>0</v>
      </c>
      <c r="LZ40" s="345">
        <v>0</v>
      </c>
      <c r="MA40" s="345">
        <v>0</v>
      </c>
      <c r="MB40" s="345">
        <v>0</v>
      </c>
      <c r="MC40" s="345">
        <v>0</v>
      </c>
      <c r="MD40" s="349">
        <v>0</v>
      </c>
      <c r="ME40" s="350">
        <v>0</v>
      </c>
      <c r="MF40" s="348">
        <v>0</v>
      </c>
      <c r="MG40" s="345">
        <v>0</v>
      </c>
      <c r="MH40" s="349">
        <v>0</v>
      </c>
      <c r="MI40" s="404">
        <v>0</v>
      </c>
      <c r="MJ40" s="345">
        <v>359072</v>
      </c>
      <c r="MK40" s="345">
        <v>275625</v>
      </c>
      <c r="ML40" s="345">
        <v>0</v>
      </c>
      <c r="MM40" s="345">
        <v>596940</v>
      </c>
      <c r="MN40" s="345">
        <v>0</v>
      </c>
      <c r="MO40" s="349">
        <v>1231637</v>
      </c>
      <c r="MP40" s="354">
        <v>1231637</v>
      </c>
      <c r="MQ40" s="348">
        <v>0</v>
      </c>
      <c r="MR40" s="345">
        <v>0</v>
      </c>
      <c r="MS40" s="349">
        <v>0</v>
      </c>
      <c r="MT40" s="404">
        <v>0</v>
      </c>
      <c r="MU40" s="345">
        <v>0</v>
      </c>
      <c r="MV40" s="345">
        <v>0</v>
      </c>
      <c r="MW40" s="345">
        <v>0</v>
      </c>
      <c r="MX40" s="345">
        <v>240765</v>
      </c>
      <c r="MY40" s="345">
        <v>0</v>
      </c>
      <c r="MZ40" s="349">
        <v>240765</v>
      </c>
      <c r="NA40" s="354">
        <v>240765</v>
      </c>
      <c r="NB40" s="348">
        <v>0</v>
      </c>
      <c r="NC40" s="345">
        <v>0</v>
      </c>
      <c r="ND40" s="349">
        <v>0</v>
      </c>
      <c r="NE40" s="404">
        <v>0</v>
      </c>
      <c r="NF40" s="345">
        <v>359072</v>
      </c>
      <c r="NG40" s="345">
        <v>275625</v>
      </c>
      <c r="NH40" s="345">
        <v>0</v>
      </c>
      <c r="NI40" s="345">
        <v>356175</v>
      </c>
      <c r="NJ40" s="345">
        <v>0</v>
      </c>
      <c r="NK40" s="349">
        <v>990872</v>
      </c>
      <c r="NL40" s="347">
        <v>990872</v>
      </c>
      <c r="NM40" s="348">
        <v>0</v>
      </c>
      <c r="NN40" s="345">
        <v>0</v>
      </c>
      <c r="NO40" s="349">
        <v>0</v>
      </c>
      <c r="NP40" s="404">
        <v>0</v>
      </c>
      <c r="NQ40" s="345">
        <v>0</v>
      </c>
      <c r="NR40" s="345">
        <v>0</v>
      </c>
      <c r="NS40" s="345">
        <v>0</v>
      </c>
      <c r="NT40" s="345">
        <v>0</v>
      </c>
      <c r="NU40" s="345">
        <v>0</v>
      </c>
      <c r="NV40" s="349">
        <v>0</v>
      </c>
      <c r="NW40" s="350">
        <v>0</v>
      </c>
      <c r="NX40" s="348">
        <v>0</v>
      </c>
      <c r="NY40" s="345">
        <v>0</v>
      </c>
      <c r="NZ40" s="349">
        <v>0</v>
      </c>
      <c r="OA40" s="404">
        <v>0</v>
      </c>
      <c r="OB40" s="345">
        <v>0</v>
      </c>
      <c r="OC40" s="345">
        <v>0</v>
      </c>
      <c r="OD40" s="345">
        <v>0</v>
      </c>
      <c r="OE40" s="345">
        <v>0</v>
      </c>
      <c r="OF40" s="345">
        <v>0</v>
      </c>
      <c r="OG40" s="349">
        <v>0</v>
      </c>
      <c r="OH40" s="350">
        <v>0</v>
      </c>
      <c r="OI40" s="348">
        <v>236824</v>
      </c>
      <c r="OJ40" s="345">
        <v>311521</v>
      </c>
      <c r="OK40" s="346">
        <v>548345</v>
      </c>
      <c r="OL40" s="351">
        <v>0</v>
      </c>
      <c r="OM40" s="345">
        <v>1635383</v>
      </c>
      <c r="ON40" s="345">
        <v>1233328</v>
      </c>
      <c r="OO40" s="345">
        <v>499415</v>
      </c>
      <c r="OP40" s="345">
        <v>1438483</v>
      </c>
      <c r="OQ40" s="345">
        <v>622490</v>
      </c>
      <c r="OR40" s="349">
        <v>5429099</v>
      </c>
      <c r="OS40" s="354">
        <v>5977444</v>
      </c>
    </row>
    <row r="41" spans="2:409" s="70" customFormat="1" ht="21" customHeight="1" x14ac:dyDescent="0.2">
      <c r="B41" s="106" t="s">
        <v>36</v>
      </c>
      <c r="C41" s="326">
        <v>3850</v>
      </c>
      <c r="D41" s="327">
        <v>30867</v>
      </c>
      <c r="E41" s="328">
        <v>34717</v>
      </c>
      <c r="F41" s="329">
        <v>0</v>
      </c>
      <c r="G41" s="327">
        <v>600405</v>
      </c>
      <c r="H41" s="327">
        <v>1186974</v>
      </c>
      <c r="I41" s="327">
        <v>171005</v>
      </c>
      <c r="J41" s="327">
        <v>834979</v>
      </c>
      <c r="K41" s="327">
        <v>0</v>
      </c>
      <c r="L41" s="367">
        <v>2793363</v>
      </c>
      <c r="M41" s="330">
        <v>2828080</v>
      </c>
      <c r="N41" s="326">
        <v>0</v>
      </c>
      <c r="O41" s="327">
        <v>11617</v>
      </c>
      <c r="P41" s="328">
        <v>11617</v>
      </c>
      <c r="Q41" s="326">
        <v>0</v>
      </c>
      <c r="R41" s="327">
        <v>163433</v>
      </c>
      <c r="S41" s="327">
        <v>469136</v>
      </c>
      <c r="T41" s="327">
        <v>51209</v>
      </c>
      <c r="U41" s="327">
        <v>162887</v>
      </c>
      <c r="V41" s="327">
        <v>0</v>
      </c>
      <c r="W41" s="328">
        <v>846665</v>
      </c>
      <c r="X41" s="330">
        <v>858282</v>
      </c>
      <c r="Y41" s="326">
        <v>0</v>
      </c>
      <c r="Z41" s="327">
        <v>0</v>
      </c>
      <c r="AA41" s="328">
        <v>0</v>
      </c>
      <c r="AB41" s="326">
        <v>0</v>
      </c>
      <c r="AC41" s="327">
        <v>62476</v>
      </c>
      <c r="AD41" s="327">
        <v>341744</v>
      </c>
      <c r="AE41" s="327">
        <v>0</v>
      </c>
      <c r="AF41" s="327">
        <v>31780</v>
      </c>
      <c r="AG41" s="327">
        <v>0</v>
      </c>
      <c r="AH41" s="328">
        <v>436000</v>
      </c>
      <c r="AI41" s="330">
        <v>436000</v>
      </c>
      <c r="AJ41" s="326">
        <v>0</v>
      </c>
      <c r="AK41" s="327">
        <v>0</v>
      </c>
      <c r="AL41" s="328">
        <v>0</v>
      </c>
      <c r="AM41" s="326">
        <v>0</v>
      </c>
      <c r="AN41" s="327">
        <v>0</v>
      </c>
      <c r="AO41" s="327">
        <v>0</v>
      </c>
      <c r="AP41" s="327">
        <v>42263</v>
      </c>
      <c r="AQ41" s="327">
        <v>42263</v>
      </c>
      <c r="AR41" s="327">
        <v>0</v>
      </c>
      <c r="AS41" s="328">
        <v>84526</v>
      </c>
      <c r="AT41" s="330">
        <v>84526</v>
      </c>
      <c r="AU41" s="326">
        <v>0</v>
      </c>
      <c r="AV41" s="327">
        <v>11617</v>
      </c>
      <c r="AW41" s="328">
        <v>11617</v>
      </c>
      <c r="AX41" s="326">
        <v>0</v>
      </c>
      <c r="AY41" s="327">
        <v>34425</v>
      </c>
      <c r="AZ41" s="327">
        <v>42930</v>
      </c>
      <c r="BA41" s="327">
        <v>0</v>
      </c>
      <c r="BB41" s="327">
        <v>27601</v>
      </c>
      <c r="BC41" s="327">
        <v>0</v>
      </c>
      <c r="BD41" s="328">
        <v>104956</v>
      </c>
      <c r="BE41" s="330">
        <v>116573</v>
      </c>
      <c r="BF41" s="326">
        <v>0</v>
      </c>
      <c r="BG41" s="327">
        <v>0</v>
      </c>
      <c r="BH41" s="331">
        <v>0</v>
      </c>
      <c r="BI41" s="332">
        <v>0</v>
      </c>
      <c r="BJ41" s="327">
        <v>32463</v>
      </c>
      <c r="BK41" s="327">
        <v>0</v>
      </c>
      <c r="BL41" s="327">
        <v>0</v>
      </c>
      <c r="BM41" s="327">
        <v>0</v>
      </c>
      <c r="BN41" s="327">
        <v>0</v>
      </c>
      <c r="BO41" s="328">
        <v>32463</v>
      </c>
      <c r="BP41" s="330">
        <v>32463</v>
      </c>
      <c r="BQ41" s="326">
        <v>0</v>
      </c>
      <c r="BR41" s="327">
        <v>0</v>
      </c>
      <c r="BS41" s="328">
        <v>0</v>
      </c>
      <c r="BT41" s="326">
        <v>0</v>
      </c>
      <c r="BU41" s="327">
        <v>34069</v>
      </c>
      <c r="BV41" s="327">
        <v>84462</v>
      </c>
      <c r="BW41" s="327">
        <v>8946</v>
      </c>
      <c r="BX41" s="327">
        <v>61243</v>
      </c>
      <c r="BY41" s="327">
        <v>0</v>
      </c>
      <c r="BZ41" s="328">
        <v>188720</v>
      </c>
      <c r="CA41" s="330">
        <v>188720</v>
      </c>
      <c r="CB41" s="326">
        <v>0</v>
      </c>
      <c r="CC41" s="327">
        <v>0</v>
      </c>
      <c r="CD41" s="328">
        <v>0</v>
      </c>
      <c r="CE41" s="326">
        <v>0</v>
      </c>
      <c r="CF41" s="327">
        <v>114189</v>
      </c>
      <c r="CG41" s="327">
        <v>193235</v>
      </c>
      <c r="CH41" s="327">
        <v>66981</v>
      </c>
      <c r="CI41" s="327">
        <v>207842</v>
      </c>
      <c r="CJ41" s="327">
        <v>0</v>
      </c>
      <c r="CK41" s="328">
        <v>582247</v>
      </c>
      <c r="CL41" s="330">
        <v>582247</v>
      </c>
      <c r="CM41" s="326">
        <v>0</v>
      </c>
      <c r="CN41" s="327">
        <v>0</v>
      </c>
      <c r="CO41" s="328">
        <v>0</v>
      </c>
      <c r="CP41" s="332">
        <v>0</v>
      </c>
      <c r="CQ41" s="327">
        <v>114189</v>
      </c>
      <c r="CR41" s="327">
        <v>193235</v>
      </c>
      <c r="CS41" s="327">
        <v>0</v>
      </c>
      <c r="CT41" s="327">
        <v>207842</v>
      </c>
      <c r="CU41" s="327">
        <v>0</v>
      </c>
      <c r="CV41" s="328">
        <v>515266</v>
      </c>
      <c r="CW41" s="330">
        <v>515266</v>
      </c>
      <c r="CX41" s="326">
        <v>0</v>
      </c>
      <c r="CY41" s="327">
        <v>0</v>
      </c>
      <c r="CZ41" s="328">
        <v>0</v>
      </c>
      <c r="DA41" s="326">
        <v>0</v>
      </c>
      <c r="DB41" s="327">
        <v>0</v>
      </c>
      <c r="DC41" s="327">
        <v>0</v>
      </c>
      <c r="DD41" s="327">
        <v>66981</v>
      </c>
      <c r="DE41" s="327">
        <v>0</v>
      </c>
      <c r="DF41" s="327">
        <v>0</v>
      </c>
      <c r="DG41" s="328">
        <v>66981</v>
      </c>
      <c r="DH41" s="330">
        <v>66981</v>
      </c>
      <c r="DI41" s="326">
        <v>0</v>
      </c>
      <c r="DJ41" s="327">
        <v>0</v>
      </c>
      <c r="DK41" s="331">
        <v>0</v>
      </c>
      <c r="DL41" s="332">
        <v>0</v>
      </c>
      <c r="DM41" s="327">
        <v>0</v>
      </c>
      <c r="DN41" s="327">
        <v>107628</v>
      </c>
      <c r="DO41" s="327">
        <v>0</v>
      </c>
      <c r="DP41" s="327">
        <v>26358</v>
      </c>
      <c r="DQ41" s="327">
        <v>0</v>
      </c>
      <c r="DR41" s="328">
        <v>133986</v>
      </c>
      <c r="DS41" s="330">
        <v>133986</v>
      </c>
      <c r="DT41" s="326">
        <v>0</v>
      </c>
      <c r="DU41" s="327">
        <v>0</v>
      </c>
      <c r="DV41" s="328">
        <v>0</v>
      </c>
      <c r="DW41" s="326">
        <v>0</v>
      </c>
      <c r="DX41" s="327">
        <v>0</v>
      </c>
      <c r="DY41" s="327">
        <v>107628</v>
      </c>
      <c r="DZ41" s="327">
        <v>0</v>
      </c>
      <c r="EA41" s="327">
        <v>26358</v>
      </c>
      <c r="EB41" s="327">
        <v>0</v>
      </c>
      <c r="EC41" s="328">
        <v>133986</v>
      </c>
      <c r="ED41" s="330">
        <v>133986</v>
      </c>
      <c r="EE41" s="326">
        <v>0</v>
      </c>
      <c r="EF41" s="331">
        <v>0</v>
      </c>
      <c r="EG41" s="328">
        <v>0</v>
      </c>
      <c r="EH41" s="326">
        <v>0</v>
      </c>
      <c r="EI41" s="327">
        <v>0</v>
      </c>
      <c r="EJ41" s="327">
        <v>0</v>
      </c>
      <c r="EK41" s="327">
        <v>0</v>
      </c>
      <c r="EL41" s="327">
        <v>0</v>
      </c>
      <c r="EM41" s="327">
        <v>0</v>
      </c>
      <c r="EN41" s="331">
        <v>0</v>
      </c>
      <c r="EO41" s="330">
        <v>0</v>
      </c>
      <c r="EP41" s="326">
        <v>0</v>
      </c>
      <c r="EQ41" s="327">
        <v>0</v>
      </c>
      <c r="ER41" s="331">
        <v>0</v>
      </c>
      <c r="ES41" s="332">
        <v>0</v>
      </c>
      <c r="ET41" s="327">
        <v>0</v>
      </c>
      <c r="EU41" s="327">
        <v>0</v>
      </c>
      <c r="EV41" s="327">
        <v>0</v>
      </c>
      <c r="EW41" s="327">
        <v>0</v>
      </c>
      <c r="EX41" s="327">
        <v>0</v>
      </c>
      <c r="EY41" s="328">
        <v>0</v>
      </c>
      <c r="EZ41" s="330">
        <v>0</v>
      </c>
      <c r="FA41" s="326">
        <v>0</v>
      </c>
      <c r="FB41" s="327">
        <v>0</v>
      </c>
      <c r="FC41" s="331">
        <v>0</v>
      </c>
      <c r="FD41" s="404">
        <v>0</v>
      </c>
      <c r="FE41" s="327">
        <v>0</v>
      </c>
      <c r="FF41" s="327">
        <v>0</v>
      </c>
      <c r="FG41" s="327">
        <v>0</v>
      </c>
      <c r="FH41" s="327">
        <v>0</v>
      </c>
      <c r="FI41" s="327">
        <v>0</v>
      </c>
      <c r="FJ41" s="328">
        <v>0</v>
      </c>
      <c r="FK41" s="330">
        <v>0</v>
      </c>
      <c r="FL41" s="326">
        <v>3850</v>
      </c>
      <c r="FM41" s="327">
        <v>19250</v>
      </c>
      <c r="FN41" s="328">
        <v>23100</v>
      </c>
      <c r="FO41" s="326">
        <v>0</v>
      </c>
      <c r="FP41" s="327">
        <v>33740</v>
      </c>
      <c r="FQ41" s="327">
        <v>87759</v>
      </c>
      <c r="FR41" s="327">
        <v>52815</v>
      </c>
      <c r="FS41" s="327">
        <v>57078</v>
      </c>
      <c r="FT41" s="327">
        <v>0</v>
      </c>
      <c r="FU41" s="328">
        <v>231392</v>
      </c>
      <c r="FV41" s="330">
        <v>254492</v>
      </c>
      <c r="FW41" s="333">
        <v>3850</v>
      </c>
      <c r="FX41" s="327">
        <v>19250</v>
      </c>
      <c r="FY41" s="331">
        <v>23100</v>
      </c>
      <c r="FZ41" s="332">
        <v>0</v>
      </c>
      <c r="GA41" s="327">
        <v>33740</v>
      </c>
      <c r="GB41" s="327">
        <v>87759</v>
      </c>
      <c r="GC41" s="327">
        <v>52815</v>
      </c>
      <c r="GD41" s="327">
        <v>57078</v>
      </c>
      <c r="GE41" s="327">
        <v>0</v>
      </c>
      <c r="GF41" s="328">
        <v>231392</v>
      </c>
      <c r="GG41" s="334">
        <v>254492</v>
      </c>
      <c r="GH41" s="333">
        <v>0</v>
      </c>
      <c r="GI41" s="327">
        <v>0</v>
      </c>
      <c r="GJ41" s="331">
        <v>0</v>
      </c>
      <c r="GK41" s="332">
        <v>0</v>
      </c>
      <c r="GL41" s="327">
        <v>0</v>
      </c>
      <c r="GM41" s="327">
        <v>0</v>
      </c>
      <c r="GN41" s="327">
        <v>0</v>
      </c>
      <c r="GO41" s="327">
        <v>0</v>
      </c>
      <c r="GP41" s="327">
        <v>0</v>
      </c>
      <c r="GQ41" s="328">
        <v>0</v>
      </c>
      <c r="GR41" s="330">
        <v>0</v>
      </c>
      <c r="GS41" s="326">
        <v>0</v>
      </c>
      <c r="GT41" s="327">
        <v>0</v>
      </c>
      <c r="GU41" s="328">
        <v>0</v>
      </c>
      <c r="GV41" s="326">
        <v>0</v>
      </c>
      <c r="GW41" s="327">
        <v>0</v>
      </c>
      <c r="GX41" s="327">
        <v>0</v>
      </c>
      <c r="GY41" s="327">
        <v>0</v>
      </c>
      <c r="GZ41" s="327">
        <v>0</v>
      </c>
      <c r="HA41" s="327">
        <v>0</v>
      </c>
      <c r="HB41" s="331">
        <v>0</v>
      </c>
      <c r="HC41" s="330">
        <v>0</v>
      </c>
      <c r="HD41" s="326">
        <v>0</v>
      </c>
      <c r="HE41" s="327">
        <v>0</v>
      </c>
      <c r="HF41" s="331">
        <v>0</v>
      </c>
      <c r="HG41" s="332">
        <v>0</v>
      </c>
      <c r="HH41" s="327">
        <v>289043</v>
      </c>
      <c r="HI41" s="327">
        <v>329216</v>
      </c>
      <c r="HJ41" s="327">
        <v>0</v>
      </c>
      <c r="HK41" s="327">
        <v>380814</v>
      </c>
      <c r="HL41" s="327">
        <v>0</v>
      </c>
      <c r="HM41" s="328">
        <v>999073</v>
      </c>
      <c r="HN41" s="329">
        <v>999073</v>
      </c>
      <c r="HO41" s="333">
        <v>0</v>
      </c>
      <c r="HP41" s="327">
        <v>0</v>
      </c>
      <c r="HQ41" s="328">
        <v>0</v>
      </c>
      <c r="HR41" s="326">
        <v>0</v>
      </c>
      <c r="HS41" s="327">
        <v>0</v>
      </c>
      <c r="HT41" s="327">
        <v>0</v>
      </c>
      <c r="HU41" s="327">
        <v>0</v>
      </c>
      <c r="HV41" s="327">
        <v>0</v>
      </c>
      <c r="HW41" s="327">
        <v>0</v>
      </c>
      <c r="HX41" s="331">
        <v>0</v>
      </c>
      <c r="HY41" s="330">
        <v>0</v>
      </c>
      <c r="HZ41" s="335">
        <v>0</v>
      </c>
      <c r="IA41" s="336">
        <v>0</v>
      </c>
      <c r="IB41" s="337">
        <v>0</v>
      </c>
      <c r="IC41" s="338">
        <v>0</v>
      </c>
      <c r="ID41" s="336">
        <v>149519</v>
      </c>
      <c r="IE41" s="339">
        <v>227796</v>
      </c>
      <c r="IF41" s="337">
        <v>234248</v>
      </c>
      <c r="IG41" s="336">
        <v>0</v>
      </c>
      <c r="IH41" s="337">
        <v>0</v>
      </c>
      <c r="II41" s="340">
        <v>611563</v>
      </c>
      <c r="IJ41" s="341">
        <v>611563</v>
      </c>
      <c r="IK41" s="342">
        <v>0</v>
      </c>
      <c r="IL41" s="343">
        <v>0</v>
      </c>
      <c r="IM41" s="344">
        <v>0</v>
      </c>
      <c r="IN41" s="404">
        <v>0</v>
      </c>
      <c r="IO41" s="345">
        <v>0</v>
      </c>
      <c r="IP41" s="345">
        <v>0</v>
      </c>
      <c r="IQ41" s="345">
        <v>0</v>
      </c>
      <c r="IR41" s="345">
        <v>0</v>
      </c>
      <c r="IS41" s="345">
        <v>0</v>
      </c>
      <c r="IT41" s="346">
        <v>0</v>
      </c>
      <c r="IU41" s="347">
        <v>0</v>
      </c>
      <c r="IV41" s="348">
        <v>0</v>
      </c>
      <c r="IW41" s="345">
        <v>0</v>
      </c>
      <c r="IX41" s="349">
        <v>0</v>
      </c>
      <c r="IY41" s="404">
        <v>0</v>
      </c>
      <c r="IZ41" s="345">
        <v>0</v>
      </c>
      <c r="JA41" s="345">
        <v>0</v>
      </c>
      <c r="JB41" s="345">
        <v>0</v>
      </c>
      <c r="JC41" s="345">
        <v>0</v>
      </c>
      <c r="JD41" s="345">
        <v>0</v>
      </c>
      <c r="JE41" s="349">
        <v>0</v>
      </c>
      <c r="JF41" s="350">
        <v>0</v>
      </c>
      <c r="JG41" s="348">
        <v>0</v>
      </c>
      <c r="JH41" s="345">
        <v>0</v>
      </c>
      <c r="JI41" s="346">
        <v>0</v>
      </c>
      <c r="JJ41" s="351">
        <v>0</v>
      </c>
      <c r="JK41" s="345">
        <v>36595</v>
      </c>
      <c r="JL41" s="345">
        <v>0</v>
      </c>
      <c r="JM41" s="345">
        <v>0</v>
      </c>
      <c r="JN41" s="345">
        <v>0</v>
      </c>
      <c r="JO41" s="345">
        <v>0</v>
      </c>
      <c r="JP41" s="349">
        <v>36595</v>
      </c>
      <c r="JQ41" s="347">
        <v>36595</v>
      </c>
      <c r="JR41" s="348">
        <v>0</v>
      </c>
      <c r="JS41" s="345">
        <v>0</v>
      </c>
      <c r="JT41" s="346">
        <v>0</v>
      </c>
      <c r="JU41" s="351">
        <v>0</v>
      </c>
      <c r="JV41" s="345">
        <v>0</v>
      </c>
      <c r="JW41" s="345">
        <v>0</v>
      </c>
      <c r="JX41" s="345">
        <v>0</v>
      </c>
      <c r="JY41" s="345">
        <v>0</v>
      </c>
      <c r="JZ41" s="345">
        <v>0</v>
      </c>
      <c r="KA41" s="349">
        <v>0</v>
      </c>
      <c r="KB41" s="347">
        <v>0</v>
      </c>
      <c r="KC41" s="352">
        <v>0</v>
      </c>
      <c r="KD41" s="353">
        <v>0</v>
      </c>
      <c r="KE41" s="349">
        <v>0</v>
      </c>
      <c r="KF41" s="351">
        <v>0</v>
      </c>
      <c r="KG41" s="345">
        <v>112924</v>
      </c>
      <c r="KH41" s="345">
        <v>0</v>
      </c>
      <c r="KI41" s="345">
        <v>0</v>
      </c>
      <c r="KJ41" s="345">
        <v>0</v>
      </c>
      <c r="KK41" s="345">
        <v>0</v>
      </c>
      <c r="KL41" s="349">
        <v>112924</v>
      </c>
      <c r="KM41" s="354">
        <v>112924</v>
      </c>
      <c r="KN41" s="342">
        <v>0</v>
      </c>
      <c r="KO41" s="343">
        <v>0</v>
      </c>
      <c r="KP41" s="344">
        <v>0</v>
      </c>
      <c r="KQ41" s="404">
        <v>0</v>
      </c>
      <c r="KR41" s="345">
        <v>0</v>
      </c>
      <c r="KS41" s="345">
        <v>227796</v>
      </c>
      <c r="KT41" s="345">
        <v>234248</v>
      </c>
      <c r="KU41" s="345">
        <v>0</v>
      </c>
      <c r="KV41" s="345">
        <v>0</v>
      </c>
      <c r="KW41" s="349">
        <v>462044</v>
      </c>
      <c r="KX41" s="347">
        <v>462044</v>
      </c>
      <c r="KY41" s="348">
        <v>0</v>
      </c>
      <c r="KZ41" s="345">
        <v>0</v>
      </c>
      <c r="LA41" s="349">
        <v>0</v>
      </c>
      <c r="LB41" s="404">
        <v>0</v>
      </c>
      <c r="LC41" s="345">
        <v>0</v>
      </c>
      <c r="LD41" s="345">
        <v>0</v>
      </c>
      <c r="LE41" s="345">
        <v>0</v>
      </c>
      <c r="LF41" s="345">
        <v>0</v>
      </c>
      <c r="LG41" s="345">
        <v>0</v>
      </c>
      <c r="LH41" s="349">
        <v>0</v>
      </c>
      <c r="LI41" s="350">
        <v>0</v>
      </c>
      <c r="LJ41" s="348">
        <v>0</v>
      </c>
      <c r="LK41" s="345">
        <v>0</v>
      </c>
      <c r="LL41" s="349">
        <v>0</v>
      </c>
      <c r="LM41" s="404">
        <v>0</v>
      </c>
      <c r="LN41" s="345">
        <v>0</v>
      </c>
      <c r="LO41" s="345">
        <v>0</v>
      </c>
      <c r="LP41" s="345">
        <v>0</v>
      </c>
      <c r="LQ41" s="345">
        <v>0</v>
      </c>
      <c r="LR41" s="345">
        <v>0</v>
      </c>
      <c r="LS41" s="349">
        <v>0</v>
      </c>
      <c r="LT41" s="347">
        <v>0</v>
      </c>
      <c r="LU41" s="348">
        <v>0</v>
      </c>
      <c r="LV41" s="345">
        <v>0</v>
      </c>
      <c r="LW41" s="349">
        <v>0</v>
      </c>
      <c r="LX41" s="404">
        <v>0</v>
      </c>
      <c r="LY41" s="345">
        <v>0</v>
      </c>
      <c r="LZ41" s="345">
        <v>0</v>
      </c>
      <c r="MA41" s="345">
        <v>0</v>
      </c>
      <c r="MB41" s="345">
        <v>0</v>
      </c>
      <c r="MC41" s="345">
        <v>0</v>
      </c>
      <c r="MD41" s="349">
        <v>0</v>
      </c>
      <c r="ME41" s="350">
        <v>0</v>
      </c>
      <c r="MF41" s="348">
        <v>0</v>
      </c>
      <c r="MG41" s="345">
        <v>0</v>
      </c>
      <c r="MH41" s="349">
        <v>0</v>
      </c>
      <c r="MI41" s="404">
        <v>0</v>
      </c>
      <c r="MJ41" s="345">
        <v>0</v>
      </c>
      <c r="MK41" s="345">
        <v>0</v>
      </c>
      <c r="ML41" s="345">
        <v>267199</v>
      </c>
      <c r="MM41" s="345">
        <v>0</v>
      </c>
      <c r="MN41" s="345">
        <v>248504</v>
      </c>
      <c r="MO41" s="349">
        <v>515703</v>
      </c>
      <c r="MP41" s="354">
        <v>515703</v>
      </c>
      <c r="MQ41" s="348">
        <v>0</v>
      </c>
      <c r="MR41" s="345">
        <v>0</v>
      </c>
      <c r="MS41" s="349">
        <v>0</v>
      </c>
      <c r="MT41" s="404">
        <v>0</v>
      </c>
      <c r="MU41" s="345">
        <v>0</v>
      </c>
      <c r="MV41" s="345">
        <v>0</v>
      </c>
      <c r="MW41" s="345">
        <v>0</v>
      </c>
      <c r="MX41" s="345">
        <v>0</v>
      </c>
      <c r="MY41" s="345">
        <v>248504</v>
      </c>
      <c r="MZ41" s="349">
        <v>248504</v>
      </c>
      <c r="NA41" s="354">
        <v>248504</v>
      </c>
      <c r="NB41" s="348">
        <v>0</v>
      </c>
      <c r="NC41" s="345">
        <v>0</v>
      </c>
      <c r="ND41" s="349">
        <v>0</v>
      </c>
      <c r="NE41" s="404">
        <v>0</v>
      </c>
      <c r="NF41" s="345">
        <v>0</v>
      </c>
      <c r="NG41" s="345">
        <v>0</v>
      </c>
      <c r="NH41" s="345">
        <v>267199</v>
      </c>
      <c r="NI41" s="345">
        <v>0</v>
      </c>
      <c r="NJ41" s="345">
        <v>0</v>
      </c>
      <c r="NK41" s="349">
        <v>267199</v>
      </c>
      <c r="NL41" s="347">
        <v>267199</v>
      </c>
      <c r="NM41" s="348">
        <v>0</v>
      </c>
      <c r="NN41" s="345">
        <v>0</v>
      </c>
      <c r="NO41" s="349">
        <v>0</v>
      </c>
      <c r="NP41" s="404">
        <v>0</v>
      </c>
      <c r="NQ41" s="345">
        <v>0</v>
      </c>
      <c r="NR41" s="345">
        <v>0</v>
      </c>
      <c r="NS41" s="345">
        <v>0</v>
      </c>
      <c r="NT41" s="345">
        <v>0</v>
      </c>
      <c r="NU41" s="345">
        <v>0</v>
      </c>
      <c r="NV41" s="349">
        <v>0</v>
      </c>
      <c r="NW41" s="350">
        <v>0</v>
      </c>
      <c r="NX41" s="348">
        <v>0</v>
      </c>
      <c r="NY41" s="345">
        <v>0</v>
      </c>
      <c r="NZ41" s="349">
        <v>0</v>
      </c>
      <c r="OA41" s="404">
        <v>0</v>
      </c>
      <c r="OB41" s="345">
        <v>0</v>
      </c>
      <c r="OC41" s="345">
        <v>0</v>
      </c>
      <c r="OD41" s="345">
        <v>0</v>
      </c>
      <c r="OE41" s="345">
        <v>0</v>
      </c>
      <c r="OF41" s="345">
        <v>0</v>
      </c>
      <c r="OG41" s="349">
        <v>0</v>
      </c>
      <c r="OH41" s="350">
        <v>0</v>
      </c>
      <c r="OI41" s="348">
        <v>3850</v>
      </c>
      <c r="OJ41" s="345">
        <v>30867</v>
      </c>
      <c r="OK41" s="346">
        <v>34717</v>
      </c>
      <c r="OL41" s="351">
        <v>0</v>
      </c>
      <c r="OM41" s="345">
        <v>749924</v>
      </c>
      <c r="ON41" s="345">
        <v>1414770</v>
      </c>
      <c r="OO41" s="345">
        <v>672452</v>
      </c>
      <c r="OP41" s="345">
        <v>834979</v>
      </c>
      <c r="OQ41" s="345">
        <v>248504</v>
      </c>
      <c r="OR41" s="349">
        <v>3920629</v>
      </c>
      <c r="OS41" s="354">
        <v>3955346</v>
      </c>
    </row>
    <row r="42" spans="2:409" s="70" customFormat="1" ht="21" customHeight="1" thickBot="1" x14ac:dyDescent="0.25">
      <c r="B42" s="108" t="s">
        <v>37</v>
      </c>
      <c r="C42" s="371">
        <v>0</v>
      </c>
      <c r="D42" s="372">
        <v>0</v>
      </c>
      <c r="E42" s="373">
        <v>0</v>
      </c>
      <c r="F42" s="374">
        <v>0</v>
      </c>
      <c r="G42" s="372">
        <v>0</v>
      </c>
      <c r="H42" s="372">
        <v>79429</v>
      </c>
      <c r="I42" s="372">
        <v>0</v>
      </c>
      <c r="J42" s="372">
        <v>0</v>
      </c>
      <c r="K42" s="372">
        <v>0</v>
      </c>
      <c r="L42" s="374">
        <v>79429</v>
      </c>
      <c r="M42" s="375">
        <v>79429</v>
      </c>
      <c r="N42" s="371">
        <v>0</v>
      </c>
      <c r="O42" s="372">
        <v>0</v>
      </c>
      <c r="P42" s="373">
        <v>0</v>
      </c>
      <c r="Q42" s="371">
        <v>0</v>
      </c>
      <c r="R42" s="372">
        <v>0</v>
      </c>
      <c r="S42" s="372">
        <v>49506</v>
      </c>
      <c r="T42" s="372">
        <v>0</v>
      </c>
      <c r="U42" s="372">
        <v>0</v>
      </c>
      <c r="V42" s="372">
        <v>0</v>
      </c>
      <c r="W42" s="373">
        <v>49506</v>
      </c>
      <c r="X42" s="375">
        <v>49506</v>
      </c>
      <c r="Y42" s="371">
        <v>0</v>
      </c>
      <c r="Z42" s="372">
        <v>0</v>
      </c>
      <c r="AA42" s="373">
        <v>0</v>
      </c>
      <c r="AB42" s="371">
        <v>0</v>
      </c>
      <c r="AC42" s="372">
        <v>0</v>
      </c>
      <c r="AD42" s="372">
        <v>0</v>
      </c>
      <c r="AE42" s="372">
        <v>0</v>
      </c>
      <c r="AF42" s="372">
        <v>0</v>
      </c>
      <c r="AG42" s="372">
        <v>0</v>
      </c>
      <c r="AH42" s="373">
        <v>0</v>
      </c>
      <c r="AI42" s="375">
        <v>0</v>
      </c>
      <c r="AJ42" s="371">
        <v>0</v>
      </c>
      <c r="AK42" s="372">
        <v>0</v>
      </c>
      <c r="AL42" s="373">
        <v>0</v>
      </c>
      <c r="AM42" s="371">
        <v>0</v>
      </c>
      <c r="AN42" s="372">
        <v>0</v>
      </c>
      <c r="AO42" s="372">
        <v>0</v>
      </c>
      <c r="AP42" s="372">
        <v>0</v>
      </c>
      <c r="AQ42" s="372">
        <v>0</v>
      </c>
      <c r="AR42" s="372">
        <v>0</v>
      </c>
      <c r="AS42" s="373">
        <v>0</v>
      </c>
      <c r="AT42" s="375">
        <v>0</v>
      </c>
      <c r="AU42" s="371">
        <v>0</v>
      </c>
      <c r="AV42" s="372">
        <v>0</v>
      </c>
      <c r="AW42" s="373">
        <v>0</v>
      </c>
      <c r="AX42" s="371">
        <v>0</v>
      </c>
      <c r="AY42" s="372">
        <v>0</v>
      </c>
      <c r="AZ42" s="372">
        <v>49506</v>
      </c>
      <c r="BA42" s="372">
        <v>0</v>
      </c>
      <c r="BB42" s="372">
        <v>0</v>
      </c>
      <c r="BC42" s="372">
        <v>0</v>
      </c>
      <c r="BD42" s="373">
        <v>49506</v>
      </c>
      <c r="BE42" s="375">
        <v>49506</v>
      </c>
      <c r="BF42" s="371">
        <v>0</v>
      </c>
      <c r="BG42" s="372">
        <v>0</v>
      </c>
      <c r="BH42" s="376">
        <v>0</v>
      </c>
      <c r="BI42" s="377">
        <v>0</v>
      </c>
      <c r="BJ42" s="372">
        <v>0</v>
      </c>
      <c r="BK42" s="372">
        <v>0</v>
      </c>
      <c r="BL42" s="372">
        <v>0</v>
      </c>
      <c r="BM42" s="372">
        <v>0</v>
      </c>
      <c r="BN42" s="372">
        <v>0</v>
      </c>
      <c r="BO42" s="373">
        <v>0</v>
      </c>
      <c r="BP42" s="375">
        <v>0</v>
      </c>
      <c r="BQ42" s="371">
        <v>0</v>
      </c>
      <c r="BR42" s="372">
        <v>0</v>
      </c>
      <c r="BS42" s="373">
        <v>0</v>
      </c>
      <c r="BT42" s="371">
        <v>0</v>
      </c>
      <c r="BU42" s="372">
        <v>0</v>
      </c>
      <c r="BV42" s="372">
        <v>0</v>
      </c>
      <c r="BW42" s="372">
        <v>0</v>
      </c>
      <c r="BX42" s="372">
        <v>0</v>
      </c>
      <c r="BY42" s="372">
        <v>0</v>
      </c>
      <c r="BZ42" s="373">
        <v>0</v>
      </c>
      <c r="CA42" s="375">
        <v>0</v>
      </c>
      <c r="CB42" s="371">
        <v>0</v>
      </c>
      <c r="CC42" s="372">
        <v>0</v>
      </c>
      <c r="CD42" s="373">
        <v>0</v>
      </c>
      <c r="CE42" s="371">
        <v>0</v>
      </c>
      <c r="CF42" s="372">
        <v>0</v>
      </c>
      <c r="CG42" s="372">
        <v>18331</v>
      </c>
      <c r="CH42" s="372">
        <v>0</v>
      </c>
      <c r="CI42" s="372">
        <v>0</v>
      </c>
      <c r="CJ42" s="372">
        <v>0</v>
      </c>
      <c r="CK42" s="373">
        <v>18331</v>
      </c>
      <c r="CL42" s="375">
        <v>18331</v>
      </c>
      <c r="CM42" s="371">
        <v>0</v>
      </c>
      <c r="CN42" s="372">
        <v>0</v>
      </c>
      <c r="CO42" s="373">
        <v>0</v>
      </c>
      <c r="CP42" s="377">
        <v>0</v>
      </c>
      <c r="CQ42" s="372">
        <v>0</v>
      </c>
      <c r="CR42" s="372">
        <v>18331</v>
      </c>
      <c r="CS42" s="372">
        <v>0</v>
      </c>
      <c r="CT42" s="372">
        <v>0</v>
      </c>
      <c r="CU42" s="372">
        <v>0</v>
      </c>
      <c r="CV42" s="373">
        <v>18331</v>
      </c>
      <c r="CW42" s="375">
        <v>18331</v>
      </c>
      <c r="CX42" s="371">
        <v>0</v>
      </c>
      <c r="CY42" s="372">
        <v>0</v>
      </c>
      <c r="CZ42" s="373">
        <v>0</v>
      </c>
      <c r="DA42" s="371">
        <v>0</v>
      </c>
      <c r="DB42" s="372">
        <v>0</v>
      </c>
      <c r="DC42" s="372">
        <v>0</v>
      </c>
      <c r="DD42" s="372">
        <v>0</v>
      </c>
      <c r="DE42" s="372">
        <v>0</v>
      </c>
      <c r="DF42" s="372">
        <v>0</v>
      </c>
      <c r="DG42" s="373">
        <v>0</v>
      </c>
      <c r="DH42" s="375">
        <v>0</v>
      </c>
      <c r="DI42" s="371">
        <v>0</v>
      </c>
      <c r="DJ42" s="372">
        <v>0</v>
      </c>
      <c r="DK42" s="376">
        <v>0</v>
      </c>
      <c r="DL42" s="377">
        <v>0</v>
      </c>
      <c r="DM42" s="372">
        <v>0</v>
      </c>
      <c r="DN42" s="372">
        <v>0</v>
      </c>
      <c r="DO42" s="372">
        <v>0</v>
      </c>
      <c r="DP42" s="372">
        <v>0</v>
      </c>
      <c r="DQ42" s="372">
        <v>0</v>
      </c>
      <c r="DR42" s="373">
        <v>0</v>
      </c>
      <c r="DS42" s="375">
        <v>0</v>
      </c>
      <c r="DT42" s="371">
        <v>0</v>
      </c>
      <c r="DU42" s="372">
        <v>0</v>
      </c>
      <c r="DV42" s="373">
        <v>0</v>
      </c>
      <c r="DW42" s="371">
        <v>0</v>
      </c>
      <c r="DX42" s="372">
        <v>0</v>
      </c>
      <c r="DY42" s="372">
        <v>0</v>
      </c>
      <c r="DZ42" s="372">
        <v>0</v>
      </c>
      <c r="EA42" s="372">
        <v>0</v>
      </c>
      <c r="EB42" s="372">
        <v>0</v>
      </c>
      <c r="EC42" s="373">
        <v>0</v>
      </c>
      <c r="ED42" s="375">
        <v>0</v>
      </c>
      <c r="EE42" s="371">
        <v>0</v>
      </c>
      <c r="EF42" s="376">
        <v>0</v>
      </c>
      <c r="EG42" s="373">
        <v>0</v>
      </c>
      <c r="EH42" s="371">
        <v>0</v>
      </c>
      <c r="EI42" s="372">
        <v>0</v>
      </c>
      <c r="EJ42" s="372">
        <v>0</v>
      </c>
      <c r="EK42" s="372">
        <v>0</v>
      </c>
      <c r="EL42" s="372">
        <v>0</v>
      </c>
      <c r="EM42" s="372">
        <v>0</v>
      </c>
      <c r="EN42" s="376">
        <v>0</v>
      </c>
      <c r="EO42" s="375">
        <v>0</v>
      </c>
      <c r="EP42" s="371">
        <v>0</v>
      </c>
      <c r="EQ42" s="372">
        <v>0</v>
      </c>
      <c r="ER42" s="376">
        <v>0</v>
      </c>
      <c r="ES42" s="377">
        <v>0</v>
      </c>
      <c r="ET42" s="372">
        <v>0</v>
      </c>
      <c r="EU42" s="372">
        <v>0</v>
      </c>
      <c r="EV42" s="372">
        <v>0</v>
      </c>
      <c r="EW42" s="372">
        <v>0</v>
      </c>
      <c r="EX42" s="372">
        <v>0</v>
      </c>
      <c r="EY42" s="373">
        <v>0</v>
      </c>
      <c r="EZ42" s="375">
        <v>0</v>
      </c>
      <c r="FA42" s="371">
        <v>0</v>
      </c>
      <c r="FB42" s="372">
        <v>0</v>
      </c>
      <c r="FC42" s="376">
        <v>0</v>
      </c>
      <c r="FD42" s="405">
        <v>0</v>
      </c>
      <c r="FE42" s="372">
        <v>0</v>
      </c>
      <c r="FF42" s="372">
        <v>0</v>
      </c>
      <c r="FG42" s="372">
        <v>0</v>
      </c>
      <c r="FH42" s="372">
        <v>0</v>
      </c>
      <c r="FI42" s="372">
        <v>0</v>
      </c>
      <c r="FJ42" s="373">
        <v>0</v>
      </c>
      <c r="FK42" s="375">
        <v>0</v>
      </c>
      <c r="FL42" s="371">
        <v>0</v>
      </c>
      <c r="FM42" s="372">
        <v>0</v>
      </c>
      <c r="FN42" s="373">
        <v>0</v>
      </c>
      <c r="FO42" s="371">
        <v>0</v>
      </c>
      <c r="FP42" s="372">
        <v>0</v>
      </c>
      <c r="FQ42" s="372">
        <v>11592</v>
      </c>
      <c r="FR42" s="372">
        <v>0</v>
      </c>
      <c r="FS42" s="372">
        <v>0</v>
      </c>
      <c r="FT42" s="372">
        <v>0</v>
      </c>
      <c r="FU42" s="373">
        <v>11592</v>
      </c>
      <c r="FV42" s="375">
        <v>11592</v>
      </c>
      <c r="FW42" s="378">
        <v>0</v>
      </c>
      <c r="FX42" s="372">
        <v>0</v>
      </c>
      <c r="FY42" s="376">
        <v>0</v>
      </c>
      <c r="FZ42" s="377">
        <v>0</v>
      </c>
      <c r="GA42" s="372">
        <v>0</v>
      </c>
      <c r="GB42" s="372">
        <v>11592</v>
      </c>
      <c r="GC42" s="372">
        <v>0</v>
      </c>
      <c r="GD42" s="372">
        <v>0</v>
      </c>
      <c r="GE42" s="372">
        <v>0</v>
      </c>
      <c r="GF42" s="373">
        <v>11592</v>
      </c>
      <c r="GG42" s="379">
        <v>11592</v>
      </c>
      <c r="GH42" s="378">
        <v>0</v>
      </c>
      <c r="GI42" s="372">
        <v>0</v>
      </c>
      <c r="GJ42" s="376">
        <v>0</v>
      </c>
      <c r="GK42" s="377">
        <v>0</v>
      </c>
      <c r="GL42" s="372">
        <v>0</v>
      </c>
      <c r="GM42" s="372">
        <v>0</v>
      </c>
      <c r="GN42" s="372">
        <v>0</v>
      </c>
      <c r="GO42" s="372">
        <v>0</v>
      </c>
      <c r="GP42" s="372">
        <v>0</v>
      </c>
      <c r="GQ42" s="373">
        <v>0</v>
      </c>
      <c r="GR42" s="375">
        <v>0</v>
      </c>
      <c r="GS42" s="371">
        <v>0</v>
      </c>
      <c r="GT42" s="372">
        <v>0</v>
      </c>
      <c r="GU42" s="373">
        <v>0</v>
      </c>
      <c r="GV42" s="371">
        <v>0</v>
      </c>
      <c r="GW42" s="372">
        <v>0</v>
      </c>
      <c r="GX42" s="372">
        <v>0</v>
      </c>
      <c r="GY42" s="372">
        <v>0</v>
      </c>
      <c r="GZ42" s="372">
        <v>0</v>
      </c>
      <c r="HA42" s="372">
        <v>0</v>
      </c>
      <c r="HB42" s="376">
        <v>0</v>
      </c>
      <c r="HC42" s="375">
        <v>0</v>
      </c>
      <c r="HD42" s="371">
        <v>0</v>
      </c>
      <c r="HE42" s="372">
        <v>0</v>
      </c>
      <c r="HF42" s="376">
        <v>0</v>
      </c>
      <c r="HG42" s="377">
        <v>0</v>
      </c>
      <c r="HH42" s="372">
        <v>0</v>
      </c>
      <c r="HI42" s="372">
        <v>0</v>
      </c>
      <c r="HJ42" s="372">
        <v>0</v>
      </c>
      <c r="HK42" s="372">
        <v>0</v>
      </c>
      <c r="HL42" s="372">
        <v>0</v>
      </c>
      <c r="HM42" s="373">
        <v>0</v>
      </c>
      <c r="HN42" s="374">
        <v>0</v>
      </c>
      <c r="HO42" s="378">
        <v>0</v>
      </c>
      <c r="HP42" s="372">
        <v>0</v>
      </c>
      <c r="HQ42" s="373">
        <v>0</v>
      </c>
      <c r="HR42" s="371">
        <v>0</v>
      </c>
      <c r="HS42" s="372">
        <v>0</v>
      </c>
      <c r="HT42" s="372">
        <v>0</v>
      </c>
      <c r="HU42" s="372">
        <v>0</v>
      </c>
      <c r="HV42" s="372">
        <v>0</v>
      </c>
      <c r="HW42" s="372">
        <v>0</v>
      </c>
      <c r="HX42" s="376">
        <v>0</v>
      </c>
      <c r="HY42" s="375">
        <v>0</v>
      </c>
      <c r="HZ42" s="380">
        <v>0</v>
      </c>
      <c r="IA42" s="381">
        <v>0</v>
      </c>
      <c r="IB42" s="382">
        <v>0</v>
      </c>
      <c r="IC42" s="383">
        <v>0</v>
      </c>
      <c r="ID42" s="384">
        <v>0</v>
      </c>
      <c r="IE42" s="385">
        <v>21301</v>
      </c>
      <c r="IF42" s="386">
        <v>0</v>
      </c>
      <c r="IG42" s="384">
        <v>0</v>
      </c>
      <c r="IH42" s="386">
        <v>0</v>
      </c>
      <c r="II42" s="387">
        <v>21301</v>
      </c>
      <c r="IJ42" s="388">
        <v>21301</v>
      </c>
      <c r="IK42" s="389">
        <v>0</v>
      </c>
      <c r="IL42" s="390">
        <v>0</v>
      </c>
      <c r="IM42" s="391">
        <v>0</v>
      </c>
      <c r="IN42" s="405">
        <v>0</v>
      </c>
      <c r="IO42" s="392">
        <v>0</v>
      </c>
      <c r="IP42" s="392">
        <v>0</v>
      </c>
      <c r="IQ42" s="392">
        <v>0</v>
      </c>
      <c r="IR42" s="392">
        <v>0</v>
      </c>
      <c r="IS42" s="392">
        <v>0</v>
      </c>
      <c r="IT42" s="393">
        <v>0</v>
      </c>
      <c r="IU42" s="394">
        <v>0</v>
      </c>
      <c r="IV42" s="395">
        <v>0</v>
      </c>
      <c r="IW42" s="392">
        <v>0</v>
      </c>
      <c r="IX42" s="396">
        <v>0</v>
      </c>
      <c r="IY42" s="405">
        <v>0</v>
      </c>
      <c r="IZ42" s="392">
        <v>0</v>
      </c>
      <c r="JA42" s="392">
        <v>0</v>
      </c>
      <c r="JB42" s="392">
        <v>0</v>
      </c>
      <c r="JC42" s="392">
        <v>0</v>
      </c>
      <c r="JD42" s="392">
        <v>0</v>
      </c>
      <c r="JE42" s="396">
        <v>0</v>
      </c>
      <c r="JF42" s="397">
        <v>0</v>
      </c>
      <c r="JG42" s="395">
        <v>0</v>
      </c>
      <c r="JH42" s="392">
        <v>0</v>
      </c>
      <c r="JI42" s="393">
        <v>0</v>
      </c>
      <c r="JJ42" s="398">
        <v>0</v>
      </c>
      <c r="JK42" s="392">
        <v>0</v>
      </c>
      <c r="JL42" s="392">
        <v>21301</v>
      </c>
      <c r="JM42" s="392">
        <v>0</v>
      </c>
      <c r="JN42" s="392">
        <v>0</v>
      </c>
      <c r="JO42" s="392">
        <v>0</v>
      </c>
      <c r="JP42" s="396">
        <v>21301</v>
      </c>
      <c r="JQ42" s="394">
        <v>21301</v>
      </c>
      <c r="JR42" s="395">
        <v>0</v>
      </c>
      <c r="JS42" s="392">
        <v>0</v>
      </c>
      <c r="JT42" s="393">
        <v>0</v>
      </c>
      <c r="JU42" s="398">
        <v>0</v>
      </c>
      <c r="JV42" s="392">
        <v>0</v>
      </c>
      <c r="JW42" s="392">
        <v>0</v>
      </c>
      <c r="JX42" s="392">
        <v>0</v>
      </c>
      <c r="JY42" s="392">
        <v>0</v>
      </c>
      <c r="JZ42" s="392">
        <v>0</v>
      </c>
      <c r="KA42" s="396">
        <v>0</v>
      </c>
      <c r="KB42" s="394">
        <v>0</v>
      </c>
      <c r="KC42" s="399">
        <v>0</v>
      </c>
      <c r="KD42" s="400">
        <v>0</v>
      </c>
      <c r="KE42" s="396">
        <v>0</v>
      </c>
      <c r="KF42" s="398">
        <v>0</v>
      </c>
      <c r="KG42" s="392">
        <v>0</v>
      </c>
      <c r="KH42" s="392">
        <v>0</v>
      </c>
      <c r="KI42" s="392">
        <v>0</v>
      </c>
      <c r="KJ42" s="392">
        <v>0</v>
      </c>
      <c r="KK42" s="392">
        <v>0</v>
      </c>
      <c r="KL42" s="396">
        <v>0</v>
      </c>
      <c r="KM42" s="401">
        <v>0</v>
      </c>
      <c r="KN42" s="389">
        <v>0</v>
      </c>
      <c r="KO42" s="390">
        <v>0</v>
      </c>
      <c r="KP42" s="391">
        <v>0</v>
      </c>
      <c r="KQ42" s="405">
        <v>0</v>
      </c>
      <c r="KR42" s="392">
        <v>0</v>
      </c>
      <c r="KS42" s="392">
        <v>0</v>
      </c>
      <c r="KT42" s="392">
        <v>0</v>
      </c>
      <c r="KU42" s="392">
        <v>0</v>
      </c>
      <c r="KV42" s="392">
        <v>0</v>
      </c>
      <c r="KW42" s="396">
        <v>0</v>
      </c>
      <c r="KX42" s="394">
        <v>0</v>
      </c>
      <c r="KY42" s="395">
        <v>0</v>
      </c>
      <c r="KZ42" s="392">
        <v>0</v>
      </c>
      <c r="LA42" s="396">
        <v>0</v>
      </c>
      <c r="LB42" s="405">
        <v>0</v>
      </c>
      <c r="LC42" s="392">
        <v>0</v>
      </c>
      <c r="LD42" s="392">
        <v>0</v>
      </c>
      <c r="LE42" s="392">
        <v>0</v>
      </c>
      <c r="LF42" s="392">
        <v>0</v>
      </c>
      <c r="LG42" s="392">
        <v>0</v>
      </c>
      <c r="LH42" s="396">
        <v>0</v>
      </c>
      <c r="LI42" s="397">
        <v>0</v>
      </c>
      <c r="LJ42" s="395">
        <v>0</v>
      </c>
      <c r="LK42" s="392">
        <v>0</v>
      </c>
      <c r="LL42" s="396">
        <v>0</v>
      </c>
      <c r="LM42" s="405">
        <v>0</v>
      </c>
      <c r="LN42" s="392">
        <v>0</v>
      </c>
      <c r="LO42" s="392">
        <v>0</v>
      </c>
      <c r="LP42" s="392">
        <v>0</v>
      </c>
      <c r="LQ42" s="392">
        <v>0</v>
      </c>
      <c r="LR42" s="392">
        <v>0</v>
      </c>
      <c r="LS42" s="396">
        <v>0</v>
      </c>
      <c r="LT42" s="394">
        <v>0</v>
      </c>
      <c r="LU42" s="395">
        <v>0</v>
      </c>
      <c r="LV42" s="392">
        <v>0</v>
      </c>
      <c r="LW42" s="396">
        <v>0</v>
      </c>
      <c r="LX42" s="405">
        <v>0</v>
      </c>
      <c r="LY42" s="392">
        <v>0</v>
      </c>
      <c r="LZ42" s="392">
        <v>0</v>
      </c>
      <c r="MA42" s="392">
        <v>0</v>
      </c>
      <c r="MB42" s="392">
        <v>0</v>
      </c>
      <c r="MC42" s="392">
        <v>0</v>
      </c>
      <c r="MD42" s="396">
        <v>0</v>
      </c>
      <c r="ME42" s="397">
        <v>0</v>
      </c>
      <c r="MF42" s="395">
        <v>0</v>
      </c>
      <c r="MG42" s="392">
        <v>0</v>
      </c>
      <c r="MH42" s="396">
        <v>0</v>
      </c>
      <c r="MI42" s="405">
        <v>0</v>
      </c>
      <c r="MJ42" s="392">
        <v>0</v>
      </c>
      <c r="MK42" s="392">
        <v>0</v>
      </c>
      <c r="ML42" s="392">
        <v>0</v>
      </c>
      <c r="MM42" s="392">
        <v>0</v>
      </c>
      <c r="MN42" s="392">
        <v>0</v>
      </c>
      <c r="MO42" s="396">
        <v>0</v>
      </c>
      <c r="MP42" s="401">
        <v>0</v>
      </c>
      <c r="MQ42" s="395">
        <v>0</v>
      </c>
      <c r="MR42" s="392">
        <v>0</v>
      </c>
      <c r="MS42" s="396">
        <v>0</v>
      </c>
      <c r="MT42" s="405">
        <v>0</v>
      </c>
      <c r="MU42" s="392">
        <v>0</v>
      </c>
      <c r="MV42" s="392">
        <v>0</v>
      </c>
      <c r="MW42" s="392">
        <v>0</v>
      </c>
      <c r="MX42" s="392">
        <v>0</v>
      </c>
      <c r="MY42" s="392">
        <v>0</v>
      </c>
      <c r="MZ42" s="396">
        <v>0</v>
      </c>
      <c r="NA42" s="401">
        <v>0</v>
      </c>
      <c r="NB42" s="395">
        <v>0</v>
      </c>
      <c r="NC42" s="392">
        <v>0</v>
      </c>
      <c r="ND42" s="396">
        <v>0</v>
      </c>
      <c r="NE42" s="405">
        <v>0</v>
      </c>
      <c r="NF42" s="392">
        <v>0</v>
      </c>
      <c r="NG42" s="392">
        <v>0</v>
      </c>
      <c r="NH42" s="392">
        <v>0</v>
      </c>
      <c r="NI42" s="392">
        <v>0</v>
      </c>
      <c r="NJ42" s="392">
        <v>0</v>
      </c>
      <c r="NK42" s="396">
        <v>0</v>
      </c>
      <c r="NL42" s="394">
        <v>0</v>
      </c>
      <c r="NM42" s="395">
        <v>0</v>
      </c>
      <c r="NN42" s="392">
        <v>0</v>
      </c>
      <c r="NO42" s="396">
        <v>0</v>
      </c>
      <c r="NP42" s="405">
        <v>0</v>
      </c>
      <c r="NQ42" s="392">
        <v>0</v>
      </c>
      <c r="NR42" s="392">
        <v>0</v>
      </c>
      <c r="NS42" s="392">
        <v>0</v>
      </c>
      <c r="NT42" s="392">
        <v>0</v>
      </c>
      <c r="NU42" s="392">
        <v>0</v>
      </c>
      <c r="NV42" s="396">
        <v>0</v>
      </c>
      <c r="NW42" s="397">
        <v>0</v>
      </c>
      <c r="NX42" s="395">
        <v>0</v>
      </c>
      <c r="NY42" s="392">
        <v>0</v>
      </c>
      <c r="NZ42" s="396">
        <v>0</v>
      </c>
      <c r="OA42" s="405">
        <v>0</v>
      </c>
      <c r="OB42" s="392">
        <v>0</v>
      </c>
      <c r="OC42" s="392">
        <v>0</v>
      </c>
      <c r="OD42" s="392">
        <v>0</v>
      </c>
      <c r="OE42" s="392">
        <v>0</v>
      </c>
      <c r="OF42" s="392">
        <v>0</v>
      </c>
      <c r="OG42" s="396">
        <v>0</v>
      </c>
      <c r="OH42" s="397">
        <v>0</v>
      </c>
      <c r="OI42" s="395">
        <v>0</v>
      </c>
      <c r="OJ42" s="392">
        <v>0</v>
      </c>
      <c r="OK42" s="393">
        <v>0</v>
      </c>
      <c r="OL42" s="398">
        <v>0</v>
      </c>
      <c r="OM42" s="392">
        <v>0</v>
      </c>
      <c r="ON42" s="392">
        <v>100730</v>
      </c>
      <c r="OO42" s="392">
        <v>0</v>
      </c>
      <c r="OP42" s="392">
        <v>0</v>
      </c>
      <c r="OQ42" s="392">
        <v>0</v>
      </c>
      <c r="OR42" s="396">
        <v>100730</v>
      </c>
      <c r="OS42" s="401">
        <v>100730</v>
      </c>
    </row>
    <row r="43" spans="2:409" x14ac:dyDescent="0.2">
      <c r="B43" s="71" t="s">
        <v>84</v>
      </c>
    </row>
  </sheetData>
  <mergeCells count="158">
    <mergeCell ref="OH7:OH8"/>
    <mergeCell ref="OI7:OK7"/>
    <mergeCell ref="OL7:OR7"/>
    <mergeCell ref="OS7:OS8"/>
    <mergeCell ref="NL7:NL8"/>
    <mergeCell ref="NM7:NO7"/>
    <mergeCell ref="NP7:NV7"/>
    <mergeCell ref="NW7:NW8"/>
    <mergeCell ref="NX7:NZ7"/>
    <mergeCell ref="NA7:NA8"/>
    <mergeCell ref="NB7:ND7"/>
    <mergeCell ref="NE7:NK7"/>
    <mergeCell ref="LX7:MD7"/>
    <mergeCell ref="ME7:ME8"/>
    <mergeCell ref="MF7:MH7"/>
    <mergeCell ref="MI7:MO7"/>
    <mergeCell ref="MP7:MP8"/>
    <mergeCell ref="OA7:OG7"/>
    <mergeCell ref="LT7:LT8"/>
    <mergeCell ref="LU7:LW7"/>
    <mergeCell ref="KN7:KP7"/>
    <mergeCell ref="KQ7:KW7"/>
    <mergeCell ref="KX7:KX8"/>
    <mergeCell ref="KY7:LA7"/>
    <mergeCell ref="LB7:LH7"/>
    <mergeCell ref="MQ7:MS7"/>
    <mergeCell ref="MT7:MZ7"/>
    <mergeCell ref="JU7:KA7"/>
    <mergeCell ref="KB7:KB8"/>
    <mergeCell ref="KC7:KE7"/>
    <mergeCell ref="KF7:KL7"/>
    <mergeCell ref="KM7:KM8"/>
    <mergeCell ref="NB5:NL6"/>
    <mergeCell ref="NM5:NW6"/>
    <mergeCell ref="NX5:OH6"/>
    <mergeCell ref="HZ7:IB7"/>
    <mergeCell ref="IC7:II7"/>
    <mergeCell ref="IJ7:IJ8"/>
    <mergeCell ref="IK7:IM7"/>
    <mergeCell ref="IN7:IT7"/>
    <mergeCell ref="IU7:IU8"/>
    <mergeCell ref="IV7:IX7"/>
    <mergeCell ref="IY7:JE7"/>
    <mergeCell ref="JF7:JF8"/>
    <mergeCell ref="JG7:JI7"/>
    <mergeCell ref="JJ7:JP7"/>
    <mergeCell ref="JQ7:JQ8"/>
    <mergeCell ref="JR7:JT7"/>
    <mergeCell ref="LI7:LI8"/>
    <mergeCell ref="LJ7:LL7"/>
    <mergeCell ref="LM7:LS7"/>
    <mergeCell ref="ID1:IE1"/>
    <mergeCell ref="HZ4:ME4"/>
    <mergeCell ref="MF4:OH4"/>
    <mergeCell ref="OI4:OS6"/>
    <mergeCell ref="HZ5:IJ6"/>
    <mergeCell ref="IK5:IU6"/>
    <mergeCell ref="IV5:JF6"/>
    <mergeCell ref="JG5:JQ6"/>
    <mergeCell ref="JR5:KB6"/>
    <mergeCell ref="KC5:KM6"/>
    <mergeCell ref="KN5:KX6"/>
    <mergeCell ref="KY5:LI6"/>
    <mergeCell ref="LJ5:LT6"/>
    <mergeCell ref="LU5:ME6"/>
    <mergeCell ref="MF5:MP6"/>
    <mergeCell ref="MQ5:NA6"/>
    <mergeCell ref="HO7:HQ7"/>
    <mergeCell ref="HR7:HX7"/>
    <mergeCell ref="HY7:HY8"/>
    <mergeCell ref="GS7:GU7"/>
    <mergeCell ref="GV7:HB7"/>
    <mergeCell ref="HC7:HC8"/>
    <mergeCell ref="HD7:HF7"/>
    <mergeCell ref="HG7:HM7"/>
    <mergeCell ref="HN7:HN8"/>
    <mergeCell ref="GR7:GR8"/>
    <mergeCell ref="FA7:FC7"/>
    <mergeCell ref="FD7:FJ7"/>
    <mergeCell ref="FK7:FK8"/>
    <mergeCell ref="FL7:FN7"/>
    <mergeCell ref="FO7:FU7"/>
    <mergeCell ref="FV7:FV8"/>
    <mergeCell ref="FW7:FY7"/>
    <mergeCell ref="FZ7:GF7"/>
    <mergeCell ref="GG7:GG8"/>
    <mergeCell ref="GH7:GJ7"/>
    <mergeCell ref="GK7:GQ7"/>
    <mergeCell ref="DA7:DG7"/>
    <mergeCell ref="EZ7:EZ8"/>
    <mergeCell ref="DI7:DK7"/>
    <mergeCell ref="DL7:DR7"/>
    <mergeCell ref="DS7:DS8"/>
    <mergeCell ref="DT7:DV7"/>
    <mergeCell ref="DW7:EC7"/>
    <mergeCell ref="ED7:ED8"/>
    <mergeCell ref="EE7:EG7"/>
    <mergeCell ref="EH7:EN7"/>
    <mergeCell ref="EO7:EO8"/>
    <mergeCell ref="EP7:ER7"/>
    <mergeCell ref="ES7:EY7"/>
    <mergeCell ref="CM7:CO7"/>
    <mergeCell ref="CP7:CV7"/>
    <mergeCell ref="CW7:CW8"/>
    <mergeCell ref="CX7:CZ7"/>
    <mergeCell ref="BQ7:BS7"/>
    <mergeCell ref="BT7:BZ7"/>
    <mergeCell ref="CA7:CA8"/>
    <mergeCell ref="CB7:CD7"/>
    <mergeCell ref="CE7:CK7"/>
    <mergeCell ref="F7:L7"/>
    <mergeCell ref="M7:M8"/>
    <mergeCell ref="N7:P7"/>
    <mergeCell ref="Q7:W7"/>
    <mergeCell ref="FL6:FV6"/>
    <mergeCell ref="FW6:GG6"/>
    <mergeCell ref="N6:X6"/>
    <mergeCell ref="Y6:AI6"/>
    <mergeCell ref="AJ6:AT6"/>
    <mergeCell ref="AU6:BE6"/>
    <mergeCell ref="BF6:BP6"/>
    <mergeCell ref="BQ6:CA6"/>
    <mergeCell ref="DT6:ED6"/>
    <mergeCell ref="EE6:EO6"/>
    <mergeCell ref="X7:X8"/>
    <mergeCell ref="EP6:EZ6"/>
    <mergeCell ref="FA6:FK6"/>
    <mergeCell ref="BP7:BP8"/>
    <mergeCell ref="Y7:AA7"/>
    <mergeCell ref="AB7:AH7"/>
    <mergeCell ref="AI7:AI8"/>
    <mergeCell ref="AJ7:AL7"/>
    <mergeCell ref="AM7:AS7"/>
    <mergeCell ref="CL7:CL8"/>
    <mergeCell ref="G1:H1"/>
    <mergeCell ref="AT7:AT8"/>
    <mergeCell ref="AU7:AW7"/>
    <mergeCell ref="AX7:BD7"/>
    <mergeCell ref="BE7:BE8"/>
    <mergeCell ref="BF7:BH7"/>
    <mergeCell ref="BI7:BO7"/>
    <mergeCell ref="DH7:DH8"/>
    <mergeCell ref="B4:B8"/>
    <mergeCell ref="C4:M6"/>
    <mergeCell ref="N4:HY4"/>
    <mergeCell ref="N5:CA5"/>
    <mergeCell ref="CB5:DH5"/>
    <mergeCell ref="DI5:FK5"/>
    <mergeCell ref="FL5:HC5"/>
    <mergeCell ref="HD5:HN6"/>
    <mergeCell ref="HO5:HY6"/>
    <mergeCell ref="GH6:GR6"/>
    <mergeCell ref="GS6:HC6"/>
    <mergeCell ref="CB6:CL6"/>
    <mergeCell ref="CM6:CW6"/>
    <mergeCell ref="CX6:DH6"/>
    <mergeCell ref="DI6:DS6"/>
    <mergeCell ref="C7:E7"/>
  </mergeCells>
  <phoneticPr fontId="4"/>
  <pageMargins left="0.59055118110236227" right="0.39370078740157483" top="0.39370078740157483" bottom="0.43307086614173229" header="0.19685039370078741" footer="0.19685039370078741"/>
  <pageSetup paperSize="9" scale="40" orientation="landscape" r:id="rId1"/>
  <headerFooter alignWithMargins="0">
    <oddFooter>&amp;L&amp;20&amp;A&amp;C&amp;P/&amp;N</oddFooter>
  </headerFooter>
  <colBreaks count="9" manualBreakCount="9">
    <brk id="35" max="1048575" man="1"/>
    <brk id="68" max="1048575" man="1"/>
    <brk id="101" max="1048575" man="1"/>
    <brk id="134" max="1048575" man="1"/>
    <brk id="167" max="1048575" man="1"/>
    <brk id="200" max="1048575" man="1"/>
    <brk id="233" max="1048575" man="1"/>
    <brk id="266" max="42" man="1"/>
    <brk id="299" max="1048575" man="1"/>
  </col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HY41"/>
  <sheetViews>
    <sheetView zoomScaleNormal="100" workbookViewId="0">
      <pane xSplit="2" ySplit="7" topLeftCell="C8" activePane="bottomRight" state="frozen"/>
      <selection pane="topRight" activeCell="B1" sqref="B1"/>
      <selection pane="bottomLeft" activeCell="A8" sqref="A8"/>
      <selection pane="bottomRight" activeCell="C7" sqref="C7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4" width="9.21875" style="71" bestFit="1" customWidth="1"/>
    <col min="5" max="5" width="10.77734375" style="71" bestFit="1" customWidth="1"/>
    <col min="6" max="6" width="7.88671875" style="71" customWidth="1"/>
    <col min="7" max="11" width="10.44140625" style="71" bestFit="1" customWidth="1"/>
    <col min="12" max="13" width="11.6640625" style="71" bestFit="1" customWidth="1"/>
    <col min="14" max="16" width="9.21875" style="71" bestFit="1" customWidth="1"/>
    <col min="17" max="17" width="7.44140625" style="71" customWidth="1"/>
    <col min="18" max="18" width="9.21875" style="71" bestFit="1" customWidth="1"/>
    <col min="19" max="22" width="10.44140625" style="71" bestFit="1" customWidth="1"/>
    <col min="23" max="24" width="11.6640625" style="71" bestFit="1" customWidth="1"/>
    <col min="25" max="27" width="9.109375" style="71" bestFit="1" customWidth="1"/>
    <col min="28" max="28" width="7" style="71" customWidth="1"/>
    <col min="29" max="30" width="9.109375" style="71" bestFit="1" customWidth="1"/>
    <col min="31" max="32" width="9.6640625" style="71" bestFit="1" customWidth="1"/>
    <col min="33" max="33" width="9.109375" style="71" bestFit="1" customWidth="1"/>
    <col min="34" max="35" width="9.6640625" style="71" bestFit="1" customWidth="1"/>
    <col min="36" max="38" width="9.109375" style="71" bestFit="1" customWidth="1"/>
    <col min="39" max="39" width="7.33203125" style="71" customWidth="1"/>
    <col min="40" max="49" width="9.109375" style="71" bestFit="1" customWidth="1"/>
    <col min="50" max="50" width="7.33203125" style="71" customWidth="1"/>
    <col min="51" max="60" width="9.109375" style="71" bestFit="1" customWidth="1"/>
    <col min="61" max="61" width="7.77734375" style="71" customWidth="1"/>
    <col min="62" max="71" width="9.109375" style="71" bestFit="1" customWidth="1"/>
    <col min="72" max="72" width="7.77734375" style="71" customWidth="1"/>
    <col min="73" max="77" width="9.109375" style="71" bestFit="1" customWidth="1"/>
    <col min="78" max="79" width="9.6640625" style="71" bestFit="1" customWidth="1"/>
    <col min="80" max="82" width="9.109375" style="71" bestFit="1" customWidth="1"/>
    <col min="83" max="83" width="7.88671875" style="71" customWidth="1"/>
    <col min="84" max="93" width="9.109375" style="71" bestFit="1" customWidth="1"/>
    <col min="94" max="94" width="8" style="71" customWidth="1"/>
    <col min="95" max="104" width="9.109375" style="71" bestFit="1" customWidth="1"/>
    <col min="105" max="105" width="8" style="71" customWidth="1"/>
    <col min="106" max="115" width="9.109375" style="71" bestFit="1" customWidth="1"/>
    <col min="116" max="116" width="7.6640625" style="71" customWidth="1"/>
    <col min="117" max="117" width="9.109375" style="71" bestFit="1" customWidth="1"/>
    <col min="118" max="121" width="9.6640625" style="71" bestFit="1" customWidth="1"/>
    <col min="122" max="123" width="10.6640625" style="71" bestFit="1" customWidth="1"/>
    <col min="124" max="126" width="9.109375" style="71" bestFit="1" customWidth="1"/>
    <col min="127" max="127" width="7.44140625" style="71" customWidth="1"/>
    <col min="128" max="129" width="9.109375" style="71" bestFit="1" customWidth="1"/>
    <col min="130" max="134" width="9.6640625" style="71" bestFit="1" customWidth="1"/>
    <col min="135" max="137" width="9.109375" style="71" bestFit="1" customWidth="1"/>
    <col min="138" max="138" width="7.6640625" style="71" customWidth="1"/>
    <col min="139" max="148" width="9.109375" style="71" bestFit="1" customWidth="1"/>
    <col min="149" max="149" width="7.77734375" style="71" customWidth="1"/>
    <col min="150" max="159" width="9.109375" style="71" bestFit="1" customWidth="1"/>
    <col min="160" max="160" width="7.77734375" style="71" customWidth="1"/>
    <col min="161" max="170" width="9.109375" style="71" bestFit="1" customWidth="1"/>
    <col min="171" max="171" width="7.33203125" style="71" customWidth="1"/>
    <col min="172" max="181" width="9.109375" style="71" bestFit="1" customWidth="1"/>
    <col min="182" max="182" width="8" style="71" customWidth="1"/>
    <col min="183" max="188" width="9.109375" style="71" bestFit="1" customWidth="1"/>
    <col min="189" max="189" width="9.6640625" style="71" bestFit="1" customWidth="1"/>
    <col min="190" max="192" width="9.109375" style="71" bestFit="1" customWidth="1"/>
    <col min="193" max="193" width="7.44140625" style="71" customWidth="1"/>
    <col min="194" max="203" width="9.109375" style="71" bestFit="1" customWidth="1"/>
    <col min="204" max="204" width="7.88671875" style="71" customWidth="1"/>
    <col min="205" max="214" width="9.109375" style="71" bestFit="1" customWidth="1"/>
    <col min="215" max="215" width="7.88671875" style="71" customWidth="1"/>
    <col min="216" max="225" width="9.109375" style="71" bestFit="1" customWidth="1"/>
    <col min="226" max="226" width="7.6640625" style="71" customWidth="1"/>
    <col min="227" max="229" width="9.6640625" style="71" bestFit="1" customWidth="1"/>
    <col min="230" max="230" width="10.6640625" style="71" bestFit="1" customWidth="1"/>
    <col min="231" max="231" width="9.6640625" style="71" bestFit="1" customWidth="1"/>
    <col min="232" max="233" width="10.6640625" style="71" bestFit="1" customWidth="1"/>
    <col min="234" max="16384" width="9" style="71"/>
  </cols>
  <sheetData>
    <row r="1" spans="2:233" ht="24" customHeight="1" x14ac:dyDescent="0.2">
      <c r="B1" s="10" t="s">
        <v>159</v>
      </c>
      <c r="C1" s="247"/>
      <c r="D1" s="247"/>
      <c r="E1" s="63">
        <f>第１表!F2</f>
        <v>7</v>
      </c>
      <c r="F1" s="64">
        <f>第１表!G2</f>
        <v>3</v>
      </c>
      <c r="G1" s="531">
        <f>IF(F1&lt;3,F1-2+12,F1-2)</f>
        <v>1</v>
      </c>
      <c r="H1" s="531"/>
      <c r="L1" s="247"/>
      <c r="CL1" s="247"/>
      <c r="CM1" s="247"/>
      <c r="CN1" s="247"/>
      <c r="CO1" s="247"/>
      <c r="CP1" s="247"/>
      <c r="CQ1" s="247"/>
      <c r="CR1" s="247"/>
      <c r="CS1" s="247"/>
      <c r="CT1" s="247"/>
      <c r="CU1" s="247"/>
      <c r="CV1" s="247"/>
      <c r="CW1" s="247"/>
      <c r="CX1" s="247"/>
      <c r="CY1" s="247"/>
      <c r="CZ1" s="247"/>
      <c r="DA1" s="247"/>
      <c r="DB1" s="247"/>
      <c r="DC1" s="247"/>
      <c r="DD1" s="247"/>
      <c r="DE1" s="247"/>
      <c r="DF1" s="247"/>
      <c r="DG1" s="247"/>
      <c r="DH1" s="247"/>
      <c r="DI1" s="247"/>
      <c r="DJ1" s="247"/>
      <c r="DK1" s="247"/>
      <c r="DL1" s="247"/>
      <c r="DM1" s="247"/>
      <c r="DN1" s="247"/>
      <c r="DO1" s="247"/>
      <c r="DP1" s="247"/>
      <c r="DQ1" s="247"/>
      <c r="DR1" s="247"/>
      <c r="DS1" s="247"/>
      <c r="DT1" s="247"/>
      <c r="DU1" s="247"/>
      <c r="DV1" s="247"/>
      <c r="DW1" s="247"/>
      <c r="DX1" s="247"/>
      <c r="DY1" s="247"/>
      <c r="DZ1" s="247"/>
      <c r="EA1" s="247"/>
      <c r="EB1" s="247"/>
      <c r="EC1" s="247"/>
    </row>
    <row r="2" spans="2:233" ht="24" customHeight="1" thickBot="1" x14ac:dyDescent="0.25">
      <c r="B2" s="10" t="s">
        <v>160</v>
      </c>
    </row>
    <row r="3" spans="2:233" ht="21" customHeight="1" thickBot="1" x14ac:dyDescent="0.25">
      <c r="B3" s="579"/>
      <c r="C3" s="439" t="s">
        <v>115</v>
      </c>
      <c r="D3" s="440"/>
      <c r="E3" s="440"/>
      <c r="F3" s="440"/>
      <c r="G3" s="440"/>
      <c r="H3" s="440"/>
      <c r="I3" s="440"/>
      <c r="J3" s="440"/>
      <c r="K3" s="440"/>
      <c r="L3" s="440"/>
      <c r="M3" s="440"/>
      <c r="N3" s="437"/>
      <c r="O3" s="437"/>
      <c r="P3" s="437"/>
      <c r="Q3" s="437"/>
      <c r="R3" s="437"/>
      <c r="S3" s="437"/>
      <c r="T3" s="437"/>
      <c r="U3" s="437"/>
      <c r="V3" s="437"/>
      <c r="W3" s="437"/>
      <c r="X3" s="437"/>
      <c r="Y3" s="437"/>
      <c r="Z3" s="437"/>
      <c r="AA3" s="437"/>
      <c r="AB3" s="437"/>
      <c r="AC3" s="437"/>
      <c r="AD3" s="437"/>
      <c r="AE3" s="437"/>
      <c r="AF3" s="437"/>
      <c r="AG3" s="437"/>
      <c r="AH3" s="437"/>
      <c r="AI3" s="437"/>
      <c r="AJ3" s="437"/>
      <c r="AK3" s="437"/>
      <c r="AL3" s="437"/>
      <c r="AM3" s="437"/>
      <c r="AN3" s="437"/>
      <c r="AO3" s="437"/>
      <c r="AP3" s="437"/>
      <c r="AQ3" s="437"/>
      <c r="AR3" s="437"/>
      <c r="AS3" s="437"/>
      <c r="AT3" s="437"/>
      <c r="AU3" s="437"/>
      <c r="AV3" s="437"/>
      <c r="AW3" s="437"/>
      <c r="AX3" s="437"/>
      <c r="AY3" s="437"/>
      <c r="AZ3" s="437"/>
      <c r="BA3" s="437"/>
      <c r="BB3" s="437"/>
      <c r="BC3" s="437"/>
      <c r="BD3" s="437"/>
      <c r="BE3" s="437"/>
      <c r="BF3" s="437"/>
      <c r="BG3" s="437"/>
      <c r="BH3" s="437"/>
      <c r="BI3" s="437"/>
      <c r="BJ3" s="437"/>
      <c r="BK3" s="437"/>
      <c r="BL3" s="437"/>
      <c r="BM3" s="437"/>
      <c r="BN3" s="437"/>
      <c r="BO3" s="437"/>
      <c r="BP3" s="437"/>
      <c r="BQ3" s="437"/>
      <c r="BR3" s="437"/>
      <c r="BS3" s="437"/>
      <c r="BT3" s="437"/>
      <c r="BU3" s="437"/>
      <c r="BV3" s="437"/>
      <c r="BW3" s="437"/>
      <c r="BX3" s="437"/>
      <c r="BY3" s="437"/>
      <c r="BZ3" s="437"/>
      <c r="CA3" s="437"/>
      <c r="CB3" s="437"/>
      <c r="CC3" s="437"/>
      <c r="CD3" s="437"/>
      <c r="CE3" s="437"/>
      <c r="CF3" s="437"/>
      <c r="CG3" s="437"/>
      <c r="CH3" s="437"/>
      <c r="CI3" s="437"/>
      <c r="CJ3" s="437"/>
      <c r="CK3" s="437"/>
      <c r="CL3" s="437"/>
      <c r="CM3" s="437"/>
      <c r="CN3" s="437"/>
      <c r="CO3" s="437"/>
      <c r="CP3" s="437"/>
      <c r="CQ3" s="437"/>
      <c r="CR3" s="437"/>
      <c r="CS3" s="437"/>
      <c r="CT3" s="437"/>
      <c r="CU3" s="437"/>
      <c r="CV3" s="437"/>
      <c r="CW3" s="437"/>
      <c r="CX3" s="437"/>
      <c r="CY3" s="437"/>
      <c r="CZ3" s="437"/>
      <c r="DA3" s="437"/>
      <c r="DB3" s="437"/>
      <c r="DC3" s="437"/>
      <c r="DD3" s="437"/>
      <c r="DE3" s="437"/>
      <c r="DF3" s="437"/>
      <c r="DG3" s="437"/>
      <c r="DH3" s="438"/>
      <c r="DI3" s="439" t="s">
        <v>117</v>
      </c>
      <c r="DJ3" s="440"/>
      <c r="DK3" s="440"/>
      <c r="DL3" s="440"/>
      <c r="DM3" s="440"/>
      <c r="DN3" s="440"/>
      <c r="DO3" s="440"/>
      <c r="DP3" s="440"/>
      <c r="DQ3" s="440"/>
      <c r="DR3" s="440"/>
      <c r="DS3" s="440"/>
      <c r="DT3" s="440"/>
      <c r="DU3" s="440"/>
      <c r="DV3" s="440"/>
      <c r="DW3" s="440"/>
      <c r="DX3" s="440"/>
      <c r="DY3" s="440"/>
      <c r="DZ3" s="440"/>
      <c r="EA3" s="440"/>
      <c r="EB3" s="440"/>
      <c r="EC3" s="440"/>
      <c r="ED3" s="440"/>
      <c r="EE3" s="440"/>
      <c r="EF3" s="440"/>
      <c r="EG3" s="440"/>
      <c r="EH3" s="440"/>
      <c r="EI3" s="440"/>
      <c r="EJ3" s="440"/>
      <c r="EK3" s="440"/>
      <c r="EL3" s="440"/>
      <c r="EM3" s="440"/>
      <c r="EN3" s="440"/>
      <c r="EO3" s="440"/>
      <c r="EP3" s="440"/>
      <c r="EQ3" s="440"/>
      <c r="ER3" s="440"/>
      <c r="ES3" s="440"/>
      <c r="ET3" s="440"/>
      <c r="EU3" s="440"/>
      <c r="EV3" s="440"/>
      <c r="EW3" s="440"/>
      <c r="EX3" s="440"/>
      <c r="EY3" s="440"/>
      <c r="EZ3" s="440"/>
      <c r="FA3" s="440"/>
      <c r="FB3" s="440"/>
      <c r="FC3" s="440"/>
      <c r="FD3" s="440"/>
      <c r="FE3" s="440"/>
      <c r="FF3" s="440"/>
      <c r="FG3" s="440"/>
      <c r="FH3" s="440"/>
      <c r="FI3" s="440"/>
      <c r="FJ3" s="440"/>
      <c r="FK3" s="440"/>
      <c r="FL3" s="440"/>
      <c r="FM3" s="440"/>
      <c r="FN3" s="440"/>
      <c r="FO3" s="440"/>
      <c r="FP3" s="440"/>
      <c r="FQ3" s="440"/>
      <c r="FR3" s="440"/>
      <c r="FS3" s="440"/>
      <c r="FT3" s="440"/>
      <c r="FU3" s="440"/>
      <c r="FV3" s="440"/>
      <c r="FW3" s="440"/>
      <c r="FX3" s="440"/>
      <c r="FY3" s="440"/>
      <c r="FZ3" s="440"/>
      <c r="GA3" s="440"/>
      <c r="GB3" s="440"/>
      <c r="GC3" s="440"/>
      <c r="GD3" s="440"/>
      <c r="GE3" s="440"/>
      <c r="GF3" s="440"/>
      <c r="GG3" s="440"/>
      <c r="GH3" s="440"/>
      <c r="GI3" s="440"/>
      <c r="GJ3" s="440"/>
      <c r="GK3" s="440"/>
      <c r="GL3" s="440"/>
      <c r="GM3" s="440"/>
      <c r="GN3" s="440"/>
      <c r="GO3" s="440"/>
      <c r="GP3" s="440"/>
      <c r="GQ3" s="440"/>
      <c r="GR3" s="440"/>
      <c r="GS3" s="440"/>
      <c r="GT3" s="440"/>
      <c r="GU3" s="440"/>
      <c r="GV3" s="440"/>
      <c r="GW3" s="440"/>
      <c r="GX3" s="440"/>
      <c r="GY3" s="440"/>
      <c r="GZ3" s="440"/>
      <c r="HA3" s="440"/>
      <c r="HB3" s="440"/>
      <c r="HC3" s="440"/>
      <c r="HD3" s="440"/>
      <c r="HE3" s="440"/>
      <c r="HF3" s="440"/>
      <c r="HG3" s="440"/>
      <c r="HH3" s="440"/>
      <c r="HI3" s="440"/>
      <c r="HJ3" s="440"/>
      <c r="HK3" s="440"/>
      <c r="HL3" s="440"/>
      <c r="HM3" s="440"/>
      <c r="HN3" s="441"/>
      <c r="HO3" s="539" t="s">
        <v>60</v>
      </c>
      <c r="HP3" s="540"/>
      <c r="HQ3" s="540"/>
      <c r="HR3" s="540"/>
      <c r="HS3" s="540"/>
      <c r="HT3" s="540"/>
      <c r="HU3" s="540"/>
      <c r="HV3" s="540"/>
      <c r="HW3" s="540"/>
      <c r="HX3" s="540"/>
      <c r="HY3" s="541"/>
    </row>
    <row r="4" spans="2:233" ht="21" customHeight="1" thickBot="1" x14ac:dyDescent="0.25">
      <c r="B4" s="560"/>
      <c r="C4" s="520"/>
      <c r="D4" s="521"/>
      <c r="E4" s="521"/>
      <c r="F4" s="521"/>
      <c r="G4" s="521"/>
      <c r="H4" s="521"/>
      <c r="I4" s="521"/>
      <c r="J4" s="521"/>
      <c r="K4" s="521"/>
      <c r="L4" s="521"/>
      <c r="M4" s="578"/>
      <c r="N4" s="536" t="s">
        <v>57</v>
      </c>
      <c r="O4" s="537"/>
      <c r="P4" s="537"/>
      <c r="Q4" s="537"/>
      <c r="R4" s="537"/>
      <c r="S4" s="537"/>
      <c r="T4" s="537"/>
      <c r="U4" s="537"/>
      <c r="V4" s="537"/>
      <c r="W4" s="537"/>
      <c r="X4" s="538"/>
      <c r="Y4" s="536" t="s">
        <v>58</v>
      </c>
      <c r="Z4" s="537"/>
      <c r="AA4" s="537"/>
      <c r="AB4" s="537"/>
      <c r="AC4" s="537"/>
      <c r="AD4" s="537"/>
      <c r="AE4" s="537"/>
      <c r="AF4" s="537"/>
      <c r="AG4" s="537"/>
      <c r="AH4" s="537"/>
      <c r="AI4" s="538"/>
      <c r="AJ4" s="536" t="s">
        <v>59</v>
      </c>
      <c r="AK4" s="537"/>
      <c r="AL4" s="537"/>
      <c r="AM4" s="537"/>
      <c r="AN4" s="537"/>
      <c r="AO4" s="537"/>
      <c r="AP4" s="537"/>
      <c r="AQ4" s="537"/>
      <c r="AR4" s="537"/>
      <c r="AS4" s="537"/>
      <c r="AT4" s="538"/>
      <c r="AU4" s="536" t="s">
        <v>147</v>
      </c>
      <c r="AV4" s="537"/>
      <c r="AW4" s="537"/>
      <c r="AX4" s="537"/>
      <c r="AY4" s="537"/>
      <c r="AZ4" s="537"/>
      <c r="BA4" s="537"/>
      <c r="BB4" s="537"/>
      <c r="BC4" s="537"/>
      <c r="BD4" s="537"/>
      <c r="BE4" s="538"/>
      <c r="BF4" s="536" t="s">
        <v>116</v>
      </c>
      <c r="BG4" s="537"/>
      <c r="BH4" s="537"/>
      <c r="BI4" s="537"/>
      <c r="BJ4" s="537"/>
      <c r="BK4" s="537"/>
      <c r="BL4" s="537"/>
      <c r="BM4" s="537"/>
      <c r="BN4" s="537"/>
      <c r="BO4" s="537"/>
      <c r="BP4" s="538"/>
      <c r="BQ4" s="536" t="s">
        <v>77</v>
      </c>
      <c r="BR4" s="537"/>
      <c r="BS4" s="537"/>
      <c r="BT4" s="537"/>
      <c r="BU4" s="537"/>
      <c r="BV4" s="537"/>
      <c r="BW4" s="537"/>
      <c r="BX4" s="537"/>
      <c r="BY4" s="537"/>
      <c r="BZ4" s="537"/>
      <c r="CA4" s="538"/>
      <c r="CB4" s="536" t="s">
        <v>78</v>
      </c>
      <c r="CC4" s="537"/>
      <c r="CD4" s="537"/>
      <c r="CE4" s="537"/>
      <c r="CF4" s="537"/>
      <c r="CG4" s="537"/>
      <c r="CH4" s="537"/>
      <c r="CI4" s="537"/>
      <c r="CJ4" s="537"/>
      <c r="CK4" s="537"/>
      <c r="CL4" s="538"/>
      <c r="CM4" s="536" t="s">
        <v>79</v>
      </c>
      <c r="CN4" s="537"/>
      <c r="CO4" s="537"/>
      <c r="CP4" s="537"/>
      <c r="CQ4" s="537"/>
      <c r="CR4" s="537"/>
      <c r="CS4" s="537"/>
      <c r="CT4" s="537"/>
      <c r="CU4" s="537"/>
      <c r="CV4" s="537"/>
      <c r="CW4" s="538"/>
      <c r="CX4" s="536" t="s">
        <v>148</v>
      </c>
      <c r="CY4" s="537"/>
      <c r="CZ4" s="537"/>
      <c r="DA4" s="537"/>
      <c r="DB4" s="537"/>
      <c r="DC4" s="537"/>
      <c r="DD4" s="537"/>
      <c r="DE4" s="537"/>
      <c r="DF4" s="537"/>
      <c r="DG4" s="537"/>
      <c r="DH4" s="538"/>
      <c r="DI4" s="520"/>
      <c r="DJ4" s="521"/>
      <c r="DK4" s="521"/>
      <c r="DL4" s="521"/>
      <c r="DM4" s="521"/>
      <c r="DN4" s="521"/>
      <c r="DO4" s="521"/>
      <c r="DP4" s="521"/>
      <c r="DQ4" s="521"/>
      <c r="DR4" s="521"/>
      <c r="DS4" s="522"/>
      <c r="DT4" s="536" t="s">
        <v>57</v>
      </c>
      <c r="DU4" s="537"/>
      <c r="DV4" s="537"/>
      <c r="DW4" s="537"/>
      <c r="DX4" s="537"/>
      <c r="DY4" s="537"/>
      <c r="DZ4" s="537"/>
      <c r="EA4" s="537"/>
      <c r="EB4" s="537"/>
      <c r="EC4" s="537"/>
      <c r="ED4" s="538"/>
      <c r="EE4" s="536" t="s">
        <v>58</v>
      </c>
      <c r="EF4" s="537"/>
      <c r="EG4" s="537"/>
      <c r="EH4" s="537"/>
      <c r="EI4" s="537"/>
      <c r="EJ4" s="537"/>
      <c r="EK4" s="537"/>
      <c r="EL4" s="537"/>
      <c r="EM4" s="537"/>
      <c r="EN4" s="537"/>
      <c r="EO4" s="538"/>
      <c r="EP4" s="536" t="s">
        <v>59</v>
      </c>
      <c r="EQ4" s="537"/>
      <c r="ER4" s="537"/>
      <c r="ES4" s="537"/>
      <c r="ET4" s="537"/>
      <c r="EU4" s="537"/>
      <c r="EV4" s="537"/>
      <c r="EW4" s="537"/>
      <c r="EX4" s="537"/>
      <c r="EY4" s="537"/>
      <c r="EZ4" s="538"/>
      <c r="FA4" s="536" t="s">
        <v>147</v>
      </c>
      <c r="FB4" s="537"/>
      <c r="FC4" s="537"/>
      <c r="FD4" s="537"/>
      <c r="FE4" s="537"/>
      <c r="FF4" s="537"/>
      <c r="FG4" s="537"/>
      <c r="FH4" s="537"/>
      <c r="FI4" s="537"/>
      <c r="FJ4" s="537"/>
      <c r="FK4" s="538"/>
      <c r="FL4" s="536" t="s">
        <v>116</v>
      </c>
      <c r="FM4" s="537"/>
      <c r="FN4" s="537"/>
      <c r="FO4" s="537"/>
      <c r="FP4" s="537"/>
      <c r="FQ4" s="537"/>
      <c r="FR4" s="537"/>
      <c r="FS4" s="537"/>
      <c r="FT4" s="537"/>
      <c r="FU4" s="537"/>
      <c r="FV4" s="538"/>
      <c r="FW4" s="536" t="s">
        <v>77</v>
      </c>
      <c r="FX4" s="537"/>
      <c r="FY4" s="537"/>
      <c r="FZ4" s="537"/>
      <c r="GA4" s="537"/>
      <c r="GB4" s="537"/>
      <c r="GC4" s="537"/>
      <c r="GD4" s="537"/>
      <c r="GE4" s="537"/>
      <c r="GF4" s="537"/>
      <c r="GG4" s="538"/>
      <c r="GH4" s="536" t="s">
        <v>78</v>
      </c>
      <c r="GI4" s="537"/>
      <c r="GJ4" s="537"/>
      <c r="GK4" s="537"/>
      <c r="GL4" s="537"/>
      <c r="GM4" s="537"/>
      <c r="GN4" s="537"/>
      <c r="GO4" s="537"/>
      <c r="GP4" s="537"/>
      <c r="GQ4" s="537"/>
      <c r="GR4" s="538"/>
      <c r="GS4" s="536" t="s">
        <v>79</v>
      </c>
      <c r="GT4" s="537"/>
      <c r="GU4" s="537"/>
      <c r="GV4" s="537"/>
      <c r="GW4" s="537"/>
      <c r="GX4" s="537"/>
      <c r="GY4" s="537"/>
      <c r="GZ4" s="537"/>
      <c r="HA4" s="537"/>
      <c r="HB4" s="537"/>
      <c r="HC4" s="538"/>
      <c r="HD4" s="536" t="s">
        <v>148</v>
      </c>
      <c r="HE4" s="537"/>
      <c r="HF4" s="537"/>
      <c r="HG4" s="537"/>
      <c r="HH4" s="537"/>
      <c r="HI4" s="537"/>
      <c r="HJ4" s="537"/>
      <c r="HK4" s="537"/>
      <c r="HL4" s="537"/>
      <c r="HM4" s="537"/>
      <c r="HN4" s="538"/>
      <c r="HO4" s="556"/>
      <c r="HP4" s="557"/>
      <c r="HQ4" s="557"/>
      <c r="HR4" s="557"/>
      <c r="HS4" s="557"/>
      <c r="HT4" s="557"/>
      <c r="HU4" s="557"/>
      <c r="HV4" s="557"/>
      <c r="HW4" s="557"/>
      <c r="HX4" s="557"/>
      <c r="HY4" s="558"/>
    </row>
    <row r="5" spans="2:233" ht="21" customHeight="1" x14ac:dyDescent="0.2">
      <c r="B5" s="560"/>
      <c r="C5" s="512" t="s">
        <v>61</v>
      </c>
      <c r="D5" s="513"/>
      <c r="E5" s="514"/>
      <c r="F5" s="561" t="s">
        <v>62</v>
      </c>
      <c r="G5" s="513"/>
      <c r="H5" s="513"/>
      <c r="I5" s="513"/>
      <c r="J5" s="513"/>
      <c r="K5" s="513"/>
      <c r="L5" s="562"/>
      <c r="M5" s="563" t="s">
        <v>52</v>
      </c>
      <c r="N5" s="520" t="s">
        <v>61</v>
      </c>
      <c r="O5" s="521"/>
      <c r="P5" s="522"/>
      <c r="Q5" s="543" t="s">
        <v>62</v>
      </c>
      <c r="R5" s="521"/>
      <c r="S5" s="521"/>
      <c r="T5" s="521"/>
      <c r="U5" s="521"/>
      <c r="V5" s="521"/>
      <c r="W5" s="544"/>
      <c r="X5" s="433" t="s">
        <v>52</v>
      </c>
      <c r="Y5" s="520" t="s">
        <v>61</v>
      </c>
      <c r="Z5" s="521"/>
      <c r="AA5" s="522"/>
      <c r="AB5" s="543" t="s">
        <v>62</v>
      </c>
      <c r="AC5" s="521"/>
      <c r="AD5" s="521"/>
      <c r="AE5" s="521"/>
      <c r="AF5" s="521"/>
      <c r="AG5" s="521"/>
      <c r="AH5" s="544"/>
      <c r="AI5" s="433" t="s">
        <v>52</v>
      </c>
      <c r="AJ5" s="520" t="s">
        <v>61</v>
      </c>
      <c r="AK5" s="521"/>
      <c r="AL5" s="522"/>
      <c r="AM5" s="543" t="s">
        <v>62</v>
      </c>
      <c r="AN5" s="521"/>
      <c r="AO5" s="521"/>
      <c r="AP5" s="521"/>
      <c r="AQ5" s="521"/>
      <c r="AR5" s="521"/>
      <c r="AS5" s="544"/>
      <c r="AT5" s="433" t="s">
        <v>52</v>
      </c>
      <c r="AU5" s="520" t="s">
        <v>61</v>
      </c>
      <c r="AV5" s="521"/>
      <c r="AW5" s="522"/>
      <c r="AX5" s="543" t="s">
        <v>62</v>
      </c>
      <c r="AY5" s="521"/>
      <c r="AZ5" s="521"/>
      <c r="BA5" s="521"/>
      <c r="BB5" s="521"/>
      <c r="BC5" s="521"/>
      <c r="BD5" s="544"/>
      <c r="BE5" s="433" t="s">
        <v>52</v>
      </c>
      <c r="BF5" s="520" t="s">
        <v>61</v>
      </c>
      <c r="BG5" s="521"/>
      <c r="BH5" s="522"/>
      <c r="BI5" s="543" t="s">
        <v>62</v>
      </c>
      <c r="BJ5" s="521"/>
      <c r="BK5" s="521"/>
      <c r="BL5" s="521"/>
      <c r="BM5" s="521"/>
      <c r="BN5" s="521"/>
      <c r="BO5" s="544"/>
      <c r="BP5" s="433" t="s">
        <v>52</v>
      </c>
      <c r="BQ5" s="520" t="s">
        <v>61</v>
      </c>
      <c r="BR5" s="521"/>
      <c r="BS5" s="522"/>
      <c r="BT5" s="543" t="s">
        <v>62</v>
      </c>
      <c r="BU5" s="521"/>
      <c r="BV5" s="521"/>
      <c r="BW5" s="521"/>
      <c r="BX5" s="521"/>
      <c r="BY5" s="521"/>
      <c r="BZ5" s="544"/>
      <c r="CA5" s="433" t="s">
        <v>52</v>
      </c>
      <c r="CB5" s="520" t="s">
        <v>61</v>
      </c>
      <c r="CC5" s="521"/>
      <c r="CD5" s="522"/>
      <c r="CE5" s="543" t="s">
        <v>62</v>
      </c>
      <c r="CF5" s="521"/>
      <c r="CG5" s="521"/>
      <c r="CH5" s="521"/>
      <c r="CI5" s="521"/>
      <c r="CJ5" s="521"/>
      <c r="CK5" s="544"/>
      <c r="CL5" s="433" t="s">
        <v>52</v>
      </c>
      <c r="CM5" s="520" t="s">
        <v>61</v>
      </c>
      <c r="CN5" s="521"/>
      <c r="CO5" s="522"/>
      <c r="CP5" s="543" t="s">
        <v>62</v>
      </c>
      <c r="CQ5" s="521"/>
      <c r="CR5" s="521"/>
      <c r="CS5" s="521"/>
      <c r="CT5" s="521"/>
      <c r="CU5" s="521"/>
      <c r="CV5" s="544"/>
      <c r="CW5" s="433" t="s">
        <v>52</v>
      </c>
      <c r="CX5" s="520" t="s">
        <v>61</v>
      </c>
      <c r="CY5" s="521"/>
      <c r="CZ5" s="522"/>
      <c r="DA5" s="543" t="s">
        <v>62</v>
      </c>
      <c r="DB5" s="521"/>
      <c r="DC5" s="521"/>
      <c r="DD5" s="521"/>
      <c r="DE5" s="521"/>
      <c r="DF5" s="521"/>
      <c r="DG5" s="544"/>
      <c r="DH5" s="433" t="s">
        <v>52</v>
      </c>
      <c r="DI5" s="512" t="s">
        <v>61</v>
      </c>
      <c r="DJ5" s="513"/>
      <c r="DK5" s="514"/>
      <c r="DL5" s="561" t="s">
        <v>62</v>
      </c>
      <c r="DM5" s="513"/>
      <c r="DN5" s="513"/>
      <c r="DO5" s="513"/>
      <c r="DP5" s="513"/>
      <c r="DQ5" s="513"/>
      <c r="DR5" s="562"/>
      <c r="DS5" s="516" t="s">
        <v>52</v>
      </c>
      <c r="DT5" s="520" t="s">
        <v>61</v>
      </c>
      <c r="DU5" s="521"/>
      <c r="DV5" s="522"/>
      <c r="DW5" s="543" t="s">
        <v>62</v>
      </c>
      <c r="DX5" s="521"/>
      <c r="DY5" s="521"/>
      <c r="DZ5" s="521"/>
      <c r="EA5" s="521"/>
      <c r="EB5" s="521"/>
      <c r="EC5" s="544"/>
      <c r="ED5" s="433" t="s">
        <v>52</v>
      </c>
      <c r="EE5" s="520" t="s">
        <v>61</v>
      </c>
      <c r="EF5" s="521"/>
      <c r="EG5" s="522"/>
      <c r="EH5" s="543" t="s">
        <v>62</v>
      </c>
      <c r="EI5" s="521"/>
      <c r="EJ5" s="521"/>
      <c r="EK5" s="521"/>
      <c r="EL5" s="521"/>
      <c r="EM5" s="521"/>
      <c r="EN5" s="544"/>
      <c r="EO5" s="433" t="s">
        <v>52</v>
      </c>
      <c r="EP5" s="520" t="s">
        <v>61</v>
      </c>
      <c r="EQ5" s="521"/>
      <c r="ER5" s="522"/>
      <c r="ES5" s="543" t="s">
        <v>62</v>
      </c>
      <c r="ET5" s="521"/>
      <c r="EU5" s="521"/>
      <c r="EV5" s="521"/>
      <c r="EW5" s="521"/>
      <c r="EX5" s="521"/>
      <c r="EY5" s="544"/>
      <c r="EZ5" s="433" t="s">
        <v>52</v>
      </c>
      <c r="FA5" s="520" t="s">
        <v>61</v>
      </c>
      <c r="FB5" s="521"/>
      <c r="FC5" s="522"/>
      <c r="FD5" s="543" t="s">
        <v>62</v>
      </c>
      <c r="FE5" s="521"/>
      <c r="FF5" s="521"/>
      <c r="FG5" s="521"/>
      <c r="FH5" s="521"/>
      <c r="FI5" s="521"/>
      <c r="FJ5" s="544"/>
      <c r="FK5" s="433" t="s">
        <v>52</v>
      </c>
      <c r="FL5" s="520" t="s">
        <v>61</v>
      </c>
      <c r="FM5" s="521"/>
      <c r="FN5" s="522"/>
      <c r="FO5" s="543" t="s">
        <v>62</v>
      </c>
      <c r="FP5" s="521"/>
      <c r="FQ5" s="521"/>
      <c r="FR5" s="521"/>
      <c r="FS5" s="521"/>
      <c r="FT5" s="521"/>
      <c r="FU5" s="544"/>
      <c r="FV5" s="433" t="s">
        <v>52</v>
      </c>
      <c r="FW5" s="520" t="s">
        <v>61</v>
      </c>
      <c r="FX5" s="521"/>
      <c r="FY5" s="522"/>
      <c r="FZ5" s="543" t="s">
        <v>62</v>
      </c>
      <c r="GA5" s="521"/>
      <c r="GB5" s="521"/>
      <c r="GC5" s="521"/>
      <c r="GD5" s="521"/>
      <c r="GE5" s="521"/>
      <c r="GF5" s="544"/>
      <c r="GG5" s="433" t="s">
        <v>52</v>
      </c>
      <c r="GH5" s="520" t="s">
        <v>61</v>
      </c>
      <c r="GI5" s="521"/>
      <c r="GJ5" s="522"/>
      <c r="GK5" s="543" t="s">
        <v>62</v>
      </c>
      <c r="GL5" s="521"/>
      <c r="GM5" s="521"/>
      <c r="GN5" s="521"/>
      <c r="GO5" s="521"/>
      <c r="GP5" s="521"/>
      <c r="GQ5" s="544"/>
      <c r="GR5" s="433" t="s">
        <v>52</v>
      </c>
      <c r="GS5" s="520" t="s">
        <v>61</v>
      </c>
      <c r="GT5" s="521"/>
      <c r="GU5" s="522"/>
      <c r="GV5" s="543" t="s">
        <v>62</v>
      </c>
      <c r="GW5" s="521"/>
      <c r="GX5" s="521"/>
      <c r="GY5" s="521"/>
      <c r="GZ5" s="521"/>
      <c r="HA5" s="521"/>
      <c r="HB5" s="544"/>
      <c r="HC5" s="433" t="s">
        <v>52</v>
      </c>
      <c r="HD5" s="520" t="s">
        <v>61</v>
      </c>
      <c r="HE5" s="521"/>
      <c r="HF5" s="522"/>
      <c r="HG5" s="543" t="s">
        <v>62</v>
      </c>
      <c r="HH5" s="521"/>
      <c r="HI5" s="521"/>
      <c r="HJ5" s="521"/>
      <c r="HK5" s="521"/>
      <c r="HL5" s="521"/>
      <c r="HM5" s="544"/>
      <c r="HN5" s="433" t="s">
        <v>52</v>
      </c>
      <c r="HO5" s="520" t="s">
        <v>61</v>
      </c>
      <c r="HP5" s="521"/>
      <c r="HQ5" s="522"/>
      <c r="HR5" s="543" t="s">
        <v>62</v>
      </c>
      <c r="HS5" s="521"/>
      <c r="HT5" s="521"/>
      <c r="HU5" s="521"/>
      <c r="HV5" s="521"/>
      <c r="HW5" s="521"/>
      <c r="HX5" s="544"/>
      <c r="HY5" s="433" t="s">
        <v>52</v>
      </c>
    </row>
    <row r="6" spans="2:233" ht="30" customHeight="1" thickBot="1" x14ac:dyDescent="0.25">
      <c r="B6" s="580"/>
      <c r="C6" s="73" t="s">
        <v>118</v>
      </c>
      <c r="D6" s="74" t="s">
        <v>44</v>
      </c>
      <c r="E6" s="250" t="s">
        <v>45</v>
      </c>
      <c r="F6" s="76" t="s">
        <v>83</v>
      </c>
      <c r="G6" s="74" t="s">
        <v>47</v>
      </c>
      <c r="H6" s="74" t="s">
        <v>48</v>
      </c>
      <c r="I6" s="74" t="s">
        <v>49</v>
      </c>
      <c r="J6" s="74" t="s">
        <v>50</v>
      </c>
      <c r="K6" s="74" t="s">
        <v>51</v>
      </c>
      <c r="L6" s="75" t="s">
        <v>45</v>
      </c>
      <c r="M6" s="532"/>
      <c r="N6" s="73" t="s">
        <v>118</v>
      </c>
      <c r="O6" s="74" t="s">
        <v>44</v>
      </c>
      <c r="P6" s="250" t="s">
        <v>45</v>
      </c>
      <c r="Q6" s="76" t="s">
        <v>83</v>
      </c>
      <c r="R6" s="74" t="s">
        <v>47</v>
      </c>
      <c r="S6" s="74" t="s">
        <v>48</v>
      </c>
      <c r="T6" s="74" t="s">
        <v>49</v>
      </c>
      <c r="U6" s="74" t="s">
        <v>50</v>
      </c>
      <c r="V6" s="74" t="s">
        <v>51</v>
      </c>
      <c r="W6" s="75" t="s">
        <v>45</v>
      </c>
      <c r="X6" s="532"/>
      <c r="Y6" s="73" t="s">
        <v>118</v>
      </c>
      <c r="Z6" s="74" t="s">
        <v>44</v>
      </c>
      <c r="AA6" s="250" t="s">
        <v>45</v>
      </c>
      <c r="AB6" s="76" t="s">
        <v>83</v>
      </c>
      <c r="AC6" s="74" t="s">
        <v>47</v>
      </c>
      <c r="AD6" s="74" t="s">
        <v>48</v>
      </c>
      <c r="AE6" s="74" t="s">
        <v>49</v>
      </c>
      <c r="AF6" s="74" t="s">
        <v>50</v>
      </c>
      <c r="AG6" s="74" t="s">
        <v>51</v>
      </c>
      <c r="AH6" s="75" t="s">
        <v>45</v>
      </c>
      <c r="AI6" s="532"/>
      <c r="AJ6" s="73" t="s">
        <v>118</v>
      </c>
      <c r="AK6" s="74" t="s">
        <v>44</v>
      </c>
      <c r="AL6" s="250" t="s">
        <v>45</v>
      </c>
      <c r="AM6" s="76" t="s">
        <v>83</v>
      </c>
      <c r="AN6" s="74" t="s">
        <v>47</v>
      </c>
      <c r="AO6" s="74" t="s">
        <v>48</v>
      </c>
      <c r="AP6" s="74" t="s">
        <v>49</v>
      </c>
      <c r="AQ6" s="74" t="s">
        <v>50</v>
      </c>
      <c r="AR6" s="74" t="s">
        <v>51</v>
      </c>
      <c r="AS6" s="75" t="s">
        <v>45</v>
      </c>
      <c r="AT6" s="532"/>
      <c r="AU6" s="73" t="s">
        <v>118</v>
      </c>
      <c r="AV6" s="74" t="s">
        <v>44</v>
      </c>
      <c r="AW6" s="250" t="s">
        <v>45</v>
      </c>
      <c r="AX6" s="76" t="s">
        <v>83</v>
      </c>
      <c r="AY6" s="74" t="s">
        <v>47</v>
      </c>
      <c r="AZ6" s="74" t="s">
        <v>48</v>
      </c>
      <c r="BA6" s="74" t="s">
        <v>49</v>
      </c>
      <c r="BB6" s="74" t="s">
        <v>50</v>
      </c>
      <c r="BC6" s="74" t="s">
        <v>51</v>
      </c>
      <c r="BD6" s="75" t="s">
        <v>45</v>
      </c>
      <c r="BE6" s="532"/>
      <c r="BF6" s="73" t="s">
        <v>118</v>
      </c>
      <c r="BG6" s="74" t="s">
        <v>44</v>
      </c>
      <c r="BH6" s="250" t="s">
        <v>45</v>
      </c>
      <c r="BI6" s="76" t="s">
        <v>83</v>
      </c>
      <c r="BJ6" s="74" t="s">
        <v>47</v>
      </c>
      <c r="BK6" s="74" t="s">
        <v>48</v>
      </c>
      <c r="BL6" s="74" t="s">
        <v>49</v>
      </c>
      <c r="BM6" s="74" t="s">
        <v>50</v>
      </c>
      <c r="BN6" s="74" t="s">
        <v>51</v>
      </c>
      <c r="BO6" s="75" t="s">
        <v>45</v>
      </c>
      <c r="BP6" s="532"/>
      <c r="BQ6" s="73" t="s">
        <v>118</v>
      </c>
      <c r="BR6" s="74" t="s">
        <v>44</v>
      </c>
      <c r="BS6" s="250" t="s">
        <v>45</v>
      </c>
      <c r="BT6" s="76" t="s">
        <v>83</v>
      </c>
      <c r="BU6" s="74" t="s">
        <v>47</v>
      </c>
      <c r="BV6" s="74" t="s">
        <v>48</v>
      </c>
      <c r="BW6" s="74" t="s">
        <v>49</v>
      </c>
      <c r="BX6" s="74" t="s">
        <v>50</v>
      </c>
      <c r="BY6" s="74" t="s">
        <v>51</v>
      </c>
      <c r="BZ6" s="75" t="s">
        <v>45</v>
      </c>
      <c r="CA6" s="532"/>
      <c r="CB6" s="73" t="s">
        <v>118</v>
      </c>
      <c r="CC6" s="74" t="s">
        <v>44</v>
      </c>
      <c r="CD6" s="250" t="s">
        <v>45</v>
      </c>
      <c r="CE6" s="76" t="s">
        <v>83</v>
      </c>
      <c r="CF6" s="74" t="s">
        <v>47</v>
      </c>
      <c r="CG6" s="74" t="s">
        <v>48</v>
      </c>
      <c r="CH6" s="74" t="s">
        <v>49</v>
      </c>
      <c r="CI6" s="74" t="s">
        <v>50</v>
      </c>
      <c r="CJ6" s="74" t="s">
        <v>51</v>
      </c>
      <c r="CK6" s="75" t="s">
        <v>45</v>
      </c>
      <c r="CL6" s="532"/>
      <c r="CM6" s="73" t="s">
        <v>118</v>
      </c>
      <c r="CN6" s="74" t="s">
        <v>44</v>
      </c>
      <c r="CO6" s="250" t="s">
        <v>45</v>
      </c>
      <c r="CP6" s="76" t="s">
        <v>83</v>
      </c>
      <c r="CQ6" s="74" t="s">
        <v>47</v>
      </c>
      <c r="CR6" s="74" t="s">
        <v>48</v>
      </c>
      <c r="CS6" s="74" t="s">
        <v>49</v>
      </c>
      <c r="CT6" s="74" t="s">
        <v>50</v>
      </c>
      <c r="CU6" s="74" t="s">
        <v>51</v>
      </c>
      <c r="CV6" s="75" t="s">
        <v>45</v>
      </c>
      <c r="CW6" s="532"/>
      <c r="CX6" s="73" t="s">
        <v>118</v>
      </c>
      <c r="CY6" s="74" t="s">
        <v>44</v>
      </c>
      <c r="CZ6" s="250" t="s">
        <v>45</v>
      </c>
      <c r="DA6" s="76" t="s">
        <v>83</v>
      </c>
      <c r="DB6" s="74" t="s">
        <v>47</v>
      </c>
      <c r="DC6" s="74" t="s">
        <v>48</v>
      </c>
      <c r="DD6" s="74" t="s">
        <v>49</v>
      </c>
      <c r="DE6" s="74" t="s">
        <v>50</v>
      </c>
      <c r="DF6" s="74" t="s">
        <v>51</v>
      </c>
      <c r="DG6" s="75" t="s">
        <v>45</v>
      </c>
      <c r="DH6" s="532"/>
      <c r="DI6" s="73" t="s">
        <v>118</v>
      </c>
      <c r="DJ6" s="74" t="s">
        <v>44</v>
      </c>
      <c r="DK6" s="250" t="s">
        <v>45</v>
      </c>
      <c r="DL6" s="76" t="s">
        <v>83</v>
      </c>
      <c r="DM6" s="74" t="s">
        <v>47</v>
      </c>
      <c r="DN6" s="74" t="s">
        <v>48</v>
      </c>
      <c r="DO6" s="74" t="s">
        <v>49</v>
      </c>
      <c r="DP6" s="74" t="s">
        <v>50</v>
      </c>
      <c r="DQ6" s="74" t="s">
        <v>51</v>
      </c>
      <c r="DR6" s="75" t="s">
        <v>45</v>
      </c>
      <c r="DS6" s="566"/>
      <c r="DT6" s="73" t="s">
        <v>118</v>
      </c>
      <c r="DU6" s="74" t="s">
        <v>44</v>
      </c>
      <c r="DV6" s="250" t="s">
        <v>45</v>
      </c>
      <c r="DW6" s="76" t="s">
        <v>83</v>
      </c>
      <c r="DX6" s="74" t="s">
        <v>47</v>
      </c>
      <c r="DY6" s="74" t="s">
        <v>48</v>
      </c>
      <c r="DZ6" s="74" t="s">
        <v>49</v>
      </c>
      <c r="EA6" s="74" t="s">
        <v>50</v>
      </c>
      <c r="EB6" s="74" t="s">
        <v>51</v>
      </c>
      <c r="EC6" s="75" t="s">
        <v>45</v>
      </c>
      <c r="ED6" s="532"/>
      <c r="EE6" s="73" t="s">
        <v>118</v>
      </c>
      <c r="EF6" s="74" t="s">
        <v>44</v>
      </c>
      <c r="EG6" s="250" t="s">
        <v>45</v>
      </c>
      <c r="EH6" s="76" t="s">
        <v>83</v>
      </c>
      <c r="EI6" s="74" t="s">
        <v>47</v>
      </c>
      <c r="EJ6" s="74" t="s">
        <v>48</v>
      </c>
      <c r="EK6" s="74" t="s">
        <v>49</v>
      </c>
      <c r="EL6" s="74" t="s">
        <v>50</v>
      </c>
      <c r="EM6" s="74" t="s">
        <v>51</v>
      </c>
      <c r="EN6" s="75" t="s">
        <v>45</v>
      </c>
      <c r="EO6" s="532"/>
      <c r="EP6" s="73" t="s">
        <v>118</v>
      </c>
      <c r="EQ6" s="74" t="s">
        <v>44</v>
      </c>
      <c r="ER6" s="250" t="s">
        <v>45</v>
      </c>
      <c r="ES6" s="76" t="s">
        <v>83</v>
      </c>
      <c r="ET6" s="74" t="s">
        <v>47</v>
      </c>
      <c r="EU6" s="74" t="s">
        <v>48</v>
      </c>
      <c r="EV6" s="74" t="s">
        <v>49</v>
      </c>
      <c r="EW6" s="74" t="s">
        <v>50</v>
      </c>
      <c r="EX6" s="74" t="s">
        <v>51</v>
      </c>
      <c r="EY6" s="75" t="s">
        <v>45</v>
      </c>
      <c r="EZ6" s="532"/>
      <c r="FA6" s="73" t="s">
        <v>118</v>
      </c>
      <c r="FB6" s="74" t="s">
        <v>44</v>
      </c>
      <c r="FC6" s="250" t="s">
        <v>45</v>
      </c>
      <c r="FD6" s="76" t="s">
        <v>83</v>
      </c>
      <c r="FE6" s="74" t="s">
        <v>47</v>
      </c>
      <c r="FF6" s="74" t="s">
        <v>48</v>
      </c>
      <c r="FG6" s="74" t="s">
        <v>49</v>
      </c>
      <c r="FH6" s="74" t="s">
        <v>50</v>
      </c>
      <c r="FI6" s="74" t="s">
        <v>51</v>
      </c>
      <c r="FJ6" s="75" t="s">
        <v>45</v>
      </c>
      <c r="FK6" s="532"/>
      <c r="FL6" s="73" t="s">
        <v>118</v>
      </c>
      <c r="FM6" s="74" t="s">
        <v>44</v>
      </c>
      <c r="FN6" s="250" t="s">
        <v>45</v>
      </c>
      <c r="FO6" s="76" t="s">
        <v>83</v>
      </c>
      <c r="FP6" s="74" t="s">
        <v>47</v>
      </c>
      <c r="FQ6" s="74" t="s">
        <v>48</v>
      </c>
      <c r="FR6" s="74" t="s">
        <v>49</v>
      </c>
      <c r="FS6" s="74" t="s">
        <v>50</v>
      </c>
      <c r="FT6" s="74" t="s">
        <v>51</v>
      </c>
      <c r="FU6" s="75" t="s">
        <v>45</v>
      </c>
      <c r="FV6" s="532"/>
      <c r="FW6" s="73" t="s">
        <v>118</v>
      </c>
      <c r="FX6" s="74" t="s">
        <v>44</v>
      </c>
      <c r="FY6" s="250" t="s">
        <v>45</v>
      </c>
      <c r="FZ6" s="76" t="s">
        <v>83</v>
      </c>
      <c r="GA6" s="74" t="s">
        <v>47</v>
      </c>
      <c r="GB6" s="74" t="s">
        <v>48</v>
      </c>
      <c r="GC6" s="74" t="s">
        <v>49</v>
      </c>
      <c r="GD6" s="74" t="s">
        <v>50</v>
      </c>
      <c r="GE6" s="74" t="s">
        <v>51</v>
      </c>
      <c r="GF6" s="75" t="s">
        <v>45</v>
      </c>
      <c r="GG6" s="532"/>
      <c r="GH6" s="73" t="s">
        <v>118</v>
      </c>
      <c r="GI6" s="74" t="s">
        <v>44</v>
      </c>
      <c r="GJ6" s="250" t="s">
        <v>45</v>
      </c>
      <c r="GK6" s="76" t="s">
        <v>83</v>
      </c>
      <c r="GL6" s="74" t="s">
        <v>47</v>
      </c>
      <c r="GM6" s="74" t="s">
        <v>48</v>
      </c>
      <c r="GN6" s="74" t="s">
        <v>49</v>
      </c>
      <c r="GO6" s="74" t="s">
        <v>50</v>
      </c>
      <c r="GP6" s="74" t="s">
        <v>51</v>
      </c>
      <c r="GQ6" s="75" t="s">
        <v>45</v>
      </c>
      <c r="GR6" s="532"/>
      <c r="GS6" s="73" t="s">
        <v>118</v>
      </c>
      <c r="GT6" s="74" t="s">
        <v>44</v>
      </c>
      <c r="GU6" s="250" t="s">
        <v>45</v>
      </c>
      <c r="GV6" s="76" t="s">
        <v>83</v>
      </c>
      <c r="GW6" s="74" t="s">
        <v>47</v>
      </c>
      <c r="GX6" s="74" t="s">
        <v>48</v>
      </c>
      <c r="GY6" s="74" t="s">
        <v>49</v>
      </c>
      <c r="GZ6" s="74" t="s">
        <v>50</v>
      </c>
      <c r="HA6" s="74" t="s">
        <v>51</v>
      </c>
      <c r="HB6" s="75" t="s">
        <v>45</v>
      </c>
      <c r="HC6" s="532"/>
      <c r="HD6" s="73" t="s">
        <v>118</v>
      </c>
      <c r="HE6" s="74" t="s">
        <v>44</v>
      </c>
      <c r="HF6" s="250" t="s">
        <v>45</v>
      </c>
      <c r="HG6" s="76" t="s">
        <v>83</v>
      </c>
      <c r="HH6" s="74" t="s">
        <v>47</v>
      </c>
      <c r="HI6" s="74" t="s">
        <v>48</v>
      </c>
      <c r="HJ6" s="74" t="s">
        <v>49</v>
      </c>
      <c r="HK6" s="74" t="s">
        <v>50</v>
      </c>
      <c r="HL6" s="74" t="s">
        <v>51</v>
      </c>
      <c r="HM6" s="75" t="s">
        <v>45</v>
      </c>
      <c r="HN6" s="532"/>
      <c r="HO6" s="73" t="s">
        <v>118</v>
      </c>
      <c r="HP6" s="74" t="s">
        <v>44</v>
      </c>
      <c r="HQ6" s="250" t="s">
        <v>45</v>
      </c>
      <c r="HR6" s="76" t="s">
        <v>83</v>
      </c>
      <c r="HS6" s="74" t="s">
        <v>47</v>
      </c>
      <c r="HT6" s="74" t="s">
        <v>48</v>
      </c>
      <c r="HU6" s="74" t="s">
        <v>49</v>
      </c>
      <c r="HV6" s="74" t="s">
        <v>50</v>
      </c>
      <c r="HW6" s="74" t="s">
        <v>51</v>
      </c>
      <c r="HX6" s="75" t="s">
        <v>45</v>
      </c>
      <c r="HY6" s="532"/>
    </row>
    <row r="7" spans="2:233" s="294" customFormat="1" ht="21" customHeight="1" x14ac:dyDescent="0.2">
      <c r="B7" s="84" t="s">
        <v>4</v>
      </c>
      <c r="C7" s="49">
        <v>4615</v>
      </c>
      <c r="D7" s="50">
        <v>119737</v>
      </c>
      <c r="E7" s="51">
        <v>124352</v>
      </c>
      <c r="F7" s="52">
        <v>0</v>
      </c>
      <c r="G7" s="50">
        <v>17050260</v>
      </c>
      <c r="H7" s="50">
        <v>39199794</v>
      </c>
      <c r="I7" s="50">
        <v>116598451</v>
      </c>
      <c r="J7" s="50">
        <v>153461021</v>
      </c>
      <c r="K7" s="50">
        <v>87548248</v>
      </c>
      <c r="L7" s="53">
        <v>413857774</v>
      </c>
      <c r="M7" s="54">
        <v>413982126</v>
      </c>
      <c r="N7" s="49">
        <v>0</v>
      </c>
      <c r="O7" s="50">
        <v>0</v>
      </c>
      <c r="P7" s="51">
        <v>0</v>
      </c>
      <c r="Q7" s="402">
        <v>0</v>
      </c>
      <c r="R7" s="50">
        <v>4469578</v>
      </c>
      <c r="S7" s="50">
        <v>15073026</v>
      </c>
      <c r="T7" s="50">
        <v>80914581</v>
      </c>
      <c r="U7" s="50">
        <v>112742152</v>
      </c>
      <c r="V7" s="50">
        <v>67378775</v>
      </c>
      <c r="W7" s="53">
        <v>280578112</v>
      </c>
      <c r="X7" s="54">
        <v>280578112</v>
      </c>
      <c r="Y7" s="49">
        <v>0</v>
      </c>
      <c r="Z7" s="50">
        <v>0</v>
      </c>
      <c r="AA7" s="51">
        <v>0</v>
      </c>
      <c r="AB7" s="402">
        <v>0</v>
      </c>
      <c r="AC7" s="50">
        <v>10317063</v>
      </c>
      <c r="AD7" s="50">
        <v>19923885</v>
      </c>
      <c r="AE7" s="50">
        <v>25363016</v>
      </c>
      <c r="AF7" s="50">
        <v>30080364</v>
      </c>
      <c r="AG7" s="50">
        <v>12975446</v>
      </c>
      <c r="AH7" s="53">
        <v>98659774</v>
      </c>
      <c r="AI7" s="54">
        <v>98659774</v>
      </c>
      <c r="AJ7" s="49">
        <v>0</v>
      </c>
      <c r="AK7" s="50">
        <v>0</v>
      </c>
      <c r="AL7" s="51">
        <v>0</v>
      </c>
      <c r="AM7" s="402">
        <v>0</v>
      </c>
      <c r="AN7" s="50">
        <v>0</v>
      </c>
      <c r="AO7" s="50">
        <v>0</v>
      </c>
      <c r="AP7" s="50">
        <v>0</v>
      </c>
      <c r="AQ7" s="50">
        <v>0</v>
      </c>
      <c r="AR7" s="50">
        <v>0</v>
      </c>
      <c r="AS7" s="53">
        <v>0</v>
      </c>
      <c r="AT7" s="54">
        <v>0</v>
      </c>
      <c r="AU7" s="49">
        <v>0</v>
      </c>
      <c r="AV7" s="50">
        <v>0</v>
      </c>
      <c r="AW7" s="51">
        <v>0</v>
      </c>
      <c r="AX7" s="402">
        <v>0</v>
      </c>
      <c r="AY7" s="50">
        <v>317505</v>
      </c>
      <c r="AZ7" s="50">
        <v>234360</v>
      </c>
      <c r="BA7" s="50">
        <v>337690</v>
      </c>
      <c r="BB7" s="50">
        <v>2567650</v>
      </c>
      <c r="BC7" s="50">
        <v>2613240</v>
      </c>
      <c r="BD7" s="53">
        <v>6070445</v>
      </c>
      <c r="BE7" s="54">
        <v>6070445</v>
      </c>
      <c r="BF7" s="49">
        <v>0</v>
      </c>
      <c r="BG7" s="50">
        <v>0</v>
      </c>
      <c r="BH7" s="51">
        <v>0</v>
      </c>
      <c r="BI7" s="402">
        <v>0</v>
      </c>
      <c r="BJ7" s="50">
        <v>68045</v>
      </c>
      <c r="BK7" s="50">
        <v>188595</v>
      </c>
      <c r="BL7" s="50">
        <v>1403715</v>
      </c>
      <c r="BM7" s="50">
        <v>1964170</v>
      </c>
      <c r="BN7" s="50">
        <v>1208140</v>
      </c>
      <c r="BO7" s="53">
        <v>4832665</v>
      </c>
      <c r="BP7" s="54">
        <v>4832665</v>
      </c>
      <c r="BQ7" s="49">
        <v>4615</v>
      </c>
      <c r="BR7" s="50">
        <v>119592</v>
      </c>
      <c r="BS7" s="51">
        <v>124207</v>
      </c>
      <c r="BT7" s="52">
        <v>0</v>
      </c>
      <c r="BU7" s="50">
        <v>1810657</v>
      </c>
      <c r="BV7" s="50">
        <v>3537364</v>
      </c>
      <c r="BW7" s="50">
        <v>8219463</v>
      </c>
      <c r="BX7" s="50">
        <v>5741211</v>
      </c>
      <c r="BY7" s="50">
        <v>3158957</v>
      </c>
      <c r="BZ7" s="53">
        <v>22467652</v>
      </c>
      <c r="CA7" s="54">
        <v>22591859</v>
      </c>
      <c r="CB7" s="49">
        <v>0</v>
      </c>
      <c r="CC7" s="50">
        <v>145</v>
      </c>
      <c r="CD7" s="51">
        <v>145</v>
      </c>
      <c r="CE7" s="52">
        <v>0</v>
      </c>
      <c r="CF7" s="50">
        <v>67412</v>
      </c>
      <c r="CG7" s="50">
        <v>242564</v>
      </c>
      <c r="CH7" s="50">
        <v>359986</v>
      </c>
      <c r="CI7" s="50">
        <v>365474</v>
      </c>
      <c r="CJ7" s="50">
        <v>213690</v>
      </c>
      <c r="CK7" s="53">
        <v>1249126</v>
      </c>
      <c r="CL7" s="54">
        <v>1249271</v>
      </c>
      <c r="CM7" s="49">
        <v>0</v>
      </c>
      <c r="CN7" s="50">
        <v>0</v>
      </c>
      <c r="CO7" s="51">
        <v>0</v>
      </c>
      <c r="CP7" s="52">
        <v>0</v>
      </c>
      <c r="CQ7" s="50">
        <v>0</v>
      </c>
      <c r="CR7" s="50">
        <v>0</v>
      </c>
      <c r="CS7" s="50">
        <v>0</v>
      </c>
      <c r="CT7" s="50">
        <v>0</v>
      </c>
      <c r="CU7" s="50">
        <v>0</v>
      </c>
      <c r="CV7" s="53">
        <v>0</v>
      </c>
      <c r="CW7" s="54">
        <v>0</v>
      </c>
      <c r="CX7" s="49">
        <v>0</v>
      </c>
      <c r="CY7" s="50">
        <v>0</v>
      </c>
      <c r="CZ7" s="51">
        <v>0</v>
      </c>
      <c r="DA7" s="402">
        <v>0</v>
      </c>
      <c r="DB7" s="50">
        <v>0</v>
      </c>
      <c r="DC7" s="50">
        <v>0</v>
      </c>
      <c r="DD7" s="50">
        <v>0</v>
      </c>
      <c r="DE7" s="50">
        <v>0</v>
      </c>
      <c r="DF7" s="50">
        <v>0</v>
      </c>
      <c r="DG7" s="53">
        <v>0</v>
      </c>
      <c r="DH7" s="54">
        <v>0</v>
      </c>
      <c r="DI7" s="49">
        <v>5545</v>
      </c>
      <c r="DJ7" s="50">
        <v>172768</v>
      </c>
      <c r="DK7" s="51">
        <v>178313</v>
      </c>
      <c r="DL7" s="52">
        <v>0</v>
      </c>
      <c r="DM7" s="50">
        <v>11372122</v>
      </c>
      <c r="DN7" s="50">
        <v>32629128</v>
      </c>
      <c r="DO7" s="50">
        <v>132672773</v>
      </c>
      <c r="DP7" s="50">
        <v>164856598</v>
      </c>
      <c r="DQ7" s="50">
        <v>94177518</v>
      </c>
      <c r="DR7" s="53">
        <v>435708139</v>
      </c>
      <c r="DS7" s="55">
        <v>435886452</v>
      </c>
      <c r="DT7" s="49">
        <v>0</v>
      </c>
      <c r="DU7" s="50">
        <v>0</v>
      </c>
      <c r="DV7" s="51">
        <v>0</v>
      </c>
      <c r="DW7" s="402">
        <v>0</v>
      </c>
      <c r="DX7" s="50">
        <v>6132850</v>
      </c>
      <c r="DY7" s="50">
        <v>21422272</v>
      </c>
      <c r="DZ7" s="50">
        <v>111050525</v>
      </c>
      <c r="EA7" s="50">
        <v>144945062</v>
      </c>
      <c r="EB7" s="50">
        <v>83527520</v>
      </c>
      <c r="EC7" s="53">
        <v>367078229</v>
      </c>
      <c r="ED7" s="54">
        <v>367078229</v>
      </c>
      <c r="EE7" s="49">
        <v>0</v>
      </c>
      <c r="EF7" s="50">
        <v>0</v>
      </c>
      <c r="EG7" s="51">
        <v>0</v>
      </c>
      <c r="EH7" s="402">
        <v>0</v>
      </c>
      <c r="EI7" s="50">
        <v>2335741</v>
      </c>
      <c r="EJ7" s="50">
        <v>5142324</v>
      </c>
      <c r="EK7" s="50">
        <v>6563047</v>
      </c>
      <c r="EL7" s="50">
        <v>6891184</v>
      </c>
      <c r="EM7" s="50">
        <v>3314469</v>
      </c>
      <c r="EN7" s="53">
        <v>24246765</v>
      </c>
      <c r="EO7" s="54">
        <v>24246765</v>
      </c>
      <c r="EP7" s="49">
        <v>0</v>
      </c>
      <c r="EQ7" s="50">
        <v>0</v>
      </c>
      <c r="ER7" s="51">
        <v>0</v>
      </c>
      <c r="ES7" s="402">
        <v>0</v>
      </c>
      <c r="ET7" s="50">
        <v>0</v>
      </c>
      <c r="EU7" s="50">
        <v>0</v>
      </c>
      <c r="EV7" s="50">
        <v>0</v>
      </c>
      <c r="EW7" s="50">
        <v>0</v>
      </c>
      <c r="EX7" s="50">
        <v>0</v>
      </c>
      <c r="EY7" s="53">
        <v>0</v>
      </c>
      <c r="EZ7" s="54">
        <v>0</v>
      </c>
      <c r="FA7" s="49">
        <v>0</v>
      </c>
      <c r="FB7" s="50">
        <v>0</v>
      </c>
      <c r="FC7" s="51">
        <v>0</v>
      </c>
      <c r="FD7" s="402">
        <v>0</v>
      </c>
      <c r="FE7" s="50">
        <v>68897</v>
      </c>
      <c r="FF7" s="50">
        <v>28830</v>
      </c>
      <c r="FG7" s="50">
        <v>55442</v>
      </c>
      <c r="FH7" s="50">
        <v>494333</v>
      </c>
      <c r="FI7" s="50">
        <v>487335</v>
      </c>
      <c r="FJ7" s="53">
        <v>1134837</v>
      </c>
      <c r="FK7" s="54">
        <v>1134837</v>
      </c>
      <c r="FL7" s="49">
        <v>0</v>
      </c>
      <c r="FM7" s="50">
        <v>0</v>
      </c>
      <c r="FN7" s="51">
        <v>0</v>
      </c>
      <c r="FO7" s="402">
        <v>0</v>
      </c>
      <c r="FP7" s="50">
        <v>95108</v>
      </c>
      <c r="FQ7" s="50">
        <v>319966</v>
      </c>
      <c r="FR7" s="50">
        <v>2268167</v>
      </c>
      <c r="FS7" s="50">
        <v>3295593</v>
      </c>
      <c r="FT7" s="50">
        <v>1854826</v>
      </c>
      <c r="FU7" s="53">
        <v>7833660</v>
      </c>
      <c r="FV7" s="54">
        <v>7833660</v>
      </c>
      <c r="FW7" s="49">
        <v>5545</v>
      </c>
      <c r="FX7" s="50">
        <v>172768</v>
      </c>
      <c r="FY7" s="51">
        <v>178313</v>
      </c>
      <c r="FZ7" s="52">
        <v>0</v>
      </c>
      <c r="GA7" s="50">
        <v>2708490</v>
      </c>
      <c r="GB7" s="50">
        <v>5617731</v>
      </c>
      <c r="GC7" s="50">
        <v>12543604</v>
      </c>
      <c r="GD7" s="50">
        <v>9039936</v>
      </c>
      <c r="GE7" s="50">
        <v>4801182</v>
      </c>
      <c r="GF7" s="53">
        <v>34710943</v>
      </c>
      <c r="GG7" s="54">
        <v>34889256</v>
      </c>
      <c r="GH7" s="49">
        <v>0</v>
      </c>
      <c r="GI7" s="50">
        <v>0</v>
      </c>
      <c r="GJ7" s="51">
        <v>0</v>
      </c>
      <c r="GK7" s="52">
        <v>0</v>
      </c>
      <c r="GL7" s="50">
        <v>31036</v>
      </c>
      <c r="GM7" s="50">
        <v>98005</v>
      </c>
      <c r="GN7" s="50">
        <v>191988</v>
      </c>
      <c r="GO7" s="50">
        <v>190490</v>
      </c>
      <c r="GP7" s="50">
        <v>192186</v>
      </c>
      <c r="GQ7" s="53">
        <v>703705</v>
      </c>
      <c r="GR7" s="54">
        <v>703705</v>
      </c>
      <c r="GS7" s="49">
        <v>0</v>
      </c>
      <c r="GT7" s="50">
        <v>0</v>
      </c>
      <c r="GU7" s="51">
        <v>0</v>
      </c>
      <c r="GV7" s="52">
        <v>0</v>
      </c>
      <c r="GW7" s="50">
        <v>0</v>
      </c>
      <c r="GX7" s="50">
        <v>0</v>
      </c>
      <c r="GY7" s="50">
        <v>0</v>
      </c>
      <c r="GZ7" s="50">
        <v>0</v>
      </c>
      <c r="HA7" s="50">
        <v>0</v>
      </c>
      <c r="HB7" s="53">
        <v>0</v>
      </c>
      <c r="HC7" s="54">
        <v>0</v>
      </c>
      <c r="HD7" s="49">
        <v>0</v>
      </c>
      <c r="HE7" s="50">
        <v>0</v>
      </c>
      <c r="HF7" s="51">
        <v>0</v>
      </c>
      <c r="HG7" s="402">
        <v>0</v>
      </c>
      <c r="HH7" s="50">
        <v>0</v>
      </c>
      <c r="HI7" s="50">
        <v>0</v>
      </c>
      <c r="HJ7" s="50">
        <v>0</v>
      </c>
      <c r="HK7" s="50">
        <v>0</v>
      </c>
      <c r="HL7" s="50">
        <v>0</v>
      </c>
      <c r="HM7" s="53">
        <v>0</v>
      </c>
      <c r="HN7" s="54">
        <v>0</v>
      </c>
      <c r="HO7" s="49">
        <v>10160</v>
      </c>
      <c r="HP7" s="50">
        <v>292505</v>
      </c>
      <c r="HQ7" s="51">
        <v>302665</v>
      </c>
      <c r="HR7" s="52">
        <v>0</v>
      </c>
      <c r="HS7" s="50">
        <v>28422382</v>
      </c>
      <c r="HT7" s="50">
        <v>71828922</v>
      </c>
      <c r="HU7" s="50">
        <v>249271224</v>
      </c>
      <c r="HV7" s="50">
        <v>318317619</v>
      </c>
      <c r="HW7" s="50">
        <v>181725766</v>
      </c>
      <c r="HX7" s="53">
        <v>849565913</v>
      </c>
      <c r="HY7" s="54">
        <v>849868578</v>
      </c>
    </row>
    <row r="8" spans="2:233" s="294" customFormat="1" ht="21" customHeight="1" x14ac:dyDescent="0.2">
      <c r="B8" s="95" t="s">
        <v>5</v>
      </c>
      <c r="C8" s="56">
        <v>145</v>
      </c>
      <c r="D8" s="57">
        <v>47605</v>
      </c>
      <c r="E8" s="58">
        <v>47750</v>
      </c>
      <c r="F8" s="59">
        <v>0</v>
      </c>
      <c r="G8" s="57">
        <v>6240900</v>
      </c>
      <c r="H8" s="57">
        <v>20956901</v>
      </c>
      <c r="I8" s="57">
        <v>51492002</v>
      </c>
      <c r="J8" s="57">
        <v>64734225</v>
      </c>
      <c r="K8" s="57">
        <v>38047625</v>
      </c>
      <c r="L8" s="60">
        <v>181471653</v>
      </c>
      <c r="M8" s="61">
        <v>181519403</v>
      </c>
      <c r="N8" s="56">
        <v>0</v>
      </c>
      <c r="O8" s="57">
        <v>0</v>
      </c>
      <c r="P8" s="58">
        <v>0</v>
      </c>
      <c r="Q8" s="403">
        <v>0</v>
      </c>
      <c r="R8" s="57">
        <v>2443875</v>
      </c>
      <c r="S8" s="57">
        <v>10307641</v>
      </c>
      <c r="T8" s="57">
        <v>36923858</v>
      </c>
      <c r="U8" s="57">
        <v>48709072</v>
      </c>
      <c r="V8" s="57">
        <v>29998017</v>
      </c>
      <c r="W8" s="60">
        <v>128382463</v>
      </c>
      <c r="X8" s="61">
        <v>128382463</v>
      </c>
      <c r="Y8" s="56">
        <v>0</v>
      </c>
      <c r="Z8" s="57">
        <v>0</v>
      </c>
      <c r="AA8" s="58">
        <v>0</v>
      </c>
      <c r="AB8" s="403">
        <v>0</v>
      </c>
      <c r="AC8" s="57">
        <v>3213125</v>
      </c>
      <c r="AD8" s="57">
        <v>8909849</v>
      </c>
      <c r="AE8" s="57">
        <v>10983837</v>
      </c>
      <c r="AF8" s="57">
        <v>12944363</v>
      </c>
      <c r="AG8" s="57">
        <v>5984899</v>
      </c>
      <c r="AH8" s="60">
        <v>42036073</v>
      </c>
      <c r="AI8" s="61">
        <v>42036073</v>
      </c>
      <c r="AJ8" s="56">
        <v>0</v>
      </c>
      <c r="AK8" s="57">
        <v>0</v>
      </c>
      <c r="AL8" s="58">
        <v>0</v>
      </c>
      <c r="AM8" s="403">
        <v>0</v>
      </c>
      <c r="AN8" s="57">
        <v>0</v>
      </c>
      <c r="AO8" s="57">
        <v>0</v>
      </c>
      <c r="AP8" s="57">
        <v>0</v>
      </c>
      <c r="AQ8" s="57">
        <v>0</v>
      </c>
      <c r="AR8" s="57">
        <v>0</v>
      </c>
      <c r="AS8" s="60">
        <v>0</v>
      </c>
      <c r="AT8" s="61">
        <v>0</v>
      </c>
      <c r="AU8" s="56">
        <v>0</v>
      </c>
      <c r="AV8" s="57">
        <v>0</v>
      </c>
      <c r="AW8" s="58">
        <v>0</v>
      </c>
      <c r="AX8" s="403">
        <v>0</v>
      </c>
      <c r="AY8" s="57">
        <v>24645</v>
      </c>
      <c r="AZ8" s="57">
        <v>0</v>
      </c>
      <c r="BA8" s="57">
        <v>10455</v>
      </c>
      <c r="BB8" s="57">
        <v>490235</v>
      </c>
      <c r="BC8" s="57">
        <v>450405</v>
      </c>
      <c r="BD8" s="60">
        <v>975740</v>
      </c>
      <c r="BE8" s="61">
        <v>975740</v>
      </c>
      <c r="BF8" s="56">
        <v>0</v>
      </c>
      <c r="BG8" s="57">
        <v>0</v>
      </c>
      <c r="BH8" s="58">
        <v>0</v>
      </c>
      <c r="BI8" s="403">
        <v>0</v>
      </c>
      <c r="BJ8" s="57">
        <v>35340</v>
      </c>
      <c r="BK8" s="57">
        <v>125630</v>
      </c>
      <c r="BL8" s="57">
        <v>188310</v>
      </c>
      <c r="BM8" s="57">
        <v>149280</v>
      </c>
      <c r="BN8" s="57">
        <v>305295</v>
      </c>
      <c r="BO8" s="60">
        <v>803855</v>
      </c>
      <c r="BP8" s="61">
        <v>803855</v>
      </c>
      <c r="BQ8" s="56">
        <v>145</v>
      </c>
      <c r="BR8" s="57">
        <v>47460</v>
      </c>
      <c r="BS8" s="58">
        <v>47605</v>
      </c>
      <c r="BT8" s="59">
        <v>0</v>
      </c>
      <c r="BU8" s="57">
        <v>503441</v>
      </c>
      <c r="BV8" s="57">
        <v>1493613</v>
      </c>
      <c r="BW8" s="57">
        <v>3196176</v>
      </c>
      <c r="BX8" s="57">
        <v>2251646</v>
      </c>
      <c r="BY8" s="57">
        <v>1247068</v>
      </c>
      <c r="BZ8" s="60">
        <v>8691944</v>
      </c>
      <c r="CA8" s="61">
        <v>8739549</v>
      </c>
      <c r="CB8" s="56">
        <v>0</v>
      </c>
      <c r="CC8" s="57">
        <v>145</v>
      </c>
      <c r="CD8" s="58">
        <v>145</v>
      </c>
      <c r="CE8" s="59">
        <v>0</v>
      </c>
      <c r="CF8" s="57">
        <v>20474</v>
      </c>
      <c r="CG8" s="57">
        <v>120168</v>
      </c>
      <c r="CH8" s="57">
        <v>189366</v>
      </c>
      <c r="CI8" s="57">
        <v>189629</v>
      </c>
      <c r="CJ8" s="57">
        <v>61941</v>
      </c>
      <c r="CK8" s="60">
        <v>581578</v>
      </c>
      <c r="CL8" s="61">
        <v>581723</v>
      </c>
      <c r="CM8" s="56">
        <v>0</v>
      </c>
      <c r="CN8" s="57">
        <v>0</v>
      </c>
      <c r="CO8" s="58">
        <v>0</v>
      </c>
      <c r="CP8" s="59">
        <v>0</v>
      </c>
      <c r="CQ8" s="57">
        <v>0</v>
      </c>
      <c r="CR8" s="57">
        <v>0</v>
      </c>
      <c r="CS8" s="57">
        <v>0</v>
      </c>
      <c r="CT8" s="57">
        <v>0</v>
      </c>
      <c r="CU8" s="57">
        <v>0</v>
      </c>
      <c r="CV8" s="60">
        <v>0</v>
      </c>
      <c r="CW8" s="61">
        <v>0</v>
      </c>
      <c r="CX8" s="56">
        <v>0</v>
      </c>
      <c r="CY8" s="57">
        <v>0</v>
      </c>
      <c r="CZ8" s="58">
        <v>0</v>
      </c>
      <c r="DA8" s="403">
        <v>0</v>
      </c>
      <c r="DB8" s="57">
        <v>0</v>
      </c>
      <c r="DC8" s="57">
        <v>0</v>
      </c>
      <c r="DD8" s="57">
        <v>0</v>
      </c>
      <c r="DE8" s="57">
        <v>0</v>
      </c>
      <c r="DF8" s="57">
        <v>0</v>
      </c>
      <c r="DG8" s="60">
        <v>0</v>
      </c>
      <c r="DH8" s="61">
        <v>0</v>
      </c>
      <c r="DI8" s="56">
        <v>2088</v>
      </c>
      <c r="DJ8" s="57">
        <v>83610</v>
      </c>
      <c r="DK8" s="58">
        <v>85698</v>
      </c>
      <c r="DL8" s="59">
        <v>0</v>
      </c>
      <c r="DM8" s="57">
        <v>5649390</v>
      </c>
      <c r="DN8" s="57">
        <v>20879383</v>
      </c>
      <c r="DO8" s="57">
        <v>61129803</v>
      </c>
      <c r="DP8" s="57">
        <v>71375306</v>
      </c>
      <c r="DQ8" s="57">
        <v>42336368</v>
      </c>
      <c r="DR8" s="60">
        <v>201370250</v>
      </c>
      <c r="DS8" s="62">
        <v>201455948</v>
      </c>
      <c r="DT8" s="56">
        <v>0</v>
      </c>
      <c r="DU8" s="57">
        <v>0</v>
      </c>
      <c r="DV8" s="58">
        <v>0</v>
      </c>
      <c r="DW8" s="403">
        <v>0</v>
      </c>
      <c r="DX8" s="57">
        <v>3718763</v>
      </c>
      <c r="DY8" s="57">
        <v>14961565</v>
      </c>
      <c r="DZ8" s="57">
        <v>51974913</v>
      </c>
      <c r="EA8" s="57">
        <v>63629944</v>
      </c>
      <c r="EB8" s="57">
        <v>37795652</v>
      </c>
      <c r="EC8" s="60">
        <v>172080837</v>
      </c>
      <c r="ED8" s="61">
        <v>172080837</v>
      </c>
      <c r="EE8" s="56">
        <v>0</v>
      </c>
      <c r="EF8" s="57">
        <v>0</v>
      </c>
      <c r="EG8" s="58">
        <v>0</v>
      </c>
      <c r="EH8" s="403">
        <v>0</v>
      </c>
      <c r="EI8" s="57">
        <v>1025809</v>
      </c>
      <c r="EJ8" s="57">
        <v>3270577</v>
      </c>
      <c r="EK8" s="57">
        <v>3518531</v>
      </c>
      <c r="EL8" s="57">
        <v>3502196</v>
      </c>
      <c r="EM8" s="57">
        <v>1898696</v>
      </c>
      <c r="EN8" s="60">
        <v>13215809</v>
      </c>
      <c r="EO8" s="61">
        <v>13215809</v>
      </c>
      <c r="EP8" s="56">
        <v>0</v>
      </c>
      <c r="EQ8" s="57">
        <v>0</v>
      </c>
      <c r="ER8" s="58">
        <v>0</v>
      </c>
      <c r="ES8" s="403">
        <v>0</v>
      </c>
      <c r="ET8" s="57">
        <v>0</v>
      </c>
      <c r="EU8" s="57">
        <v>0</v>
      </c>
      <c r="EV8" s="57">
        <v>0</v>
      </c>
      <c r="EW8" s="57">
        <v>0</v>
      </c>
      <c r="EX8" s="57">
        <v>0</v>
      </c>
      <c r="EY8" s="60">
        <v>0</v>
      </c>
      <c r="EZ8" s="61">
        <v>0</v>
      </c>
      <c r="FA8" s="56">
        <v>0</v>
      </c>
      <c r="FB8" s="57">
        <v>0</v>
      </c>
      <c r="FC8" s="58">
        <v>0</v>
      </c>
      <c r="FD8" s="403">
        <v>0</v>
      </c>
      <c r="FE8" s="57">
        <v>217</v>
      </c>
      <c r="FF8" s="57">
        <v>0</v>
      </c>
      <c r="FG8" s="57">
        <v>11749</v>
      </c>
      <c r="FH8" s="57">
        <v>136761</v>
      </c>
      <c r="FI8" s="57">
        <v>130544</v>
      </c>
      <c r="FJ8" s="60">
        <v>279271</v>
      </c>
      <c r="FK8" s="61">
        <v>279271</v>
      </c>
      <c r="FL8" s="56">
        <v>0</v>
      </c>
      <c r="FM8" s="57">
        <v>0</v>
      </c>
      <c r="FN8" s="58">
        <v>0</v>
      </c>
      <c r="FO8" s="403">
        <v>0</v>
      </c>
      <c r="FP8" s="57">
        <v>58342</v>
      </c>
      <c r="FQ8" s="57">
        <v>129958</v>
      </c>
      <c r="FR8" s="57">
        <v>264332</v>
      </c>
      <c r="FS8" s="57">
        <v>349026</v>
      </c>
      <c r="FT8" s="57">
        <v>418778</v>
      </c>
      <c r="FU8" s="60">
        <v>1220436</v>
      </c>
      <c r="FV8" s="61">
        <v>1220436</v>
      </c>
      <c r="FW8" s="56">
        <v>2088</v>
      </c>
      <c r="FX8" s="57">
        <v>83610</v>
      </c>
      <c r="FY8" s="58">
        <v>85698</v>
      </c>
      <c r="FZ8" s="59">
        <v>0</v>
      </c>
      <c r="GA8" s="57">
        <v>821315</v>
      </c>
      <c r="GB8" s="57">
        <v>2460277</v>
      </c>
      <c r="GC8" s="57">
        <v>5252424</v>
      </c>
      <c r="GD8" s="57">
        <v>3657264</v>
      </c>
      <c r="GE8" s="57">
        <v>2039953</v>
      </c>
      <c r="GF8" s="60">
        <v>14231233</v>
      </c>
      <c r="GG8" s="61">
        <v>14316931</v>
      </c>
      <c r="GH8" s="56">
        <v>0</v>
      </c>
      <c r="GI8" s="57">
        <v>0</v>
      </c>
      <c r="GJ8" s="58">
        <v>0</v>
      </c>
      <c r="GK8" s="59">
        <v>0</v>
      </c>
      <c r="GL8" s="57">
        <v>24944</v>
      </c>
      <c r="GM8" s="57">
        <v>57006</v>
      </c>
      <c r="GN8" s="57">
        <v>107854</v>
      </c>
      <c r="GO8" s="57">
        <v>100115</v>
      </c>
      <c r="GP8" s="57">
        <v>52745</v>
      </c>
      <c r="GQ8" s="60">
        <v>342664</v>
      </c>
      <c r="GR8" s="61">
        <v>342664</v>
      </c>
      <c r="GS8" s="56">
        <v>0</v>
      </c>
      <c r="GT8" s="57">
        <v>0</v>
      </c>
      <c r="GU8" s="58">
        <v>0</v>
      </c>
      <c r="GV8" s="59">
        <v>0</v>
      </c>
      <c r="GW8" s="57">
        <v>0</v>
      </c>
      <c r="GX8" s="57">
        <v>0</v>
      </c>
      <c r="GY8" s="57">
        <v>0</v>
      </c>
      <c r="GZ8" s="57">
        <v>0</v>
      </c>
      <c r="HA8" s="57">
        <v>0</v>
      </c>
      <c r="HB8" s="60">
        <v>0</v>
      </c>
      <c r="HC8" s="61">
        <v>0</v>
      </c>
      <c r="HD8" s="56">
        <v>0</v>
      </c>
      <c r="HE8" s="57">
        <v>0</v>
      </c>
      <c r="HF8" s="58">
        <v>0</v>
      </c>
      <c r="HG8" s="403">
        <v>0</v>
      </c>
      <c r="HH8" s="57">
        <v>0</v>
      </c>
      <c r="HI8" s="57">
        <v>0</v>
      </c>
      <c r="HJ8" s="57">
        <v>0</v>
      </c>
      <c r="HK8" s="57">
        <v>0</v>
      </c>
      <c r="HL8" s="57">
        <v>0</v>
      </c>
      <c r="HM8" s="60">
        <v>0</v>
      </c>
      <c r="HN8" s="61">
        <v>0</v>
      </c>
      <c r="HO8" s="56">
        <v>2233</v>
      </c>
      <c r="HP8" s="57">
        <v>131215</v>
      </c>
      <c r="HQ8" s="58">
        <v>133448</v>
      </c>
      <c r="HR8" s="59">
        <v>0</v>
      </c>
      <c r="HS8" s="57">
        <v>11890290</v>
      </c>
      <c r="HT8" s="57">
        <v>41836284</v>
      </c>
      <c r="HU8" s="57">
        <v>112621805</v>
      </c>
      <c r="HV8" s="57">
        <v>136109531</v>
      </c>
      <c r="HW8" s="57">
        <v>80383993</v>
      </c>
      <c r="HX8" s="60">
        <v>382841903</v>
      </c>
      <c r="HY8" s="61">
        <v>382975351</v>
      </c>
    </row>
    <row r="9" spans="2:233" ht="21" customHeight="1" x14ac:dyDescent="0.2">
      <c r="B9" s="106" t="s">
        <v>6</v>
      </c>
      <c r="C9" s="24">
        <v>0</v>
      </c>
      <c r="D9" s="25">
        <v>3540</v>
      </c>
      <c r="E9" s="26">
        <v>3540</v>
      </c>
      <c r="F9" s="27">
        <v>0</v>
      </c>
      <c r="G9" s="25">
        <v>3095781</v>
      </c>
      <c r="H9" s="25">
        <v>4481406</v>
      </c>
      <c r="I9" s="25">
        <v>15827136</v>
      </c>
      <c r="J9" s="25">
        <v>20588128</v>
      </c>
      <c r="K9" s="25">
        <v>12179651</v>
      </c>
      <c r="L9" s="28">
        <v>56172102</v>
      </c>
      <c r="M9" s="29">
        <v>56175642</v>
      </c>
      <c r="N9" s="24">
        <v>0</v>
      </c>
      <c r="O9" s="25">
        <v>0</v>
      </c>
      <c r="P9" s="26">
        <v>0</v>
      </c>
      <c r="Q9" s="404">
        <v>0</v>
      </c>
      <c r="R9" s="25">
        <v>968235</v>
      </c>
      <c r="S9" s="25">
        <v>1977195</v>
      </c>
      <c r="T9" s="25">
        <v>10768280</v>
      </c>
      <c r="U9" s="25">
        <v>15272829</v>
      </c>
      <c r="V9" s="25">
        <v>9147200</v>
      </c>
      <c r="W9" s="28">
        <v>38133739</v>
      </c>
      <c r="X9" s="29">
        <v>38133739</v>
      </c>
      <c r="Y9" s="24">
        <v>0</v>
      </c>
      <c r="Z9" s="25">
        <v>0</v>
      </c>
      <c r="AA9" s="26">
        <v>0</v>
      </c>
      <c r="AB9" s="404">
        <v>0</v>
      </c>
      <c r="AC9" s="25">
        <v>1766245</v>
      </c>
      <c r="AD9" s="25">
        <v>1976958</v>
      </c>
      <c r="AE9" s="25">
        <v>3636140</v>
      </c>
      <c r="AF9" s="25">
        <v>3527075</v>
      </c>
      <c r="AG9" s="25">
        <v>2130545</v>
      </c>
      <c r="AH9" s="28">
        <v>13036963</v>
      </c>
      <c r="AI9" s="29">
        <v>13036963</v>
      </c>
      <c r="AJ9" s="24">
        <v>0</v>
      </c>
      <c r="AK9" s="25">
        <v>0</v>
      </c>
      <c r="AL9" s="26">
        <v>0</v>
      </c>
      <c r="AM9" s="404">
        <v>0</v>
      </c>
      <c r="AN9" s="25">
        <v>0</v>
      </c>
      <c r="AO9" s="25">
        <v>0</v>
      </c>
      <c r="AP9" s="25">
        <v>0</v>
      </c>
      <c r="AQ9" s="25">
        <v>0</v>
      </c>
      <c r="AR9" s="25">
        <v>0</v>
      </c>
      <c r="AS9" s="28">
        <v>0</v>
      </c>
      <c r="AT9" s="29">
        <v>0</v>
      </c>
      <c r="AU9" s="24">
        <v>0</v>
      </c>
      <c r="AV9" s="25">
        <v>0</v>
      </c>
      <c r="AW9" s="26">
        <v>0</v>
      </c>
      <c r="AX9" s="404">
        <v>0</v>
      </c>
      <c r="AY9" s="25">
        <v>0</v>
      </c>
      <c r="AZ9" s="25">
        <v>0</v>
      </c>
      <c r="BA9" s="25">
        <v>24645</v>
      </c>
      <c r="BB9" s="25">
        <v>447550</v>
      </c>
      <c r="BC9" s="25">
        <v>242850</v>
      </c>
      <c r="BD9" s="28">
        <v>715045</v>
      </c>
      <c r="BE9" s="29">
        <v>715045</v>
      </c>
      <c r="BF9" s="24">
        <v>0</v>
      </c>
      <c r="BG9" s="25">
        <v>0</v>
      </c>
      <c r="BH9" s="26">
        <v>0</v>
      </c>
      <c r="BI9" s="404">
        <v>0</v>
      </c>
      <c r="BJ9" s="25">
        <v>32705</v>
      </c>
      <c r="BK9" s="25">
        <v>60330</v>
      </c>
      <c r="BL9" s="25">
        <v>361200</v>
      </c>
      <c r="BM9" s="25">
        <v>495615</v>
      </c>
      <c r="BN9" s="25">
        <v>263425</v>
      </c>
      <c r="BO9" s="28">
        <v>1213275</v>
      </c>
      <c r="BP9" s="29">
        <v>1213275</v>
      </c>
      <c r="BQ9" s="24">
        <v>0</v>
      </c>
      <c r="BR9" s="25">
        <v>3540</v>
      </c>
      <c r="BS9" s="26">
        <v>3540</v>
      </c>
      <c r="BT9" s="27">
        <v>0</v>
      </c>
      <c r="BU9" s="25">
        <v>323791</v>
      </c>
      <c r="BV9" s="25">
        <v>424427</v>
      </c>
      <c r="BW9" s="25">
        <v>987861</v>
      </c>
      <c r="BX9" s="25">
        <v>761677</v>
      </c>
      <c r="BY9" s="25">
        <v>310314</v>
      </c>
      <c r="BZ9" s="28">
        <v>2808070</v>
      </c>
      <c r="CA9" s="29">
        <v>2811610</v>
      </c>
      <c r="CB9" s="24">
        <v>0</v>
      </c>
      <c r="CC9" s="25">
        <v>0</v>
      </c>
      <c r="CD9" s="26">
        <v>0</v>
      </c>
      <c r="CE9" s="27">
        <v>0</v>
      </c>
      <c r="CF9" s="25">
        <v>4805</v>
      </c>
      <c r="CG9" s="25">
        <v>42496</v>
      </c>
      <c r="CH9" s="25">
        <v>49010</v>
      </c>
      <c r="CI9" s="25">
        <v>83382</v>
      </c>
      <c r="CJ9" s="25">
        <v>85317</v>
      </c>
      <c r="CK9" s="28">
        <v>265010</v>
      </c>
      <c r="CL9" s="29">
        <v>265010</v>
      </c>
      <c r="CM9" s="24">
        <v>0</v>
      </c>
      <c r="CN9" s="25">
        <v>0</v>
      </c>
      <c r="CO9" s="26">
        <v>0</v>
      </c>
      <c r="CP9" s="27">
        <v>0</v>
      </c>
      <c r="CQ9" s="25">
        <v>0</v>
      </c>
      <c r="CR9" s="25">
        <v>0</v>
      </c>
      <c r="CS9" s="25">
        <v>0</v>
      </c>
      <c r="CT9" s="25">
        <v>0</v>
      </c>
      <c r="CU9" s="25">
        <v>0</v>
      </c>
      <c r="CV9" s="28">
        <v>0</v>
      </c>
      <c r="CW9" s="29">
        <v>0</v>
      </c>
      <c r="CX9" s="24">
        <v>0</v>
      </c>
      <c r="CY9" s="25">
        <v>0</v>
      </c>
      <c r="CZ9" s="26">
        <v>0</v>
      </c>
      <c r="DA9" s="404">
        <v>0</v>
      </c>
      <c r="DB9" s="25">
        <v>0</v>
      </c>
      <c r="DC9" s="25">
        <v>0</v>
      </c>
      <c r="DD9" s="25">
        <v>0</v>
      </c>
      <c r="DE9" s="25">
        <v>0</v>
      </c>
      <c r="DF9" s="25">
        <v>0</v>
      </c>
      <c r="DG9" s="28">
        <v>0</v>
      </c>
      <c r="DH9" s="29">
        <v>0</v>
      </c>
      <c r="DI9" s="24">
        <v>0</v>
      </c>
      <c r="DJ9" s="25">
        <v>6342</v>
      </c>
      <c r="DK9" s="26">
        <v>6342</v>
      </c>
      <c r="DL9" s="27">
        <v>0</v>
      </c>
      <c r="DM9" s="25">
        <v>1818483</v>
      </c>
      <c r="DN9" s="25">
        <v>3370929</v>
      </c>
      <c r="DO9" s="25">
        <v>14852602</v>
      </c>
      <c r="DP9" s="25">
        <v>19205357</v>
      </c>
      <c r="DQ9" s="25">
        <v>11398205</v>
      </c>
      <c r="DR9" s="28">
        <v>50645576</v>
      </c>
      <c r="DS9" s="30">
        <v>50651918</v>
      </c>
      <c r="DT9" s="24">
        <v>0</v>
      </c>
      <c r="DU9" s="25">
        <v>0</v>
      </c>
      <c r="DV9" s="26">
        <v>0</v>
      </c>
      <c r="DW9" s="404">
        <v>0</v>
      </c>
      <c r="DX9" s="25">
        <v>1051712</v>
      </c>
      <c r="DY9" s="25">
        <v>2184517</v>
      </c>
      <c r="DZ9" s="25">
        <v>12090243</v>
      </c>
      <c r="EA9" s="25">
        <v>16111064</v>
      </c>
      <c r="EB9" s="25">
        <v>9878542</v>
      </c>
      <c r="EC9" s="28">
        <v>41316078</v>
      </c>
      <c r="ED9" s="29">
        <v>41316078</v>
      </c>
      <c r="EE9" s="24">
        <v>0</v>
      </c>
      <c r="EF9" s="25">
        <v>0</v>
      </c>
      <c r="EG9" s="26">
        <v>0</v>
      </c>
      <c r="EH9" s="404">
        <v>0</v>
      </c>
      <c r="EI9" s="25">
        <v>353669</v>
      </c>
      <c r="EJ9" s="25">
        <v>426550</v>
      </c>
      <c r="EK9" s="25">
        <v>927106</v>
      </c>
      <c r="EL9" s="25">
        <v>1014105</v>
      </c>
      <c r="EM9" s="25">
        <v>552467</v>
      </c>
      <c r="EN9" s="28">
        <v>3273897</v>
      </c>
      <c r="EO9" s="29">
        <v>3273897</v>
      </c>
      <c r="EP9" s="24">
        <v>0</v>
      </c>
      <c r="EQ9" s="25">
        <v>0</v>
      </c>
      <c r="ER9" s="26">
        <v>0</v>
      </c>
      <c r="ES9" s="404">
        <v>0</v>
      </c>
      <c r="ET9" s="25">
        <v>0</v>
      </c>
      <c r="EU9" s="25">
        <v>0</v>
      </c>
      <c r="EV9" s="25">
        <v>0</v>
      </c>
      <c r="EW9" s="25">
        <v>0</v>
      </c>
      <c r="EX9" s="25">
        <v>0</v>
      </c>
      <c r="EY9" s="28">
        <v>0</v>
      </c>
      <c r="EZ9" s="29">
        <v>0</v>
      </c>
      <c r="FA9" s="24">
        <v>0</v>
      </c>
      <c r="FB9" s="25">
        <v>0</v>
      </c>
      <c r="FC9" s="26">
        <v>0</v>
      </c>
      <c r="FD9" s="404">
        <v>0</v>
      </c>
      <c r="FE9" s="25">
        <v>0</v>
      </c>
      <c r="FF9" s="25">
        <v>0</v>
      </c>
      <c r="FG9" s="25">
        <v>217</v>
      </c>
      <c r="FH9" s="25">
        <v>114238</v>
      </c>
      <c r="FI9" s="25">
        <v>32964</v>
      </c>
      <c r="FJ9" s="28">
        <v>147419</v>
      </c>
      <c r="FK9" s="29">
        <v>147419</v>
      </c>
      <c r="FL9" s="24">
        <v>0</v>
      </c>
      <c r="FM9" s="25">
        <v>0</v>
      </c>
      <c r="FN9" s="26">
        <v>0</v>
      </c>
      <c r="FO9" s="404">
        <v>0</v>
      </c>
      <c r="FP9" s="25">
        <v>36766</v>
      </c>
      <c r="FQ9" s="25">
        <v>168432</v>
      </c>
      <c r="FR9" s="25">
        <v>540878</v>
      </c>
      <c r="FS9" s="25">
        <v>851502</v>
      </c>
      <c r="FT9" s="25">
        <v>420348</v>
      </c>
      <c r="FU9" s="28">
        <v>2017926</v>
      </c>
      <c r="FV9" s="29">
        <v>2017926</v>
      </c>
      <c r="FW9" s="24">
        <v>0</v>
      </c>
      <c r="FX9" s="25">
        <v>6342</v>
      </c>
      <c r="FY9" s="26">
        <v>6342</v>
      </c>
      <c r="FZ9" s="27">
        <v>0</v>
      </c>
      <c r="GA9" s="25">
        <v>376259</v>
      </c>
      <c r="GB9" s="25">
        <v>565535</v>
      </c>
      <c r="GC9" s="25">
        <v>1238883</v>
      </c>
      <c r="GD9" s="25">
        <v>1051230</v>
      </c>
      <c r="GE9" s="25">
        <v>413425</v>
      </c>
      <c r="GF9" s="28">
        <v>3645332</v>
      </c>
      <c r="GG9" s="29">
        <v>3651674</v>
      </c>
      <c r="GH9" s="24">
        <v>0</v>
      </c>
      <c r="GI9" s="25">
        <v>0</v>
      </c>
      <c r="GJ9" s="26">
        <v>0</v>
      </c>
      <c r="GK9" s="27">
        <v>0</v>
      </c>
      <c r="GL9" s="25">
        <v>77</v>
      </c>
      <c r="GM9" s="25">
        <v>25895</v>
      </c>
      <c r="GN9" s="25">
        <v>55275</v>
      </c>
      <c r="GO9" s="25">
        <v>63218</v>
      </c>
      <c r="GP9" s="25">
        <v>100459</v>
      </c>
      <c r="GQ9" s="28">
        <v>244924</v>
      </c>
      <c r="GR9" s="29">
        <v>244924</v>
      </c>
      <c r="GS9" s="24">
        <v>0</v>
      </c>
      <c r="GT9" s="25">
        <v>0</v>
      </c>
      <c r="GU9" s="26">
        <v>0</v>
      </c>
      <c r="GV9" s="27">
        <v>0</v>
      </c>
      <c r="GW9" s="25">
        <v>0</v>
      </c>
      <c r="GX9" s="25">
        <v>0</v>
      </c>
      <c r="GY9" s="25">
        <v>0</v>
      </c>
      <c r="GZ9" s="25">
        <v>0</v>
      </c>
      <c r="HA9" s="25">
        <v>0</v>
      </c>
      <c r="HB9" s="28">
        <v>0</v>
      </c>
      <c r="HC9" s="29">
        <v>0</v>
      </c>
      <c r="HD9" s="24">
        <v>0</v>
      </c>
      <c r="HE9" s="25">
        <v>0</v>
      </c>
      <c r="HF9" s="26">
        <v>0</v>
      </c>
      <c r="HG9" s="404">
        <v>0</v>
      </c>
      <c r="HH9" s="25">
        <v>0</v>
      </c>
      <c r="HI9" s="25">
        <v>0</v>
      </c>
      <c r="HJ9" s="25">
        <v>0</v>
      </c>
      <c r="HK9" s="25">
        <v>0</v>
      </c>
      <c r="HL9" s="25">
        <v>0</v>
      </c>
      <c r="HM9" s="28">
        <v>0</v>
      </c>
      <c r="HN9" s="29">
        <v>0</v>
      </c>
      <c r="HO9" s="24">
        <v>0</v>
      </c>
      <c r="HP9" s="25">
        <v>9882</v>
      </c>
      <c r="HQ9" s="26">
        <v>9882</v>
      </c>
      <c r="HR9" s="27">
        <v>0</v>
      </c>
      <c r="HS9" s="25">
        <v>4914264</v>
      </c>
      <c r="HT9" s="25">
        <v>7852335</v>
      </c>
      <c r="HU9" s="25">
        <v>30679738</v>
      </c>
      <c r="HV9" s="25">
        <v>39793485</v>
      </c>
      <c r="HW9" s="25">
        <v>23577856</v>
      </c>
      <c r="HX9" s="28">
        <v>106817678</v>
      </c>
      <c r="HY9" s="29">
        <v>106827560</v>
      </c>
    </row>
    <row r="10" spans="2:233" ht="21" customHeight="1" x14ac:dyDescent="0.2">
      <c r="B10" s="106" t="s">
        <v>14</v>
      </c>
      <c r="C10" s="24">
        <v>0</v>
      </c>
      <c r="D10" s="25">
        <v>2912</v>
      </c>
      <c r="E10" s="26">
        <v>2912</v>
      </c>
      <c r="F10" s="27">
        <v>0</v>
      </c>
      <c r="G10" s="25">
        <v>642562</v>
      </c>
      <c r="H10" s="25">
        <v>1678241</v>
      </c>
      <c r="I10" s="25">
        <v>8178349</v>
      </c>
      <c r="J10" s="25">
        <v>12358492</v>
      </c>
      <c r="K10" s="25">
        <v>6763078</v>
      </c>
      <c r="L10" s="28">
        <v>29620722</v>
      </c>
      <c r="M10" s="29">
        <v>29623634</v>
      </c>
      <c r="N10" s="24">
        <v>0</v>
      </c>
      <c r="O10" s="25">
        <v>0</v>
      </c>
      <c r="P10" s="26">
        <v>0</v>
      </c>
      <c r="Q10" s="404">
        <v>0</v>
      </c>
      <c r="R10" s="25">
        <v>79205</v>
      </c>
      <c r="S10" s="25">
        <v>298570</v>
      </c>
      <c r="T10" s="25">
        <v>5752620</v>
      </c>
      <c r="U10" s="25">
        <v>8605387</v>
      </c>
      <c r="V10" s="25">
        <v>5422165</v>
      </c>
      <c r="W10" s="28">
        <v>20157947</v>
      </c>
      <c r="X10" s="29">
        <v>20157947</v>
      </c>
      <c r="Y10" s="24">
        <v>0</v>
      </c>
      <c r="Z10" s="25">
        <v>0</v>
      </c>
      <c r="AA10" s="26">
        <v>0</v>
      </c>
      <c r="AB10" s="404">
        <v>0</v>
      </c>
      <c r="AC10" s="25">
        <v>414250</v>
      </c>
      <c r="AD10" s="25">
        <v>1084228</v>
      </c>
      <c r="AE10" s="25">
        <v>1534290</v>
      </c>
      <c r="AF10" s="25">
        <v>2391915</v>
      </c>
      <c r="AG10" s="25">
        <v>484155</v>
      </c>
      <c r="AH10" s="28">
        <v>5908838</v>
      </c>
      <c r="AI10" s="29">
        <v>5908838</v>
      </c>
      <c r="AJ10" s="24">
        <v>0</v>
      </c>
      <c r="AK10" s="25">
        <v>0</v>
      </c>
      <c r="AL10" s="26">
        <v>0</v>
      </c>
      <c r="AM10" s="404">
        <v>0</v>
      </c>
      <c r="AN10" s="25">
        <v>0</v>
      </c>
      <c r="AO10" s="25">
        <v>0</v>
      </c>
      <c r="AP10" s="25">
        <v>0</v>
      </c>
      <c r="AQ10" s="25">
        <v>0</v>
      </c>
      <c r="AR10" s="25">
        <v>0</v>
      </c>
      <c r="AS10" s="28">
        <v>0</v>
      </c>
      <c r="AT10" s="29">
        <v>0</v>
      </c>
      <c r="AU10" s="24">
        <v>0</v>
      </c>
      <c r="AV10" s="25">
        <v>0</v>
      </c>
      <c r="AW10" s="26">
        <v>0</v>
      </c>
      <c r="AX10" s="404">
        <v>0</v>
      </c>
      <c r="AY10" s="25">
        <v>35495</v>
      </c>
      <c r="AZ10" s="25">
        <v>0</v>
      </c>
      <c r="BA10" s="25">
        <v>70440</v>
      </c>
      <c r="BB10" s="25">
        <v>821025</v>
      </c>
      <c r="BC10" s="25">
        <v>578855</v>
      </c>
      <c r="BD10" s="28">
        <v>1505815</v>
      </c>
      <c r="BE10" s="29">
        <v>1505815</v>
      </c>
      <c r="BF10" s="24">
        <v>0</v>
      </c>
      <c r="BG10" s="25">
        <v>0</v>
      </c>
      <c r="BH10" s="26">
        <v>0</v>
      </c>
      <c r="BI10" s="404">
        <v>0</v>
      </c>
      <c r="BJ10" s="25">
        <v>0</v>
      </c>
      <c r="BK10" s="25">
        <v>0</v>
      </c>
      <c r="BL10" s="25">
        <v>62620</v>
      </c>
      <c r="BM10" s="25">
        <v>73160</v>
      </c>
      <c r="BN10" s="25">
        <v>59985</v>
      </c>
      <c r="BO10" s="28">
        <v>195765</v>
      </c>
      <c r="BP10" s="29">
        <v>195765</v>
      </c>
      <c r="BQ10" s="24">
        <v>0</v>
      </c>
      <c r="BR10" s="25">
        <v>2912</v>
      </c>
      <c r="BS10" s="26">
        <v>2912</v>
      </c>
      <c r="BT10" s="27">
        <v>0</v>
      </c>
      <c r="BU10" s="25">
        <v>113612</v>
      </c>
      <c r="BV10" s="25">
        <v>287433</v>
      </c>
      <c r="BW10" s="25">
        <v>754059</v>
      </c>
      <c r="BX10" s="25">
        <v>467005</v>
      </c>
      <c r="BY10" s="25">
        <v>217918</v>
      </c>
      <c r="BZ10" s="28">
        <v>1840027</v>
      </c>
      <c r="CA10" s="29">
        <v>1842939</v>
      </c>
      <c r="CB10" s="24">
        <v>0</v>
      </c>
      <c r="CC10" s="25">
        <v>0</v>
      </c>
      <c r="CD10" s="26">
        <v>0</v>
      </c>
      <c r="CE10" s="27">
        <v>0</v>
      </c>
      <c r="CF10" s="25">
        <v>0</v>
      </c>
      <c r="CG10" s="25">
        <v>8010</v>
      </c>
      <c r="CH10" s="25">
        <v>4320</v>
      </c>
      <c r="CI10" s="25">
        <v>0</v>
      </c>
      <c r="CJ10" s="25">
        <v>0</v>
      </c>
      <c r="CK10" s="28">
        <v>12330</v>
      </c>
      <c r="CL10" s="29">
        <v>12330</v>
      </c>
      <c r="CM10" s="24">
        <v>0</v>
      </c>
      <c r="CN10" s="25">
        <v>0</v>
      </c>
      <c r="CO10" s="26">
        <v>0</v>
      </c>
      <c r="CP10" s="27">
        <v>0</v>
      </c>
      <c r="CQ10" s="25">
        <v>0</v>
      </c>
      <c r="CR10" s="25">
        <v>0</v>
      </c>
      <c r="CS10" s="25">
        <v>0</v>
      </c>
      <c r="CT10" s="25">
        <v>0</v>
      </c>
      <c r="CU10" s="25">
        <v>0</v>
      </c>
      <c r="CV10" s="28">
        <v>0</v>
      </c>
      <c r="CW10" s="29">
        <v>0</v>
      </c>
      <c r="CX10" s="24">
        <v>0</v>
      </c>
      <c r="CY10" s="25">
        <v>0</v>
      </c>
      <c r="CZ10" s="26">
        <v>0</v>
      </c>
      <c r="DA10" s="404">
        <v>0</v>
      </c>
      <c r="DB10" s="25">
        <v>0</v>
      </c>
      <c r="DC10" s="25">
        <v>0</v>
      </c>
      <c r="DD10" s="25">
        <v>0</v>
      </c>
      <c r="DE10" s="25">
        <v>0</v>
      </c>
      <c r="DF10" s="25">
        <v>0</v>
      </c>
      <c r="DG10" s="28">
        <v>0</v>
      </c>
      <c r="DH10" s="29">
        <v>0</v>
      </c>
      <c r="DI10" s="24">
        <v>0</v>
      </c>
      <c r="DJ10" s="25">
        <v>4539</v>
      </c>
      <c r="DK10" s="26">
        <v>4539</v>
      </c>
      <c r="DL10" s="27">
        <v>0</v>
      </c>
      <c r="DM10" s="25">
        <v>402347</v>
      </c>
      <c r="DN10" s="25">
        <v>1185899</v>
      </c>
      <c r="DO10" s="25">
        <v>10234712</v>
      </c>
      <c r="DP10" s="25">
        <v>13294893</v>
      </c>
      <c r="DQ10" s="25">
        <v>6983177</v>
      </c>
      <c r="DR10" s="28">
        <v>32101028</v>
      </c>
      <c r="DS10" s="30">
        <v>32105567</v>
      </c>
      <c r="DT10" s="24">
        <v>0</v>
      </c>
      <c r="DU10" s="25">
        <v>0</v>
      </c>
      <c r="DV10" s="26">
        <v>0</v>
      </c>
      <c r="DW10" s="404">
        <v>0</v>
      </c>
      <c r="DX10" s="25">
        <v>94798</v>
      </c>
      <c r="DY10" s="25">
        <v>514879</v>
      </c>
      <c r="DZ10" s="25">
        <v>8710542</v>
      </c>
      <c r="EA10" s="25">
        <v>11748685</v>
      </c>
      <c r="EB10" s="25">
        <v>6212487</v>
      </c>
      <c r="EC10" s="28">
        <v>27281391</v>
      </c>
      <c r="ED10" s="29">
        <v>27281391</v>
      </c>
      <c r="EE10" s="24">
        <v>0</v>
      </c>
      <c r="EF10" s="25">
        <v>0</v>
      </c>
      <c r="EG10" s="26">
        <v>0</v>
      </c>
      <c r="EH10" s="404">
        <v>0</v>
      </c>
      <c r="EI10" s="25">
        <v>112605</v>
      </c>
      <c r="EJ10" s="25">
        <v>246623</v>
      </c>
      <c r="EK10" s="25">
        <v>274170</v>
      </c>
      <c r="EL10" s="25">
        <v>543192</v>
      </c>
      <c r="EM10" s="25">
        <v>99585</v>
      </c>
      <c r="EN10" s="28">
        <v>1276175</v>
      </c>
      <c r="EO10" s="29">
        <v>1276175</v>
      </c>
      <c r="EP10" s="24">
        <v>0</v>
      </c>
      <c r="EQ10" s="25">
        <v>0</v>
      </c>
      <c r="ER10" s="26">
        <v>0</v>
      </c>
      <c r="ES10" s="404">
        <v>0</v>
      </c>
      <c r="ET10" s="25">
        <v>0</v>
      </c>
      <c r="EU10" s="25">
        <v>0</v>
      </c>
      <c r="EV10" s="25">
        <v>0</v>
      </c>
      <c r="EW10" s="25">
        <v>0</v>
      </c>
      <c r="EX10" s="25">
        <v>0</v>
      </c>
      <c r="EY10" s="28">
        <v>0</v>
      </c>
      <c r="EZ10" s="29">
        <v>0</v>
      </c>
      <c r="FA10" s="24">
        <v>0</v>
      </c>
      <c r="FB10" s="25">
        <v>0</v>
      </c>
      <c r="FC10" s="26">
        <v>0</v>
      </c>
      <c r="FD10" s="404">
        <v>0</v>
      </c>
      <c r="FE10" s="25">
        <v>13547</v>
      </c>
      <c r="FF10" s="25">
        <v>0</v>
      </c>
      <c r="FG10" s="25">
        <v>1043</v>
      </c>
      <c r="FH10" s="25">
        <v>128993</v>
      </c>
      <c r="FI10" s="25">
        <v>140908</v>
      </c>
      <c r="FJ10" s="28">
        <v>284491</v>
      </c>
      <c r="FK10" s="29">
        <v>284491</v>
      </c>
      <c r="FL10" s="24">
        <v>0</v>
      </c>
      <c r="FM10" s="25">
        <v>0</v>
      </c>
      <c r="FN10" s="26">
        <v>0</v>
      </c>
      <c r="FO10" s="404">
        <v>0</v>
      </c>
      <c r="FP10" s="25">
        <v>0</v>
      </c>
      <c r="FQ10" s="25">
        <v>0</v>
      </c>
      <c r="FR10" s="25">
        <v>106366</v>
      </c>
      <c r="FS10" s="25">
        <v>152985</v>
      </c>
      <c r="FT10" s="25">
        <v>79918</v>
      </c>
      <c r="FU10" s="28">
        <v>339269</v>
      </c>
      <c r="FV10" s="29">
        <v>339269</v>
      </c>
      <c r="FW10" s="24">
        <v>0</v>
      </c>
      <c r="FX10" s="25">
        <v>4539</v>
      </c>
      <c r="FY10" s="26">
        <v>4539</v>
      </c>
      <c r="FZ10" s="27">
        <v>0</v>
      </c>
      <c r="GA10" s="25">
        <v>181397</v>
      </c>
      <c r="GB10" s="25">
        <v>424271</v>
      </c>
      <c r="GC10" s="25">
        <v>1136705</v>
      </c>
      <c r="GD10" s="25">
        <v>721038</v>
      </c>
      <c r="GE10" s="25">
        <v>450279</v>
      </c>
      <c r="GF10" s="28">
        <v>2913690</v>
      </c>
      <c r="GG10" s="29">
        <v>2918229</v>
      </c>
      <c r="GH10" s="24">
        <v>0</v>
      </c>
      <c r="GI10" s="25">
        <v>0</v>
      </c>
      <c r="GJ10" s="26">
        <v>0</v>
      </c>
      <c r="GK10" s="27">
        <v>0</v>
      </c>
      <c r="GL10" s="25">
        <v>0</v>
      </c>
      <c r="GM10" s="25">
        <v>126</v>
      </c>
      <c r="GN10" s="25">
        <v>5886</v>
      </c>
      <c r="GO10" s="25">
        <v>0</v>
      </c>
      <c r="GP10" s="25">
        <v>0</v>
      </c>
      <c r="GQ10" s="28">
        <v>6012</v>
      </c>
      <c r="GR10" s="29">
        <v>6012</v>
      </c>
      <c r="GS10" s="24">
        <v>0</v>
      </c>
      <c r="GT10" s="25">
        <v>0</v>
      </c>
      <c r="GU10" s="26">
        <v>0</v>
      </c>
      <c r="GV10" s="27">
        <v>0</v>
      </c>
      <c r="GW10" s="25">
        <v>0</v>
      </c>
      <c r="GX10" s="25">
        <v>0</v>
      </c>
      <c r="GY10" s="25">
        <v>0</v>
      </c>
      <c r="GZ10" s="25">
        <v>0</v>
      </c>
      <c r="HA10" s="25">
        <v>0</v>
      </c>
      <c r="HB10" s="28">
        <v>0</v>
      </c>
      <c r="HC10" s="29">
        <v>0</v>
      </c>
      <c r="HD10" s="24">
        <v>0</v>
      </c>
      <c r="HE10" s="25">
        <v>0</v>
      </c>
      <c r="HF10" s="26">
        <v>0</v>
      </c>
      <c r="HG10" s="404">
        <v>0</v>
      </c>
      <c r="HH10" s="25">
        <v>0</v>
      </c>
      <c r="HI10" s="25">
        <v>0</v>
      </c>
      <c r="HJ10" s="25">
        <v>0</v>
      </c>
      <c r="HK10" s="25">
        <v>0</v>
      </c>
      <c r="HL10" s="25">
        <v>0</v>
      </c>
      <c r="HM10" s="28">
        <v>0</v>
      </c>
      <c r="HN10" s="29">
        <v>0</v>
      </c>
      <c r="HO10" s="24">
        <v>0</v>
      </c>
      <c r="HP10" s="25">
        <v>7451</v>
      </c>
      <c r="HQ10" s="26">
        <v>7451</v>
      </c>
      <c r="HR10" s="27">
        <v>0</v>
      </c>
      <c r="HS10" s="25">
        <v>1044909</v>
      </c>
      <c r="HT10" s="25">
        <v>2864140</v>
      </c>
      <c r="HU10" s="25">
        <v>18413061</v>
      </c>
      <c r="HV10" s="25">
        <v>25653385</v>
      </c>
      <c r="HW10" s="25">
        <v>13746255</v>
      </c>
      <c r="HX10" s="28">
        <v>61721750</v>
      </c>
      <c r="HY10" s="29">
        <v>61729201</v>
      </c>
    </row>
    <row r="11" spans="2:233" ht="21" customHeight="1" x14ac:dyDescent="0.2">
      <c r="B11" s="106" t="s">
        <v>7</v>
      </c>
      <c r="C11" s="24">
        <v>0</v>
      </c>
      <c r="D11" s="25">
        <v>6045</v>
      </c>
      <c r="E11" s="26">
        <v>6045</v>
      </c>
      <c r="F11" s="27">
        <v>0</v>
      </c>
      <c r="G11" s="25">
        <v>2048464</v>
      </c>
      <c r="H11" s="25">
        <v>2108301</v>
      </c>
      <c r="I11" s="25">
        <v>6951347</v>
      </c>
      <c r="J11" s="25">
        <v>7968788</v>
      </c>
      <c r="K11" s="25">
        <v>4067935</v>
      </c>
      <c r="L11" s="28">
        <v>23144835</v>
      </c>
      <c r="M11" s="29">
        <v>23150880</v>
      </c>
      <c r="N11" s="24">
        <v>0</v>
      </c>
      <c r="O11" s="25">
        <v>0</v>
      </c>
      <c r="P11" s="26">
        <v>0</v>
      </c>
      <c r="Q11" s="404">
        <v>0</v>
      </c>
      <c r="R11" s="25">
        <v>269855</v>
      </c>
      <c r="S11" s="25">
        <v>541610</v>
      </c>
      <c r="T11" s="25">
        <v>5054970</v>
      </c>
      <c r="U11" s="25">
        <v>6352185</v>
      </c>
      <c r="V11" s="25">
        <v>3341100</v>
      </c>
      <c r="W11" s="28">
        <v>15559720</v>
      </c>
      <c r="X11" s="29">
        <v>15559720</v>
      </c>
      <c r="Y11" s="24">
        <v>0</v>
      </c>
      <c r="Z11" s="25">
        <v>0</v>
      </c>
      <c r="AA11" s="26">
        <v>0</v>
      </c>
      <c r="AB11" s="404">
        <v>0</v>
      </c>
      <c r="AC11" s="25">
        <v>1586435</v>
      </c>
      <c r="AD11" s="25">
        <v>1332405</v>
      </c>
      <c r="AE11" s="25">
        <v>1515563</v>
      </c>
      <c r="AF11" s="25">
        <v>1315102</v>
      </c>
      <c r="AG11" s="25">
        <v>399320</v>
      </c>
      <c r="AH11" s="28">
        <v>6148825</v>
      </c>
      <c r="AI11" s="29">
        <v>6148825</v>
      </c>
      <c r="AJ11" s="24">
        <v>0</v>
      </c>
      <c r="AK11" s="25">
        <v>0</v>
      </c>
      <c r="AL11" s="26">
        <v>0</v>
      </c>
      <c r="AM11" s="404">
        <v>0</v>
      </c>
      <c r="AN11" s="25">
        <v>0</v>
      </c>
      <c r="AO11" s="25">
        <v>0</v>
      </c>
      <c r="AP11" s="25">
        <v>0</v>
      </c>
      <c r="AQ11" s="25">
        <v>0</v>
      </c>
      <c r="AR11" s="25">
        <v>0</v>
      </c>
      <c r="AS11" s="28">
        <v>0</v>
      </c>
      <c r="AT11" s="29">
        <v>0</v>
      </c>
      <c r="AU11" s="24">
        <v>0</v>
      </c>
      <c r="AV11" s="25">
        <v>0</v>
      </c>
      <c r="AW11" s="26">
        <v>0</v>
      </c>
      <c r="AX11" s="404">
        <v>0</v>
      </c>
      <c r="AY11" s="25">
        <v>0</v>
      </c>
      <c r="AZ11" s="25">
        <v>0</v>
      </c>
      <c r="BA11" s="25">
        <v>0</v>
      </c>
      <c r="BB11" s="25">
        <v>59985</v>
      </c>
      <c r="BC11" s="25">
        <v>38130</v>
      </c>
      <c r="BD11" s="28">
        <v>98115</v>
      </c>
      <c r="BE11" s="29">
        <v>98115</v>
      </c>
      <c r="BF11" s="24">
        <v>0</v>
      </c>
      <c r="BG11" s="25">
        <v>0</v>
      </c>
      <c r="BH11" s="26">
        <v>0</v>
      </c>
      <c r="BI11" s="404">
        <v>0</v>
      </c>
      <c r="BJ11" s="25">
        <v>0</v>
      </c>
      <c r="BK11" s="25">
        <v>0</v>
      </c>
      <c r="BL11" s="25">
        <v>0</v>
      </c>
      <c r="BM11" s="25">
        <v>0</v>
      </c>
      <c r="BN11" s="25">
        <v>0</v>
      </c>
      <c r="BO11" s="28">
        <v>0</v>
      </c>
      <c r="BP11" s="29">
        <v>0</v>
      </c>
      <c r="BQ11" s="24">
        <v>0</v>
      </c>
      <c r="BR11" s="25">
        <v>6045</v>
      </c>
      <c r="BS11" s="26">
        <v>6045</v>
      </c>
      <c r="BT11" s="27">
        <v>0</v>
      </c>
      <c r="BU11" s="25">
        <v>180597</v>
      </c>
      <c r="BV11" s="25">
        <v>230661</v>
      </c>
      <c r="BW11" s="25">
        <v>363819</v>
      </c>
      <c r="BX11" s="25">
        <v>228135</v>
      </c>
      <c r="BY11" s="25">
        <v>279465</v>
      </c>
      <c r="BZ11" s="28">
        <v>1282677</v>
      </c>
      <c r="CA11" s="29">
        <v>1288722</v>
      </c>
      <c r="CB11" s="24">
        <v>0</v>
      </c>
      <c r="CC11" s="25">
        <v>0</v>
      </c>
      <c r="CD11" s="26">
        <v>0</v>
      </c>
      <c r="CE11" s="27">
        <v>0</v>
      </c>
      <c r="CF11" s="25">
        <v>11577</v>
      </c>
      <c r="CG11" s="25">
        <v>3625</v>
      </c>
      <c r="CH11" s="25">
        <v>16995</v>
      </c>
      <c r="CI11" s="25">
        <v>13381</v>
      </c>
      <c r="CJ11" s="25">
        <v>9920</v>
      </c>
      <c r="CK11" s="28">
        <v>55498</v>
      </c>
      <c r="CL11" s="29">
        <v>55498</v>
      </c>
      <c r="CM11" s="24">
        <v>0</v>
      </c>
      <c r="CN11" s="25">
        <v>0</v>
      </c>
      <c r="CO11" s="26">
        <v>0</v>
      </c>
      <c r="CP11" s="27">
        <v>0</v>
      </c>
      <c r="CQ11" s="25">
        <v>0</v>
      </c>
      <c r="CR11" s="25">
        <v>0</v>
      </c>
      <c r="CS11" s="25">
        <v>0</v>
      </c>
      <c r="CT11" s="25">
        <v>0</v>
      </c>
      <c r="CU11" s="25">
        <v>0</v>
      </c>
      <c r="CV11" s="28">
        <v>0</v>
      </c>
      <c r="CW11" s="29">
        <v>0</v>
      </c>
      <c r="CX11" s="24">
        <v>0</v>
      </c>
      <c r="CY11" s="25">
        <v>0</v>
      </c>
      <c r="CZ11" s="26">
        <v>0</v>
      </c>
      <c r="DA11" s="404">
        <v>0</v>
      </c>
      <c r="DB11" s="25">
        <v>0</v>
      </c>
      <c r="DC11" s="25">
        <v>0</v>
      </c>
      <c r="DD11" s="25">
        <v>0</v>
      </c>
      <c r="DE11" s="25">
        <v>0</v>
      </c>
      <c r="DF11" s="25">
        <v>0</v>
      </c>
      <c r="DG11" s="28">
        <v>0</v>
      </c>
      <c r="DH11" s="29">
        <v>0</v>
      </c>
      <c r="DI11" s="24">
        <v>0</v>
      </c>
      <c r="DJ11" s="25">
        <v>14317</v>
      </c>
      <c r="DK11" s="26">
        <v>14317</v>
      </c>
      <c r="DL11" s="27">
        <v>0</v>
      </c>
      <c r="DM11" s="25">
        <v>815050</v>
      </c>
      <c r="DN11" s="25">
        <v>1132537</v>
      </c>
      <c r="DO11" s="25">
        <v>7211371</v>
      </c>
      <c r="DP11" s="25">
        <v>8353002</v>
      </c>
      <c r="DQ11" s="25">
        <v>4632139</v>
      </c>
      <c r="DR11" s="28">
        <v>22144099</v>
      </c>
      <c r="DS11" s="30">
        <v>22158416</v>
      </c>
      <c r="DT11" s="24">
        <v>0</v>
      </c>
      <c r="DU11" s="25">
        <v>0</v>
      </c>
      <c r="DV11" s="26">
        <v>0</v>
      </c>
      <c r="DW11" s="404">
        <v>0</v>
      </c>
      <c r="DX11" s="25">
        <v>315704</v>
      </c>
      <c r="DY11" s="25">
        <v>553214</v>
      </c>
      <c r="DZ11" s="25">
        <v>6320276</v>
      </c>
      <c r="EA11" s="25">
        <v>7784574</v>
      </c>
      <c r="EB11" s="25">
        <v>4248905</v>
      </c>
      <c r="EC11" s="28">
        <v>19222673</v>
      </c>
      <c r="ED11" s="29">
        <v>19222673</v>
      </c>
      <c r="EE11" s="24">
        <v>0</v>
      </c>
      <c r="EF11" s="25">
        <v>0</v>
      </c>
      <c r="EG11" s="26">
        <v>0</v>
      </c>
      <c r="EH11" s="404">
        <v>0</v>
      </c>
      <c r="EI11" s="25">
        <v>210193</v>
      </c>
      <c r="EJ11" s="25">
        <v>172658</v>
      </c>
      <c r="EK11" s="25">
        <v>287698</v>
      </c>
      <c r="EL11" s="25">
        <v>210882</v>
      </c>
      <c r="EM11" s="25">
        <v>89582</v>
      </c>
      <c r="EN11" s="28">
        <v>971013</v>
      </c>
      <c r="EO11" s="29">
        <v>971013</v>
      </c>
      <c r="EP11" s="24">
        <v>0</v>
      </c>
      <c r="EQ11" s="25">
        <v>0</v>
      </c>
      <c r="ER11" s="26">
        <v>0</v>
      </c>
      <c r="ES11" s="404">
        <v>0</v>
      </c>
      <c r="ET11" s="25">
        <v>0</v>
      </c>
      <c r="EU11" s="25">
        <v>0</v>
      </c>
      <c r="EV11" s="25">
        <v>0</v>
      </c>
      <c r="EW11" s="25">
        <v>0</v>
      </c>
      <c r="EX11" s="25">
        <v>0</v>
      </c>
      <c r="EY11" s="28">
        <v>0</v>
      </c>
      <c r="EZ11" s="29">
        <v>0</v>
      </c>
      <c r="FA11" s="24">
        <v>0</v>
      </c>
      <c r="FB11" s="25">
        <v>0</v>
      </c>
      <c r="FC11" s="26">
        <v>0</v>
      </c>
      <c r="FD11" s="404">
        <v>0</v>
      </c>
      <c r="FE11" s="25">
        <v>0</v>
      </c>
      <c r="FF11" s="25">
        <v>0</v>
      </c>
      <c r="FG11" s="25">
        <v>0</v>
      </c>
      <c r="FH11" s="25">
        <v>651</v>
      </c>
      <c r="FI11" s="25">
        <v>13764</v>
      </c>
      <c r="FJ11" s="28">
        <v>14415</v>
      </c>
      <c r="FK11" s="29">
        <v>14415</v>
      </c>
      <c r="FL11" s="24">
        <v>0</v>
      </c>
      <c r="FM11" s="25">
        <v>0</v>
      </c>
      <c r="FN11" s="26">
        <v>0</v>
      </c>
      <c r="FO11" s="404">
        <v>0</v>
      </c>
      <c r="FP11" s="25">
        <v>0</v>
      </c>
      <c r="FQ11" s="25">
        <v>0</v>
      </c>
      <c r="FR11" s="25">
        <v>0</v>
      </c>
      <c r="FS11" s="25">
        <v>0</v>
      </c>
      <c r="FT11" s="25">
        <v>0</v>
      </c>
      <c r="FU11" s="28">
        <v>0</v>
      </c>
      <c r="FV11" s="29">
        <v>0</v>
      </c>
      <c r="FW11" s="24">
        <v>0</v>
      </c>
      <c r="FX11" s="25">
        <v>14317</v>
      </c>
      <c r="FY11" s="26">
        <v>14317</v>
      </c>
      <c r="FZ11" s="27">
        <v>0</v>
      </c>
      <c r="GA11" s="25">
        <v>287946</v>
      </c>
      <c r="GB11" s="25">
        <v>400523</v>
      </c>
      <c r="GC11" s="25">
        <v>603082</v>
      </c>
      <c r="GD11" s="25">
        <v>352413</v>
      </c>
      <c r="GE11" s="25">
        <v>279804</v>
      </c>
      <c r="GF11" s="28">
        <v>1923768</v>
      </c>
      <c r="GG11" s="29">
        <v>1938085</v>
      </c>
      <c r="GH11" s="24">
        <v>0</v>
      </c>
      <c r="GI11" s="25">
        <v>0</v>
      </c>
      <c r="GJ11" s="26">
        <v>0</v>
      </c>
      <c r="GK11" s="27">
        <v>0</v>
      </c>
      <c r="GL11" s="25">
        <v>1207</v>
      </c>
      <c r="GM11" s="25">
        <v>6142</v>
      </c>
      <c r="GN11" s="25">
        <v>315</v>
      </c>
      <c r="GO11" s="25">
        <v>4482</v>
      </c>
      <c r="GP11" s="25">
        <v>84</v>
      </c>
      <c r="GQ11" s="28">
        <v>12230</v>
      </c>
      <c r="GR11" s="29">
        <v>12230</v>
      </c>
      <c r="GS11" s="24">
        <v>0</v>
      </c>
      <c r="GT11" s="25">
        <v>0</v>
      </c>
      <c r="GU11" s="26">
        <v>0</v>
      </c>
      <c r="GV11" s="27">
        <v>0</v>
      </c>
      <c r="GW11" s="25">
        <v>0</v>
      </c>
      <c r="GX11" s="25">
        <v>0</v>
      </c>
      <c r="GY11" s="25">
        <v>0</v>
      </c>
      <c r="GZ11" s="25">
        <v>0</v>
      </c>
      <c r="HA11" s="25">
        <v>0</v>
      </c>
      <c r="HB11" s="28">
        <v>0</v>
      </c>
      <c r="HC11" s="29">
        <v>0</v>
      </c>
      <c r="HD11" s="24">
        <v>0</v>
      </c>
      <c r="HE11" s="25">
        <v>0</v>
      </c>
      <c r="HF11" s="26">
        <v>0</v>
      </c>
      <c r="HG11" s="404">
        <v>0</v>
      </c>
      <c r="HH11" s="25">
        <v>0</v>
      </c>
      <c r="HI11" s="25">
        <v>0</v>
      </c>
      <c r="HJ11" s="25">
        <v>0</v>
      </c>
      <c r="HK11" s="25">
        <v>0</v>
      </c>
      <c r="HL11" s="25">
        <v>0</v>
      </c>
      <c r="HM11" s="28">
        <v>0</v>
      </c>
      <c r="HN11" s="29">
        <v>0</v>
      </c>
      <c r="HO11" s="24">
        <v>0</v>
      </c>
      <c r="HP11" s="25">
        <v>20362</v>
      </c>
      <c r="HQ11" s="26">
        <v>20362</v>
      </c>
      <c r="HR11" s="27">
        <v>0</v>
      </c>
      <c r="HS11" s="25">
        <v>2863514</v>
      </c>
      <c r="HT11" s="25">
        <v>3240838</v>
      </c>
      <c r="HU11" s="25">
        <v>14162718</v>
      </c>
      <c r="HV11" s="25">
        <v>16321790</v>
      </c>
      <c r="HW11" s="25">
        <v>8700074</v>
      </c>
      <c r="HX11" s="28">
        <v>45288934</v>
      </c>
      <c r="HY11" s="29">
        <v>45309296</v>
      </c>
    </row>
    <row r="12" spans="2:233" ht="21" customHeight="1" x14ac:dyDescent="0.2">
      <c r="B12" s="106" t="s">
        <v>8</v>
      </c>
      <c r="C12" s="24">
        <v>0</v>
      </c>
      <c r="D12" s="25">
        <v>1305</v>
      </c>
      <c r="E12" s="26">
        <v>1305</v>
      </c>
      <c r="F12" s="27">
        <v>0</v>
      </c>
      <c r="G12" s="25">
        <v>420198</v>
      </c>
      <c r="H12" s="25">
        <v>1143174</v>
      </c>
      <c r="I12" s="25">
        <v>4274844</v>
      </c>
      <c r="J12" s="25">
        <v>4732067</v>
      </c>
      <c r="K12" s="25">
        <v>2511111</v>
      </c>
      <c r="L12" s="28">
        <v>13081394</v>
      </c>
      <c r="M12" s="29">
        <v>13082699</v>
      </c>
      <c r="N12" s="24">
        <v>0</v>
      </c>
      <c r="O12" s="25">
        <v>0</v>
      </c>
      <c r="P12" s="26">
        <v>0</v>
      </c>
      <c r="Q12" s="404">
        <v>0</v>
      </c>
      <c r="R12" s="25">
        <v>158565</v>
      </c>
      <c r="S12" s="25">
        <v>468935</v>
      </c>
      <c r="T12" s="25">
        <v>2855711</v>
      </c>
      <c r="U12" s="25">
        <v>3309982</v>
      </c>
      <c r="V12" s="25">
        <v>1689415</v>
      </c>
      <c r="W12" s="28">
        <v>8482608</v>
      </c>
      <c r="X12" s="29">
        <v>8482608</v>
      </c>
      <c r="Y12" s="24">
        <v>0</v>
      </c>
      <c r="Z12" s="25">
        <v>0</v>
      </c>
      <c r="AA12" s="26">
        <v>0</v>
      </c>
      <c r="AB12" s="404">
        <v>0</v>
      </c>
      <c r="AC12" s="25">
        <v>172520</v>
      </c>
      <c r="AD12" s="25">
        <v>508599</v>
      </c>
      <c r="AE12" s="25">
        <v>815495</v>
      </c>
      <c r="AF12" s="25">
        <v>842955</v>
      </c>
      <c r="AG12" s="25">
        <v>584640</v>
      </c>
      <c r="AH12" s="28">
        <v>2924209</v>
      </c>
      <c r="AI12" s="29">
        <v>2924209</v>
      </c>
      <c r="AJ12" s="24">
        <v>0</v>
      </c>
      <c r="AK12" s="25">
        <v>0</v>
      </c>
      <c r="AL12" s="26">
        <v>0</v>
      </c>
      <c r="AM12" s="404">
        <v>0</v>
      </c>
      <c r="AN12" s="25">
        <v>0</v>
      </c>
      <c r="AO12" s="25">
        <v>0</v>
      </c>
      <c r="AP12" s="25">
        <v>0</v>
      </c>
      <c r="AQ12" s="25">
        <v>0</v>
      </c>
      <c r="AR12" s="25">
        <v>0</v>
      </c>
      <c r="AS12" s="28">
        <v>0</v>
      </c>
      <c r="AT12" s="29">
        <v>0</v>
      </c>
      <c r="AU12" s="24">
        <v>0</v>
      </c>
      <c r="AV12" s="25">
        <v>0</v>
      </c>
      <c r="AW12" s="26">
        <v>0</v>
      </c>
      <c r="AX12" s="404">
        <v>0</v>
      </c>
      <c r="AY12" s="25">
        <v>0</v>
      </c>
      <c r="AZ12" s="25">
        <v>2635</v>
      </c>
      <c r="BA12" s="25">
        <v>32705</v>
      </c>
      <c r="BB12" s="25">
        <v>29745</v>
      </c>
      <c r="BC12" s="25">
        <v>39915</v>
      </c>
      <c r="BD12" s="28">
        <v>105000</v>
      </c>
      <c r="BE12" s="29">
        <v>105000</v>
      </c>
      <c r="BF12" s="24">
        <v>0</v>
      </c>
      <c r="BG12" s="25">
        <v>0</v>
      </c>
      <c r="BH12" s="26">
        <v>0</v>
      </c>
      <c r="BI12" s="404">
        <v>0</v>
      </c>
      <c r="BJ12" s="25">
        <v>0</v>
      </c>
      <c r="BK12" s="25">
        <v>0</v>
      </c>
      <c r="BL12" s="25">
        <v>122450</v>
      </c>
      <c r="BM12" s="25">
        <v>248100</v>
      </c>
      <c r="BN12" s="25">
        <v>23275</v>
      </c>
      <c r="BO12" s="28">
        <v>393825</v>
      </c>
      <c r="BP12" s="29">
        <v>393825</v>
      </c>
      <c r="BQ12" s="24">
        <v>0</v>
      </c>
      <c r="BR12" s="25">
        <v>1305</v>
      </c>
      <c r="BS12" s="26">
        <v>1305</v>
      </c>
      <c r="BT12" s="27">
        <v>0</v>
      </c>
      <c r="BU12" s="25">
        <v>89113</v>
      </c>
      <c r="BV12" s="25">
        <v>152120</v>
      </c>
      <c r="BW12" s="25">
        <v>448483</v>
      </c>
      <c r="BX12" s="25">
        <v>286640</v>
      </c>
      <c r="BY12" s="25">
        <v>168305</v>
      </c>
      <c r="BZ12" s="28">
        <v>1144661</v>
      </c>
      <c r="CA12" s="29">
        <v>1145966</v>
      </c>
      <c r="CB12" s="24">
        <v>0</v>
      </c>
      <c r="CC12" s="25">
        <v>0</v>
      </c>
      <c r="CD12" s="26">
        <v>0</v>
      </c>
      <c r="CE12" s="27">
        <v>0</v>
      </c>
      <c r="CF12" s="25">
        <v>0</v>
      </c>
      <c r="CG12" s="25">
        <v>10885</v>
      </c>
      <c r="CH12" s="25">
        <v>0</v>
      </c>
      <c r="CI12" s="25">
        <v>14645</v>
      </c>
      <c r="CJ12" s="25">
        <v>5561</v>
      </c>
      <c r="CK12" s="28">
        <v>31091</v>
      </c>
      <c r="CL12" s="29">
        <v>31091</v>
      </c>
      <c r="CM12" s="24">
        <v>0</v>
      </c>
      <c r="CN12" s="25">
        <v>0</v>
      </c>
      <c r="CO12" s="26">
        <v>0</v>
      </c>
      <c r="CP12" s="27">
        <v>0</v>
      </c>
      <c r="CQ12" s="25">
        <v>0</v>
      </c>
      <c r="CR12" s="25">
        <v>0</v>
      </c>
      <c r="CS12" s="25">
        <v>0</v>
      </c>
      <c r="CT12" s="25">
        <v>0</v>
      </c>
      <c r="CU12" s="25">
        <v>0</v>
      </c>
      <c r="CV12" s="28">
        <v>0</v>
      </c>
      <c r="CW12" s="29">
        <v>0</v>
      </c>
      <c r="CX12" s="24">
        <v>0</v>
      </c>
      <c r="CY12" s="25">
        <v>0</v>
      </c>
      <c r="CZ12" s="26">
        <v>0</v>
      </c>
      <c r="DA12" s="404">
        <v>0</v>
      </c>
      <c r="DB12" s="25">
        <v>0</v>
      </c>
      <c r="DC12" s="25">
        <v>0</v>
      </c>
      <c r="DD12" s="25">
        <v>0</v>
      </c>
      <c r="DE12" s="25">
        <v>0</v>
      </c>
      <c r="DF12" s="25">
        <v>0</v>
      </c>
      <c r="DG12" s="28">
        <v>0</v>
      </c>
      <c r="DH12" s="29">
        <v>0</v>
      </c>
      <c r="DI12" s="24">
        <v>0</v>
      </c>
      <c r="DJ12" s="25">
        <v>7656</v>
      </c>
      <c r="DK12" s="26">
        <v>7656</v>
      </c>
      <c r="DL12" s="27">
        <v>0</v>
      </c>
      <c r="DM12" s="25">
        <v>393067</v>
      </c>
      <c r="DN12" s="25">
        <v>1142575</v>
      </c>
      <c r="DO12" s="25">
        <v>5385797</v>
      </c>
      <c r="DP12" s="25">
        <v>5506171</v>
      </c>
      <c r="DQ12" s="25">
        <v>2917063</v>
      </c>
      <c r="DR12" s="28">
        <v>15344673</v>
      </c>
      <c r="DS12" s="30">
        <v>15352329</v>
      </c>
      <c r="DT12" s="24">
        <v>0</v>
      </c>
      <c r="DU12" s="25">
        <v>0</v>
      </c>
      <c r="DV12" s="26">
        <v>0</v>
      </c>
      <c r="DW12" s="404">
        <v>0</v>
      </c>
      <c r="DX12" s="25">
        <v>157356</v>
      </c>
      <c r="DY12" s="25">
        <v>838446</v>
      </c>
      <c r="DZ12" s="25">
        <v>4358755</v>
      </c>
      <c r="EA12" s="25">
        <v>4523565</v>
      </c>
      <c r="EB12" s="25">
        <v>2595998</v>
      </c>
      <c r="EC12" s="28">
        <v>12474120</v>
      </c>
      <c r="ED12" s="29">
        <v>12474120</v>
      </c>
      <c r="EE12" s="24">
        <v>0</v>
      </c>
      <c r="EF12" s="25">
        <v>0</v>
      </c>
      <c r="EG12" s="26">
        <v>0</v>
      </c>
      <c r="EH12" s="404">
        <v>0</v>
      </c>
      <c r="EI12" s="25">
        <v>56980</v>
      </c>
      <c r="EJ12" s="25">
        <v>59935</v>
      </c>
      <c r="EK12" s="25">
        <v>143759</v>
      </c>
      <c r="EL12" s="25">
        <v>128665</v>
      </c>
      <c r="EM12" s="25">
        <v>45312</v>
      </c>
      <c r="EN12" s="28">
        <v>434651</v>
      </c>
      <c r="EO12" s="29">
        <v>434651</v>
      </c>
      <c r="EP12" s="24">
        <v>0</v>
      </c>
      <c r="EQ12" s="25">
        <v>0</v>
      </c>
      <c r="ER12" s="26">
        <v>0</v>
      </c>
      <c r="ES12" s="404">
        <v>0</v>
      </c>
      <c r="ET12" s="25">
        <v>0</v>
      </c>
      <c r="EU12" s="25">
        <v>0</v>
      </c>
      <c r="EV12" s="25">
        <v>0</v>
      </c>
      <c r="EW12" s="25">
        <v>0</v>
      </c>
      <c r="EX12" s="25">
        <v>0</v>
      </c>
      <c r="EY12" s="28">
        <v>0</v>
      </c>
      <c r="EZ12" s="29">
        <v>0</v>
      </c>
      <c r="FA12" s="24">
        <v>0</v>
      </c>
      <c r="FB12" s="25">
        <v>0</v>
      </c>
      <c r="FC12" s="26">
        <v>0</v>
      </c>
      <c r="FD12" s="404">
        <v>0</v>
      </c>
      <c r="FE12" s="25">
        <v>0</v>
      </c>
      <c r="FF12" s="25">
        <v>217</v>
      </c>
      <c r="FG12" s="25">
        <v>217</v>
      </c>
      <c r="FH12" s="25">
        <v>490</v>
      </c>
      <c r="FI12" s="25">
        <v>13925</v>
      </c>
      <c r="FJ12" s="28">
        <v>14849</v>
      </c>
      <c r="FK12" s="29">
        <v>14849</v>
      </c>
      <c r="FL12" s="24">
        <v>0</v>
      </c>
      <c r="FM12" s="25">
        <v>0</v>
      </c>
      <c r="FN12" s="26">
        <v>0</v>
      </c>
      <c r="FO12" s="404">
        <v>0</v>
      </c>
      <c r="FP12" s="25">
        <v>0</v>
      </c>
      <c r="FQ12" s="25">
        <v>0</v>
      </c>
      <c r="FR12" s="25">
        <v>230950</v>
      </c>
      <c r="FS12" s="25">
        <v>390664</v>
      </c>
      <c r="FT12" s="25">
        <v>49416</v>
      </c>
      <c r="FU12" s="28">
        <v>671030</v>
      </c>
      <c r="FV12" s="29">
        <v>671030</v>
      </c>
      <c r="FW12" s="24">
        <v>0</v>
      </c>
      <c r="FX12" s="25">
        <v>7656</v>
      </c>
      <c r="FY12" s="26">
        <v>7656</v>
      </c>
      <c r="FZ12" s="27">
        <v>0</v>
      </c>
      <c r="GA12" s="25">
        <v>178731</v>
      </c>
      <c r="GB12" s="25">
        <v>243886</v>
      </c>
      <c r="GC12" s="25">
        <v>652116</v>
      </c>
      <c r="GD12" s="25">
        <v>460088</v>
      </c>
      <c r="GE12" s="25">
        <v>210643</v>
      </c>
      <c r="GF12" s="28">
        <v>1745464</v>
      </c>
      <c r="GG12" s="29">
        <v>1753120</v>
      </c>
      <c r="GH12" s="24">
        <v>0</v>
      </c>
      <c r="GI12" s="25">
        <v>0</v>
      </c>
      <c r="GJ12" s="26">
        <v>0</v>
      </c>
      <c r="GK12" s="27">
        <v>0</v>
      </c>
      <c r="GL12" s="25">
        <v>0</v>
      </c>
      <c r="GM12" s="25">
        <v>91</v>
      </c>
      <c r="GN12" s="25">
        <v>0</v>
      </c>
      <c r="GO12" s="25">
        <v>2699</v>
      </c>
      <c r="GP12" s="25">
        <v>1769</v>
      </c>
      <c r="GQ12" s="28">
        <v>4559</v>
      </c>
      <c r="GR12" s="29">
        <v>4559</v>
      </c>
      <c r="GS12" s="24">
        <v>0</v>
      </c>
      <c r="GT12" s="25">
        <v>0</v>
      </c>
      <c r="GU12" s="26">
        <v>0</v>
      </c>
      <c r="GV12" s="27">
        <v>0</v>
      </c>
      <c r="GW12" s="25">
        <v>0</v>
      </c>
      <c r="GX12" s="25">
        <v>0</v>
      </c>
      <c r="GY12" s="25">
        <v>0</v>
      </c>
      <c r="GZ12" s="25">
        <v>0</v>
      </c>
      <c r="HA12" s="25">
        <v>0</v>
      </c>
      <c r="HB12" s="28">
        <v>0</v>
      </c>
      <c r="HC12" s="29">
        <v>0</v>
      </c>
      <c r="HD12" s="24">
        <v>0</v>
      </c>
      <c r="HE12" s="25">
        <v>0</v>
      </c>
      <c r="HF12" s="26">
        <v>0</v>
      </c>
      <c r="HG12" s="404">
        <v>0</v>
      </c>
      <c r="HH12" s="25">
        <v>0</v>
      </c>
      <c r="HI12" s="25">
        <v>0</v>
      </c>
      <c r="HJ12" s="25">
        <v>0</v>
      </c>
      <c r="HK12" s="25">
        <v>0</v>
      </c>
      <c r="HL12" s="25">
        <v>0</v>
      </c>
      <c r="HM12" s="28">
        <v>0</v>
      </c>
      <c r="HN12" s="29">
        <v>0</v>
      </c>
      <c r="HO12" s="24">
        <v>0</v>
      </c>
      <c r="HP12" s="25">
        <v>8961</v>
      </c>
      <c r="HQ12" s="26">
        <v>8961</v>
      </c>
      <c r="HR12" s="27">
        <v>0</v>
      </c>
      <c r="HS12" s="25">
        <v>813265</v>
      </c>
      <c r="HT12" s="25">
        <v>2285749</v>
      </c>
      <c r="HU12" s="25">
        <v>9660641</v>
      </c>
      <c r="HV12" s="25">
        <v>10238238</v>
      </c>
      <c r="HW12" s="25">
        <v>5428174</v>
      </c>
      <c r="HX12" s="28">
        <v>28426067</v>
      </c>
      <c r="HY12" s="29">
        <v>28435028</v>
      </c>
    </row>
    <row r="13" spans="2:233" ht="21" customHeight="1" x14ac:dyDescent="0.2">
      <c r="B13" s="106" t="s">
        <v>9</v>
      </c>
      <c r="C13" s="24">
        <v>0</v>
      </c>
      <c r="D13" s="25">
        <v>0</v>
      </c>
      <c r="E13" s="26">
        <v>0</v>
      </c>
      <c r="F13" s="27">
        <v>0</v>
      </c>
      <c r="G13" s="25">
        <v>158174</v>
      </c>
      <c r="H13" s="25">
        <v>168364</v>
      </c>
      <c r="I13" s="25">
        <v>2086007</v>
      </c>
      <c r="J13" s="25">
        <v>2040530</v>
      </c>
      <c r="K13" s="25">
        <v>1446087</v>
      </c>
      <c r="L13" s="28">
        <v>5899162</v>
      </c>
      <c r="M13" s="29">
        <v>5899162</v>
      </c>
      <c r="N13" s="24">
        <v>0</v>
      </c>
      <c r="O13" s="25">
        <v>0</v>
      </c>
      <c r="P13" s="26">
        <v>0</v>
      </c>
      <c r="Q13" s="404">
        <v>0</v>
      </c>
      <c r="R13" s="25">
        <v>32705</v>
      </c>
      <c r="S13" s="25">
        <v>43245</v>
      </c>
      <c r="T13" s="25">
        <v>1367060</v>
      </c>
      <c r="U13" s="25">
        <v>1457680</v>
      </c>
      <c r="V13" s="25">
        <v>1100722</v>
      </c>
      <c r="W13" s="28">
        <v>4001412</v>
      </c>
      <c r="X13" s="29">
        <v>4001412</v>
      </c>
      <c r="Y13" s="24">
        <v>0</v>
      </c>
      <c r="Z13" s="25">
        <v>0</v>
      </c>
      <c r="AA13" s="26">
        <v>0</v>
      </c>
      <c r="AB13" s="404">
        <v>0</v>
      </c>
      <c r="AC13" s="25">
        <v>87769</v>
      </c>
      <c r="AD13" s="25">
        <v>78105</v>
      </c>
      <c r="AE13" s="25">
        <v>611490</v>
      </c>
      <c r="AF13" s="25">
        <v>419120</v>
      </c>
      <c r="AG13" s="25">
        <v>268845</v>
      </c>
      <c r="AH13" s="28">
        <v>1465329</v>
      </c>
      <c r="AI13" s="29">
        <v>1465329</v>
      </c>
      <c r="AJ13" s="24">
        <v>0</v>
      </c>
      <c r="AK13" s="25">
        <v>0</v>
      </c>
      <c r="AL13" s="26">
        <v>0</v>
      </c>
      <c r="AM13" s="404">
        <v>0</v>
      </c>
      <c r="AN13" s="25">
        <v>0</v>
      </c>
      <c r="AO13" s="25">
        <v>0</v>
      </c>
      <c r="AP13" s="25">
        <v>0</v>
      </c>
      <c r="AQ13" s="25">
        <v>0</v>
      </c>
      <c r="AR13" s="25">
        <v>0</v>
      </c>
      <c r="AS13" s="28">
        <v>0</v>
      </c>
      <c r="AT13" s="29">
        <v>0</v>
      </c>
      <c r="AU13" s="24">
        <v>0</v>
      </c>
      <c r="AV13" s="25">
        <v>0</v>
      </c>
      <c r="AW13" s="26">
        <v>0</v>
      </c>
      <c r="AX13" s="404">
        <v>0</v>
      </c>
      <c r="AY13" s="25">
        <v>0</v>
      </c>
      <c r="AZ13" s="25">
        <v>0</v>
      </c>
      <c r="BA13" s="25">
        <v>0</v>
      </c>
      <c r="BB13" s="25">
        <v>0</v>
      </c>
      <c r="BC13" s="25">
        <v>7905</v>
      </c>
      <c r="BD13" s="28">
        <v>7905</v>
      </c>
      <c r="BE13" s="29">
        <v>7905</v>
      </c>
      <c r="BF13" s="24">
        <v>0</v>
      </c>
      <c r="BG13" s="25">
        <v>0</v>
      </c>
      <c r="BH13" s="26">
        <v>0</v>
      </c>
      <c r="BI13" s="404">
        <v>0</v>
      </c>
      <c r="BJ13" s="25">
        <v>0</v>
      </c>
      <c r="BK13" s="25">
        <v>0</v>
      </c>
      <c r="BL13" s="25">
        <v>0</v>
      </c>
      <c r="BM13" s="25">
        <v>0</v>
      </c>
      <c r="BN13" s="25">
        <v>24645</v>
      </c>
      <c r="BO13" s="28">
        <v>24645</v>
      </c>
      <c r="BP13" s="29">
        <v>24645</v>
      </c>
      <c r="BQ13" s="24">
        <v>0</v>
      </c>
      <c r="BR13" s="25">
        <v>0</v>
      </c>
      <c r="BS13" s="26">
        <v>0</v>
      </c>
      <c r="BT13" s="27">
        <v>0</v>
      </c>
      <c r="BU13" s="25">
        <v>37700</v>
      </c>
      <c r="BV13" s="25">
        <v>37714</v>
      </c>
      <c r="BW13" s="25">
        <v>104044</v>
      </c>
      <c r="BX13" s="25">
        <v>149840</v>
      </c>
      <c r="BY13" s="25">
        <v>42955</v>
      </c>
      <c r="BZ13" s="28">
        <v>372253</v>
      </c>
      <c r="CA13" s="29">
        <v>372253</v>
      </c>
      <c r="CB13" s="24">
        <v>0</v>
      </c>
      <c r="CC13" s="25">
        <v>0</v>
      </c>
      <c r="CD13" s="26">
        <v>0</v>
      </c>
      <c r="CE13" s="27">
        <v>0</v>
      </c>
      <c r="CF13" s="25">
        <v>0</v>
      </c>
      <c r="CG13" s="25">
        <v>9300</v>
      </c>
      <c r="CH13" s="25">
        <v>3413</v>
      </c>
      <c r="CI13" s="25">
        <v>13890</v>
      </c>
      <c r="CJ13" s="25">
        <v>1015</v>
      </c>
      <c r="CK13" s="28">
        <v>27618</v>
      </c>
      <c r="CL13" s="29">
        <v>27618</v>
      </c>
      <c r="CM13" s="24">
        <v>0</v>
      </c>
      <c r="CN13" s="25">
        <v>0</v>
      </c>
      <c r="CO13" s="26">
        <v>0</v>
      </c>
      <c r="CP13" s="27">
        <v>0</v>
      </c>
      <c r="CQ13" s="25">
        <v>0</v>
      </c>
      <c r="CR13" s="25">
        <v>0</v>
      </c>
      <c r="CS13" s="25">
        <v>0</v>
      </c>
      <c r="CT13" s="25">
        <v>0</v>
      </c>
      <c r="CU13" s="25">
        <v>0</v>
      </c>
      <c r="CV13" s="28">
        <v>0</v>
      </c>
      <c r="CW13" s="29">
        <v>0</v>
      </c>
      <c r="CX13" s="24">
        <v>0</v>
      </c>
      <c r="CY13" s="25">
        <v>0</v>
      </c>
      <c r="CZ13" s="26">
        <v>0</v>
      </c>
      <c r="DA13" s="404">
        <v>0</v>
      </c>
      <c r="DB13" s="25">
        <v>0</v>
      </c>
      <c r="DC13" s="25">
        <v>0</v>
      </c>
      <c r="DD13" s="25">
        <v>0</v>
      </c>
      <c r="DE13" s="25">
        <v>0</v>
      </c>
      <c r="DF13" s="25">
        <v>0</v>
      </c>
      <c r="DG13" s="28">
        <v>0</v>
      </c>
      <c r="DH13" s="29">
        <v>0</v>
      </c>
      <c r="DI13" s="24">
        <v>0</v>
      </c>
      <c r="DJ13" s="25">
        <v>0</v>
      </c>
      <c r="DK13" s="26">
        <v>0</v>
      </c>
      <c r="DL13" s="27">
        <v>0</v>
      </c>
      <c r="DM13" s="25">
        <v>89692</v>
      </c>
      <c r="DN13" s="25">
        <v>240042</v>
      </c>
      <c r="DO13" s="25">
        <v>2323910</v>
      </c>
      <c r="DP13" s="25">
        <v>2554618</v>
      </c>
      <c r="DQ13" s="25">
        <v>1760968</v>
      </c>
      <c r="DR13" s="28">
        <v>6969230</v>
      </c>
      <c r="DS13" s="30">
        <v>6969230</v>
      </c>
      <c r="DT13" s="24">
        <v>0</v>
      </c>
      <c r="DU13" s="25">
        <v>0</v>
      </c>
      <c r="DV13" s="26">
        <v>0</v>
      </c>
      <c r="DW13" s="404">
        <v>0</v>
      </c>
      <c r="DX13" s="25">
        <v>36766</v>
      </c>
      <c r="DY13" s="25">
        <v>116529</v>
      </c>
      <c r="DZ13" s="25">
        <v>2045906</v>
      </c>
      <c r="EA13" s="25">
        <v>2237001</v>
      </c>
      <c r="EB13" s="25">
        <v>1550721</v>
      </c>
      <c r="EC13" s="28">
        <v>5986923</v>
      </c>
      <c r="ED13" s="29">
        <v>5986923</v>
      </c>
      <c r="EE13" s="24">
        <v>0</v>
      </c>
      <c r="EF13" s="25">
        <v>0</v>
      </c>
      <c r="EG13" s="26">
        <v>0</v>
      </c>
      <c r="EH13" s="404">
        <v>0</v>
      </c>
      <c r="EI13" s="25">
        <v>2184</v>
      </c>
      <c r="EJ13" s="25">
        <v>24180</v>
      </c>
      <c r="EK13" s="25">
        <v>59010</v>
      </c>
      <c r="EL13" s="25">
        <v>57600</v>
      </c>
      <c r="EM13" s="25">
        <v>117214</v>
      </c>
      <c r="EN13" s="28">
        <v>260188</v>
      </c>
      <c r="EO13" s="29">
        <v>260188</v>
      </c>
      <c r="EP13" s="24">
        <v>0</v>
      </c>
      <c r="EQ13" s="25">
        <v>0</v>
      </c>
      <c r="ER13" s="26">
        <v>0</v>
      </c>
      <c r="ES13" s="404">
        <v>0</v>
      </c>
      <c r="ET13" s="25">
        <v>0</v>
      </c>
      <c r="EU13" s="25">
        <v>0</v>
      </c>
      <c r="EV13" s="25">
        <v>0</v>
      </c>
      <c r="EW13" s="25">
        <v>0</v>
      </c>
      <c r="EX13" s="25">
        <v>0</v>
      </c>
      <c r="EY13" s="28">
        <v>0</v>
      </c>
      <c r="EZ13" s="29">
        <v>0</v>
      </c>
      <c r="FA13" s="24">
        <v>0</v>
      </c>
      <c r="FB13" s="25">
        <v>0</v>
      </c>
      <c r="FC13" s="26">
        <v>0</v>
      </c>
      <c r="FD13" s="404">
        <v>0</v>
      </c>
      <c r="FE13" s="25">
        <v>0</v>
      </c>
      <c r="FF13" s="25">
        <v>0</v>
      </c>
      <c r="FG13" s="25">
        <v>0</v>
      </c>
      <c r="FH13" s="25">
        <v>0</v>
      </c>
      <c r="FI13" s="25">
        <v>651</v>
      </c>
      <c r="FJ13" s="28">
        <v>651</v>
      </c>
      <c r="FK13" s="29">
        <v>651</v>
      </c>
      <c r="FL13" s="24">
        <v>0</v>
      </c>
      <c r="FM13" s="25">
        <v>0</v>
      </c>
      <c r="FN13" s="26">
        <v>0</v>
      </c>
      <c r="FO13" s="404">
        <v>0</v>
      </c>
      <c r="FP13" s="25">
        <v>0</v>
      </c>
      <c r="FQ13" s="25">
        <v>0</v>
      </c>
      <c r="FR13" s="25">
        <v>0</v>
      </c>
      <c r="FS13" s="25">
        <v>0</v>
      </c>
      <c r="FT13" s="25">
        <v>21576</v>
      </c>
      <c r="FU13" s="28">
        <v>21576</v>
      </c>
      <c r="FV13" s="29">
        <v>21576</v>
      </c>
      <c r="FW13" s="24">
        <v>0</v>
      </c>
      <c r="FX13" s="25">
        <v>0</v>
      </c>
      <c r="FY13" s="26">
        <v>0</v>
      </c>
      <c r="FZ13" s="27">
        <v>0</v>
      </c>
      <c r="GA13" s="25">
        <v>50742</v>
      </c>
      <c r="GB13" s="25">
        <v>99249</v>
      </c>
      <c r="GC13" s="25">
        <v>211778</v>
      </c>
      <c r="GD13" s="25">
        <v>259891</v>
      </c>
      <c r="GE13" s="25">
        <v>70750</v>
      </c>
      <c r="GF13" s="28">
        <v>692410</v>
      </c>
      <c r="GG13" s="29">
        <v>692410</v>
      </c>
      <c r="GH13" s="24">
        <v>0</v>
      </c>
      <c r="GI13" s="25">
        <v>0</v>
      </c>
      <c r="GJ13" s="26">
        <v>0</v>
      </c>
      <c r="GK13" s="27">
        <v>0</v>
      </c>
      <c r="GL13" s="25">
        <v>0</v>
      </c>
      <c r="GM13" s="25">
        <v>84</v>
      </c>
      <c r="GN13" s="25">
        <v>7216</v>
      </c>
      <c r="GO13" s="25">
        <v>126</v>
      </c>
      <c r="GP13" s="25">
        <v>56</v>
      </c>
      <c r="GQ13" s="28">
        <v>7482</v>
      </c>
      <c r="GR13" s="29">
        <v>7482</v>
      </c>
      <c r="GS13" s="24">
        <v>0</v>
      </c>
      <c r="GT13" s="25">
        <v>0</v>
      </c>
      <c r="GU13" s="26">
        <v>0</v>
      </c>
      <c r="GV13" s="27">
        <v>0</v>
      </c>
      <c r="GW13" s="25">
        <v>0</v>
      </c>
      <c r="GX13" s="25">
        <v>0</v>
      </c>
      <c r="GY13" s="25">
        <v>0</v>
      </c>
      <c r="GZ13" s="25">
        <v>0</v>
      </c>
      <c r="HA13" s="25">
        <v>0</v>
      </c>
      <c r="HB13" s="28">
        <v>0</v>
      </c>
      <c r="HC13" s="29">
        <v>0</v>
      </c>
      <c r="HD13" s="24">
        <v>0</v>
      </c>
      <c r="HE13" s="25">
        <v>0</v>
      </c>
      <c r="HF13" s="26">
        <v>0</v>
      </c>
      <c r="HG13" s="404">
        <v>0</v>
      </c>
      <c r="HH13" s="25">
        <v>0</v>
      </c>
      <c r="HI13" s="25">
        <v>0</v>
      </c>
      <c r="HJ13" s="25">
        <v>0</v>
      </c>
      <c r="HK13" s="25">
        <v>0</v>
      </c>
      <c r="HL13" s="25">
        <v>0</v>
      </c>
      <c r="HM13" s="28">
        <v>0</v>
      </c>
      <c r="HN13" s="29">
        <v>0</v>
      </c>
      <c r="HO13" s="24">
        <v>0</v>
      </c>
      <c r="HP13" s="25">
        <v>0</v>
      </c>
      <c r="HQ13" s="26">
        <v>0</v>
      </c>
      <c r="HR13" s="27">
        <v>0</v>
      </c>
      <c r="HS13" s="25">
        <v>247866</v>
      </c>
      <c r="HT13" s="25">
        <v>408406</v>
      </c>
      <c r="HU13" s="25">
        <v>4409917</v>
      </c>
      <c r="HV13" s="25">
        <v>4595148</v>
      </c>
      <c r="HW13" s="25">
        <v>3207055</v>
      </c>
      <c r="HX13" s="28">
        <v>12868392</v>
      </c>
      <c r="HY13" s="29">
        <v>12868392</v>
      </c>
    </row>
    <row r="14" spans="2:233" ht="21" customHeight="1" x14ac:dyDescent="0.2">
      <c r="B14" s="106" t="s">
        <v>10</v>
      </c>
      <c r="C14" s="24">
        <v>0</v>
      </c>
      <c r="D14" s="25">
        <v>7365</v>
      </c>
      <c r="E14" s="26">
        <v>7365</v>
      </c>
      <c r="F14" s="27">
        <v>0</v>
      </c>
      <c r="G14" s="25">
        <v>640330</v>
      </c>
      <c r="H14" s="25">
        <v>838200</v>
      </c>
      <c r="I14" s="25">
        <v>2970185</v>
      </c>
      <c r="J14" s="25">
        <v>4877251</v>
      </c>
      <c r="K14" s="25">
        <v>3210922</v>
      </c>
      <c r="L14" s="28">
        <v>12536888</v>
      </c>
      <c r="M14" s="29">
        <v>12544253</v>
      </c>
      <c r="N14" s="24">
        <v>0</v>
      </c>
      <c r="O14" s="25">
        <v>0</v>
      </c>
      <c r="P14" s="26">
        <v>0</v>
      </c>
      <c r="Q14" s="404">
        <v>0</v>
      </c>
      <c r="R14" s="25">
        <v>80355</v>
      </c>
      <c r="S14" s="25">
        <v>261900</v>
      </c>
      <c r="T14" s="25">
        <v>2135205</v>
      </c>
      <c r="U14" s="25">
        <v>3564612</v>
      </c>
      <c r="V14" s="25">
        <v>2481972</v>
      </c>
      <c r="W14" s="28">
        <v>8524044</v>
      </c>
      <c r="X14" s="29">
        <v>8524044</v>
      </c>
      <c r="Y14" s="24">
        <v>0</v>
      </c>
      <c r="Z14" s="25">
        <v>0</v>
      </c>
      <c r="AA14" s="26">
        <v>0</v>
      </c>
      <c r="AB14" s="404">
        <v>0</v>
      </c>
      <c r="AC14" s="25">
        <v>456905</v>
      </c>
      <c r="AD14" s="25">
        <v>416220</v>
      </c>
      <c r="AE14" s="25">
        <v>519030</v>
      </c>
      <c r="AF14" s="25">
        <v>998980</v>
      </c>
      <c r="AG14" s="25">
        <v>404635</v>
      </c>
      <c r="AH14" s="28">
        <v>2795770</v>
      </c>
      <c r="AI14" s="29">
        <v>2795770</v>
      </c>
      <c r="AJ14" s="24">
        <v>0</v>
      </c>
      <c r="AK14" s="25">
        <v>0</v>
      </c>
      <c r="AL14" s="26">
        <v>0</v>
      </c>
      <c r="AM14" s="404">
        <v>0</v>
      </c>
      <c r="AN14" s="25">
        <v>0</v>
      </c>
      <c r="AO14" s="25">
        <v>0</v>
      </c>
      <c r="AP14" s="25">
        <v>0</v>
      </c>
      <c r="AQ14" s="25">
        <v>0</v>
      </c>
      <c r="AR14" s="25">
        <v>0</v>
      </c>
      <c r="AS14" s="28">
        <v>0</v>
      </c>
      <c r="AT14" s="29">
        <v>0</v>
      </c>
      <c r="AU14" s="24">
        <v>0</v>
      </c>
      <c r="AV14" s="25">
        <v>0</v>
      </c>
      <c r="AW14" s="26">
        <v>0</v>
      </c>
      <c r="AX14" s="404">
        <v>0</v>
      </c>
      <c r="AY14" s="25">
        <v>0</v>
      </c>
      <c r="AZ14" s="25">
        <v>0</v>
      </c>
      <c r="BA14" s="25">
        <v>0</v>
      </c>
      <c r="BB14" s="25">
        <v>57350</v>
      </c>
      <c r="BC14" s="25">
        <v>132385</v>
      </c>
      <c r="BD14" s="28">
        <v>189735</v>
      </c>
      <c r="BE14" s="29">
        <v>189735</v>
      </c>
      <c r="BF14" s="24">
        <v>0</v>
      </c>
      <c r="BG14" s="25">
        <v>0</v>
      </c>
      <c r="BH14" s="26">
        <v>0</v>
      </c>
      <c r="BI14" s="404">
        <v>0</v>
      </c>
      <c r="BJ14" s="25">
        <v>0</v>
      </c>
      <c r="BK14" s="25">
        <v>0</v>
      </c>
      <c r="BL14" s="25">
        <v>0</v>
      </c>
      <c r="BM14" s="25">
        <v>35340</v>
      </c>
      <c r="BN14" s="25">
        <v>7905</v>
      </c>
      <c r="BO14" s="28">
        <v>43245</v>
      </c>
      <c r="BP14" s="29">
        <v>43245</v>
      </c>
      <c r="BQ14" s="24">
        <v>0</v>
      </c>
      <c r="BR14" s="25">
        <v>7365</v>
      </c>
      <c r="BS14" s="26">
        <v>7365</v>
      </c>
      <c r="BT14" s="27">
        <v>0</v>
      </c>
      <c r="BU14" s="25">
        <v>101377</v>
      </c>
      <c r="BV14" s="25">
        <v>156232</v>
      </c>
      <c r="BW14" s="25">
        <v>289274</v>
      </c>
      <c r="BX14" s="25">
        <v>209607</v>
      </c>
      <c r="BY14" s="25">
        <v>167569</v>
      </c>
      <c r="BZ14" s="28">
        <v>924059</v>
      </c>
      <c r="CA14" s="29">
        <v>931424</v>
      </c>
      <c r="CB14" s="24">
        <v>0</v>
      </c>
      <c r="CC14" s="25">
        <v>0</v>
      </c>
      <c r="CD14" s="26">
        <v>0</v>
      </c>
      <c r="CE14" s="27">
        <v>0</v>
      </c>
      <c r="CF14" s="25">
        <v>1693</v>
      </c>
      <c r="CG14" s="25">
        <v>3848</v>
      </c>
      <c r="CH14" s="25">
        <v>26676</v>
      </c>
      <c r="CI14" s="25">
        <v>11362</v>
      </c>
      <c r="CJ14" s="25">
        <v>16456</v>
      </c>
      <c r="CK14" s="28">
        <v>60035</v>
      </c>
      <c r="CL14" s="29">
        <v>60035</v>
      </c>
      <c r="CM14" s="24">
        <v>0</v>
      </c>
      <c r="CN14" s="25">
        <v>0</v>
      </c>
      <c r="CO14" s="26">
        <v>0</v>
      </c>
      <c r="CP14" s="27">
        <v>0</v>
      </c>
      <c r="CQ14" s="25">
        <v>0</v>
      </c>
      <c r="CR14" s="25">
        <v>0</v>
      </c>
      <c r="CS14" s="25">
        <v>0</v>
      </c>
      <c r="CT14" s="25">
        <v>0</v>
      </c>
      <c r="CU14" s="25">
        <v>0</v>
      </c>
      <c r="CV14" s="28">
        <v>0</v>
      </c>
      <c r="CW14" s="29">
        <v>0</v>
      </c>
      <c r="CX14" s="24">
        <v>0</v>
      </c>
      <c r="CY14" s="25">
        <v>0</v>
      </c>
      <c r="CZ14" s="26">
        <v>0</v>
      </c>
      <c r="DA14" s="404">
        <v>0</v>
      </c>
      <c r="DB14" s="25">
        <v>0</v>
      </c>
      <c r="DC14" s="25">
        <v>0</v>
      </c>
      <c r="DD14" s="25">
        <v>0</v>
      </c>
      <c r="DE14" s="25">
        <v>0</v>
      </c>
      <c r="DF14" s="25">
        <v>0</v>
      </c>
      <c r="DG14" s="28">
        <v>0</v>
      </c>
      <c r="DH14" s="29">
        <v>0</v>
      </c>
      <c r="DI14" s="24">
        <v>0</v>
      </c>
      <c r="DJ14" s="25">
        <v>7968</v>
      </c>
      <c r="DK14" s="26">
        <v>7968</v>
      </c>
      <c r="DL14" s="27">
        <v>0</v>
      </c>
      <c r="DM14" s="25">
        <v>394134</v>
      </c>
      <c r="DN14" s="25">
        <v>806123</v>
      </c>
      <c r="DO14" s="25">
        <v>3612566</v>
      </c>
      <c r="DP14" s="25">
        <v>5925764</v>
      </c>
      <c r="DQ14" s="25">
        <v>3846152</v>
      </c>
      <c r="DR14" s="28">
        <v>14584739</v>
      </c>
      <c r="DS14" s="30">
        <v>14592707</v>
      </c>
      <c r="DT14" s="24">
        <v>0</v>
      </c>
      <c r="DU14" s="25">
        <v>0</v>
      </c>
      <c r="DV14" s="26">
        <v>0</v>
      </c>
      <c r="DW14" s="404">
        <v>0</v>
      </c>
      <c r="DX14" s="25">
        <v>171944</v>
      </c>
      <c r="DY14" s="25">
        <v>435523</v>
      </c>
      <c r="DZ14" s="25">
        <v>3161754</v>
      </c>
      <c r="EA14" s="25">
        <v>5341156</v>
      </c>
      <c r="EB14" s="25">
        <v>3433465</v>
      </c>
      <c r="EC14" s="28">
        <v>12543842</v>
      </c>
      <c r="ED14" s="29">
        <v>12543842</v>
      </c>
      <c r="EE14" s="24">
        <v>0</v>
      </c>
      <c r="EF14" s="25">
        <v>0</v>
      </c>
      <c r="EG14" s="26">
        <v>0</v>
      </c>
      <c r="EH14" s="404">
        <v>0</v>
      </c>
      <c r="EI14" s="25">
        <v>54186</v>
      </c>
      <c r="EJ14" s="25">
        <v>119554</v>
      </c>
      <c r="EK14" s="25">
        <v>102922</v>
      </c>
      <c r="EL14" s="25">
        <v>107278</v>
      </c>
      <c r="EM14" s="25">
        <v>80932</v>
      </c>
      <c r="EN14" s="28">
        <v>464872</v>
      </c>
      <c r="EO14" s="29">
        <v>464872</v>
      </c>
      <c r="EP14" s="24">
        <v>0</v>
      </c>
      <c r="EQ14" s="25">
        <v>0</v>
      </c>
      <c r="ER14" s="26">
        <v>0</v>
      </c>
      <c r="ES14" s="404">
        <v>0</v>
      </c>
      <c r="ET14" s="25">
        <v>0</v>
      </c>
      <c r="EU14" s="25">
        <v>0</v>
      </c>
      <c r="EV14" s="25">
        <v>0</v>
      </c>
      <c r="EW14" s="25">
        <v>0</v>
      </c>
      <c r="EX14" s="25">
        <v>0</v>
      </c>
      <c r="EY14" s="28">
        <v>0</v>
      </c>
      <c r="EZ14" s="29">
        <v>0</v>
      </c>
      <c r="FA14" s="24">
        <v>0</v>
      </c>
      <c r="FB14" s="25">
        <v>0</v>
      </c>
      <c r="FC14" s="26">
        <v>0</v>
      </c>
      <c r="FD14" s="404">
        <v>0</v>
      </c>
      <c r="FE14" s="25">
        <v>0</v>
      </c>
      <c r="FF14" s="25">
        <v>0</v>
      </c>
      <c r="FG14" s="25">
        <v>0</v>
      </c>
      <c r="FH14" s="25">
        <v>434</v>
      </c>
      <c r="FI14" s="25">
        <v>2387</v>
      </c>
      <c r="FJ14" s="28">
        <v>2821</v>
      </c>
      <c r="FK14" s="29">
        <v>2821</v>
      </c>
      <c r="FL14" s="24">
        <v>0</v>
      </c>
      <c r="FM14" s="25">
        <v>0</v>
      </c>
      <c r="FN14" s="26">
        <v>0</v>
      </c>
      <c r="FO14" s="404">
        <v>0</v>
      </c>
      <c r="FP14" s="25">
        <v>0</v>
      </c>
      <c r="FQ14" s="25">
        <v>0</v>
      </c>
      <c r="FR14" s="25">
        <v>0</v>
      </c>
      <c r="FS14" s="25">
        <v>47647</v>
      </c>
      <c r="FT14" s="25">
        <v>64728</v>
      </c>
      <c r="FU14" s="28">
        <v>112375</v>
      </c>
      <c r="FV14" s="29">
        <v>112375</v>
      </c>
      <c r="FW14" s="24">
        <v>0</v>
      </c>
      <c r="FX14" s="25">
        <v>7968</v>
      </c>
      <c r="FY14" s="26">
        <v>7968</v>
      </c>
      <c r="FZ14" s="27">
        <v>0</v>
      </c>
      <c r="GA14" s="25">
        <v>167920</v>
      </c>
      <c r="GB14" s="25">
        <v>250969</v>
      </c>
      <c r="GC14" s="25">
        <v>347610</v>
      </c>
      <c r="GD14" s="25">
        <v>426438</v>
      </c>
      <c r="GE14" s="25">
        <v>249329</v>
      </c>
      <c r="GF14" s="28">
        <v>1442266</v>
      </c>
      <c r="GG14" s="29">
        <v>1450234</v>
      </c>
      <c r="GH14" s="24">
        <v>0</v>
      </c>
      <c r="GI14" s="25">
        <v>0</v>
      </c>
      <c r="GJ14" s="26">
        <v>0</v>
      </c>
      <c r="GK14" s="27">
        <v>0</v>
      </c>
      <c r="GL14" s="25">
        <v>84</v>
      </c>
      <c r="GM14" s="25">
        <v>77</v>
      </c>
      <c r="GN14" s="25">
        <v>280</v>
      </c>
      <c r="GO14" s="25">
        <v>2811</v>
      </c>
      <c r="GP14" s="25">
        <v>15311</v>
      </c>
      <c r="GQ14" s="28">
        <v>18563</v>
      </c>
      <c r="GR14" s="29">
        <v>18563</v>
      </c>
      <c r="GS14" s="24">
        <v>0</v>
      </c>
      <c r="GT14" s="25">
        <v>0</v>
      </c>
      <c r="GU14" s="26">
        <v>0</v>
      </c>
      <c r="GV14" s="27">
        <v>0</v>
      </c>
      <c r="GW14" s="25">
        <v>0</v>
      </c>
      <c r="GX14" s="25">
        <v>0</v>
      </c>
      <c r="GY14" s="25">
        <v>0</v>
      </c>
      <c r="GZ14" s="25">
        <v>0</v>
      </c>
      <c r="HA14" s="25">
        <v>0</v>
      </c>
      <c r="HB14" s="28">
        <v>0</v>
      </c>
      <c r="HC14" s="29">
        <v>0</v>
      </c>
      <c r="HD14" s="24">
        <v>0</v>
      </c>
      <c r="HE14" s="25">
        <v>0</v>
      </c>
      <c r="HF14" s="26">
        <v>0</v>
      </c>
      <c r="HG14" s="404">
        <v>0</v>
      </c>
      <c r="HH14" s="25">
        <v>0</v>
      </c>
      <c r="HI14" s="25">
        <v>0</v>
      </c>
      <c r="HJ14" s="25">
        <v>0</v>
      </c>
      <c r="HK14" s="25">
        <v>0</v>
      </c>
      <c r="HL14" s="25">
        <v>0</v>
      </c>
      <c r="HM14" s="28">
        <v>0</v>
      </c>
      <c r="HN14" s="29">
        <v>0</v>
      </c>
      <c r="HO14" s="24">
        <v>0</v>
      </c>
      <c r="HP14" s="25">
        <v>15333</v>
      </c>
      <c r="HQ14" s="26">
        <v>15333</v>
      </c>
      <c r="HR14" s="27">
        <v>0</v>
      </c>
      <c r="HS14" s="25">
        <v>1034464</v>
      </c>
      <c r="HT14" s="25">
        <v>1644323</v>
      </c>
      <c r="HU14" s="25">
        <v>6582751</v>
      </c>
      <c r="HV14" s="25">
        <v>10803015</v>
      </c>
      <c r="HW14" s="25">
        <v>7057074</v>
      </c>
      <c r="HX14" s="28">
        <v>27121627</v>
      </c>
      <c r="HY14" s="29">
        <v>27136960</v>
      </c>
    </row>
    <row r="15" spans="2:233" ht="21" customHeight="1" x14ac:dyDescent="0.2">
      <c r="B15" s="106" t="s">
        <v>11</v>
      </c>
      <c r="C15" s="24">
        <v>1535</v>
      </c>
      <c r="D15" s="25">
        <v>5190</v>
      </c>
      <c r="E15" s="26">
        <v>6725</v>
      </c>
      <c r="F15" s="27">
        <v>0</v>
      </c>
      <c r="G15" s="25">
        <v>594763</v>
      </c>
      <c r="H15" s="25">
        <v>829397</v>
      </c>
      <c r="I15" s="25">
        <v>2317988</v>
      </c>
      <c r="J15" s="25">
        <v>4377950</v>
      </c>
      <c r="K15" s="25">
        <v>2252318</v>
      </c>
      <c r="L15" s="28">
        <v>10372416</v>
      </c>
      <c r="M15" s="29">
        <v>10379141</v>
      </c>
      <c r="N15" s="24">
        <v>0</v>
      </c>
      <c r="O15" s="25">
        <v>0</v>
      </c>
      <c r="P15" s="26">
        <v>0</v>
      </c>
      <c r="Q15" s="404">
        <v>0</v>
      </c>
      <c r="R15" s="25">
        <v>2635</v>
      </c>
      <c r="S15" s="25">
        <v>51925</v>
      </c>
      <c r="T15" s="25">
        <v>1505625</v>
      </c>
      <c r="U15" s="25">
        <v>2903425</v>
      </c>
      <c r="V15" s="25">
        <v>1497305</v>
      </c>
      <c r="W15" s="28">
        <v>5960915</v>
      </c>
      <c r="X15" s="29">
        <v>5960915</v>
      </c>
      <c r="Y15" s="24">
        <v>0</v>
      </c>
      <c r="Z15" s="25">
        <v>0</v>
      </c>
      <c r="AA15" s="26">
        <v>0</v>
      </c>
      <c r="AB15" s="404">
        <v>0</v>
      </c>
      <c r="AC15" s="25">
        <v>408725</v>
      </c>
      <c r="AD15" s="25">
        <v>574987</v>
      </c>
      <c r="AE15" s="25">
        <v>536695</v>
      </c>
      <c r="AF15" s="25">
        <v>1165235</v>
      </c>
      <c r="AG15" s="25">
        <v>311485</v>
      </c>
      <c r="AH15" s="28">
        <v>2997127</v>
      </c>
      <c r="AI15" s="29">
        <v>2997127</v>
      </c>
      <c r="AJ15" s="24">
        <v>0</v>
      </c>
      <c r="AK15" s="25">
        <v>0</v>
      </c>
      <c r="AL15" s="26">
        <v>0</v>
      </c>
      <c r="AM15" s="404">
        <v>0</v>
      </c>
      <c r="AN15" s="25">
        <v>0</v>
      </c>
      <c r="AO15" s="25">
        <v>0</v>
      </c>
      <c r="AP15" s="25">
        <v>0</v>
      </c>
      <c r="AQ15" s="25">
        <v>0</v>
      </c>
      <c r="AR15" s="25">
        <v>0</v>
      </c>
      <c r="AS15" s="28">
        <v>0</v>
      </c>
      <c r="AT15" s="29">
        <v>0</v>
      </c>
      <c r="AU15" s="24">
        <v>0</v>
      </c>
      <c r="AV15" s="25">
        <v>0</v>
      </c>
      <c r="AW15" s="26">
        <v>0</v>
      </c>
      <c r="AX15" s="404">
        <v>0</v>
      </c>
      <c r="AY15" s="25">
        <v>141980</v>
      </c>
      <c r="AZ15" s="25">
        <v>103540</v>
      </c>
      <c r="BA15" s="25">
        <v>27280</v>
      </c>
      <c r="BB15" s="25">
        <v>133455</v>
      </c>
      <c r="BC15" s="25">
        <v>303690</v>
      </c>
      <c r="BD15" s="28">
        <v>709945</v>
      </c>
      <c r="BE15" s="29">
        <v>709945</v>
      </c>
      <c r="BF15" s="24">
        <v>0</v>
      </c>
      <c r="BG15" s="25">
        <v>0</v>
      </c>
      <c r="BH15" s="26">
        <v>0</v>
      </c>
      <c r="BI15" s="404">
        <v>0</v>
      </c>
      <c r="BJ15" s="25">
        <v>0</v>
      </c>
      <c r="BK15" s="25">
        <v>0</v>
      </c>
      <c r="BL15" s="25">
        <v>0</v>
      </c>
      <c r="BM15" s="25">
        <v>24645</v>
      </c>
      <c r="BN15" s="25">
        <v>0</v>
      </c>
      <c r="BO15" s="28">
        <v>24645</v>
      </c>
      <c r="BP15" s="29">
        <v>24645</v>
      </c>
      <c r="BQ15" s="24">
        <v>1535</v>
      </c>
      <c r="BR15" s="25">
        <v>5190</v>
      </c>
      <c r="BS15" s="26">
        <v>6725</v>
      </c>
      <c r="BT15" s="27">
        <v>0</v>
      </c>
      <c r="BU15" s="25">
        <v>35105</v>
      </c>
      <c r="BV15" s="25">
        <v>98945</v>
      </c>
      <c r="BW15" s="25">
        <v>237890</v>
      </c>
      <c r="BX15" s="25">
        <v>151190</v>
      </c>
      <c r="BY15" s="25">
        <v>139693</v>
      </c>
      <c r="BZ15" s="28">
        <v>662823</v>
      </c>
      <c r="CA15" s="29">
        <v>669548</v>
      </c>
      <c r="CB15" s="24">
        <v>0</v>
      </c>
      <c r="CC15" s="25">
        <v>0</v>
      </c>
      <c r="CD15" s="26">
        <v>0</v>
      </c>
      <c r="CE15" s="27">
        <v>0</v>
      </c>
      <c r="CF15" s="25">
        <v>6318</v>
      </c>
      <c r="CG15" s="25">
        <v>0</v>
      </c>
      <c r="CH15" s="25">
        <v>10498</v>
      </c>
      <c r="CI15" s="25">
        <v>0</v>
      </c>
      <c r="CJ15" s="25">
        <v>145</v>
      </c>
      <c r="CK15" s="28">
        <v>16961</v>
      </c>
      <c r="CL15" s="29">
        <v>16961</v>
      </c>
      <c r="CM15" s="24">
        <v>0</v>
      </c>
      <c r="CN15" s="25">
        <v>0</v>
      </c>
      <c r="CO15" s="26">
        <v>0</v>
      </c>
      <c r="CP15" s="27">
        <v>0</v>
      </c>
      <c r="CQ15" s="25">
        <v>0</v>
      </c>
      <c r="CR15" s="25">
        <v>0</v>
      </c>
      <c r="CS15" s="25">
        <v>0</v>
      </c>
      <c r="CT15" s="25">
        <v>0</v>
      </c>
      <c r="CU15" s="25">
        <v>0</v>
      </c>
      <c r="CV15" s="28">
        <v>0</v>
      </c>
      <c r="CW15" s="29">
        <v>0</v>
      </c>
      <c r="CX15" s="24">
        <v>0</v>
      </c>
      <c r="CY15" s="25">
        <v>0</v>
      </c>
      <c r="CZ15" s="26">
        <v>0</v>
      </c>
      <c r="DA15" s="404">
        <v>0</v>
      </c>
      <c r="DB15" s="25">
        <v>0</v>
      </c>
      <c r="DC15" s="25">
        <v>0</v>
      </c>
      <c r="DD15" s="25">
        <v>0</v>
      </c>
      <c r="DE15" s="25">
        <v>0</v>
      </c>
      <c r="DF15" s="25">
        <v>0</v>
      </c>
      <c r="DG15" s="28">
        <v>0</v>
      </c>
      <c r="DH15" s="29">
        <v>0</v>
      </c>
      <c r="DI15" s="24">
        <v>1755</v>
      </c>
      <c r="DJ15" s="25">
        <v>8965</v>
      </c>
      <c r="DK15" s="26">
        <v>10720</v>
      </c>
      <c r="DL15" s="27">
        <v>0</v>
      </c>
      <c r="DM15" s="25">
        <v>211731</v>
      </c>
      <c r="DN15" s="25">
        <v>243825</v>
      </c>
      <c r="DO15" s="25">
        <v>2163485</v>
      </c>
      <c r="DP15" s="25">
        <v>4254757</v>
      </c>
      <c r="DQ15" s="25">
        <v>1928206</v>
      </c>
      <c r="DR15" s="28">
        <v>8802004</v>
      </c>
      <c r="DS15" s="30">
        <v>8812724</v>
      </c>
      <c r="DT15" s="24">
        <v>0</v>
      </c>
      <c r="DU15" s="25">
        <v>0</v>
      </c>
      <c r="DV15" s="26">
        <v>0</v>
      </c>
      <c r="DW15" s="404">
        <v>0</v>
      </c>
      <c r="DX15" s="25">
        <v>21576</v>
      </c>
      <c r="DY15" s="25">
        <v>51646</v>
      </c>
      <c r="DZ15" s="25">
        <v>1784448</v>
      </c>
      <c r="EA15" s="25">
        <v>3715011</v>
      </c>
      <c r="EB15" s="25">
        <v>1719664</v>
      </c>
      <c r="EC15" s="28">
        <v>7292345</v>
      </c>
      <c r="ED15" s="29">
        <v>7292345</v>
      </c>
      <c r="EE15" s="24">
        <v>0</v>
      </c>
      <c r="EF15" s="25">
        <v>0</v>
      </c>
      <c r="EG15" s="26">
        <v>0</v>
      </c>
      <c r="EH15" s="404">
        <v>0</v>
      </c>
      <c r="EI15" s="25">
        <v>91248</v>
      </c>
      <c r="EJ15" s="25">
        <v>66126</v>
      </c>
      <c r="EK15" s="25">
        <v>105894</v>
      </c>
      <c r="EL15" s="25">
        <v>321307</v>
      </c>
      <c r="EM15" s="25">
        <v>4445</v>
      </c>
      <c r="EN15" s="28">
        <v>589020</v>
      </c>
      <c r="EO15" s="29">
        <v>589020</v>
      </c>
      <c r="EP15" s="24">
        <v>0</v>
      </c>
      <c r="EQ15" s="25">
        <v>0</v>
      </c>
      <c r="ER15" s="26">
        <v>0</v>
      </c>
      <c r="ES15" s="404">
        <v>0</v>
      </c>
      <c r="ET15" s="25">
        <v>0</v>
      </c>
      <c r="EU15" s="25">
        <v>0</v>
      </c>
      <c r="EV15" s="25">
        <v>0</v>
      </c>
      <c r="EW15" s="25">
        <v>0</v>
      </c>
      <c r="EX15" s="25">
        <v>0</v>
      </c>
      <c r="EY15" s="28">
        <v>0</v>
      </c>
      <c r="EZ15" s="29">
        <v>0</v>
      </c>
      <c r="FA15" s="24">
        <v>0</v>
      </c>
      <c r="FB15" s="25">
        <v>0</v>
      </c>
      <c r="FC15" s="26">
        <v>0</v>
      </c>
      <c r="FD15" s="404">
        <v>0</v>
      </c>
      <c r="FE15" s="25">
        <v>54188</v>
      </c>
      <c r="FF15" s="25">
        <v>14198</v>
      </c>
      <c r="FG15" s="25">
        <v>434</v>
      </c>
      <c r="FH15" s="25">
        <v>14849</v>
      </c>
      <c r="FI15" s="25">
        <v>75707</v>
      </c>
      <c r="FJ15" s="28">
        <v>159376</v>
      </c>
      <c r="FK15" s="29">
        <v>159376</v>
      </c>
      <c r="FL15" s="24">
        <v>0</v>
      </c>
      <c r="FM15" s="25">
        <v>0</v>
      </c>
      <c r="FN15" s="26">
        <v>0</v>
      </c>
      <c r="FO15" s="404">
        <v>0</v>
      </c>
      <c r="FP15" s="25">
        <v>0</v>
      </c>
      <c r="FQ15" s="25">
        <v>0</v>
      </c>
      <c r="FR15" s="25">
        <v>0</v>
      </c>
      <c r="FS15" s="25">
        <v>21576</v>
      </c>
      <c r="FT15" s="25">
        <v>0</v>
      </c>
      <c r="FU15" s="28">
        <v>21576</v>
      </c>
      <c r="FV15" s="29">
        <v>21576</v>
      </c>
      <c r="FW15" s="24">
        <v>1755</v>
      </c>
      <c r="FX15" s="25">
        <v>8965</v>
      </c>
      <c r="FY15" s="26">
        <v>10720</v>
      </c>
      <c r="FZ15" s="27">
        <v>0</v>
      </c>
      <c r="GA15" s="25">
        <v>44607</v>
      </c>
      <c r="GB15" s="25">
        <v>111855</v>
      </c>
      <c r="GC15" s="25">
        <v>269189</v>
      </c>
      <c r="GD15" s="25">
        <v>182014</v>
      </c>
      <c r="GE15" s="25">
        <v>127400</v>
      </c>
      <c r="GF15" s="28">
        <v>735065</v>
      </c>
      <c r="GG15" s="29">
        <v>745785</v>
      </c>
      <c r="GH15" s="24">
        <v>0</v>
      </c>
      <c r="GI15" s="25">
        <v>0</v>
      </c>
      <c r="GJ15" s="26">
        <v>0</v>
      </c>
      <c r="GK15" s="27">
        <v>0</v>
      </c>
      <c r="GL15" s="25">
        <v>112</v>
      </c>
      <c r="GM15" s="25">
        <v>0</v>
      </c>
      <c r="GN15" s="25">
        <v>3520</v>
      </c>
      <c r="GO15" s="25">
        <v>0</v>
      </c>
      <c r="GP15" s="25">
        <v>990</v>
      </c>
      <c r="GQ15" s="28">
        <v>4622</v>
      </c>
      <c r="GR15" s="29">
        <v>4622</v>
      </c>
      <c r="GS15" s="24">
        <v>0</v>
      </c>
      <c r="GT15" s="25">
        <v>0</v>
      </c>
      <c r="GU15" s="26">
        <v>0</v>
      </c>
      <c r="GV15" s="27">
        <v>0</v>
      </c>
      <c r="GW15" s="25">
        <v>0</v>
      </c>
      <c r="GX15" s="25">
        <v>0</v>
      </c>
      <c r="GY15" s="25">
        <v>0</v>
      </c>
      <c r="GZ15" s="25">
        <v>0</v>
      </c>
      <c r="HA15" s="25">
        <v>0</v>
      </c>
      <c r="HB15" s="28">
        <v>0</v>
      </c>
      <c r="HC15" s="29">
        <v>0</v>
      </c>
      <c r="HD15" s="24">
        <v>0</v>
      </c>
      <c r="HE15" s="25">
        <v>0</v>
      </c>
      <c r="HF15" s="26">
        <v>0</v>
      </c>
      <c r="HG15" s="404">
        <v>0</v>
      </c>
      <c r="HH15" s="25">
        <v>0</v>
      </c>
      <c r="HI15" s="25">
        <v>0</v>
      </c>
      <c r="HJ15" s="25">
        <v>0</v>
      </c>
      <c r="HK15" s="25">
        <v>0</v>
      </c>
      <c r="HL15" s="25">
        <v>0</v>
      </c>
      <c r="HM15" s="28">
        <v>0</v>
      </c>
      <c r="HN15" s="29">
        <v>0</v>
      </c>
      <c r="HO15" s="24">
        <v>3290</v>
      </c>
      <c r="HP15" s="25">
        <v>14155</v>
      </c>
      <c r="HQ15" s="26">
        <v>17445</v>
      </c>
      <c r="HR15" s="27">
        <v>0</v>
      </c>
      <c r="HS15" s="25">
        <v>806494</v>
      </c>
      <c r="HT15" s="25">
        <v>1073222</v>
      </c>
      <c r="HU15" s="25">
        <v>4481473</v>
      </c>
      <c r="HV15" s="25">
        <v>8632707</v>
      </c>
      <c r="HW15" s="25">
        <v>4180524</v>
      </c>
      <c r="HX15" s="28">
        <v>19174420</v>
      </c>
      <c r="HY15" s="29">
        <v>19191865</v>
      </c>
    </row>
    <row r="16" spans="2:233" ht="21" customHeight="1" x14ac:dyDescent="0.2">
      <c r="B16" s="106" t="s">
        <v>12</v>
      </c>
      <c r="C16" s="24">
        <v>2935</v>
      </c>
      <c r="D16" s="25">
        <v>0</v>
      </c>
      <c r="E16" s="26">
        <v>2935</v>
      </c>
      <c r="F16" s="27">
        <v>0</v>
      </c>
      <c r="G16" s="25">
        <v>119767</v>
      </c>
      <c r="H16" s="25">
        <v>769013</v>
      </c>
      <c r="I16" s="25">
        <v>2347162</v>
      </c>
      <c r="J16" s="25">
        <v>3258489</v>
      </c>
      <c r="K16" s="25">
        <v>1647891</v>
      </c>
      <c r="L16" s="28">
        <v>8142322</v>
      </c>
      <c r="M16" s="29">
        <v>8145257</v>
      </c>
      <c r="N16" s="24">
        <v>0</v>
      </c>
      <c r="O16" s="25">
        <v>0</v>
      </c>
      <c r="P16" s="26">
        <v>0</v>
      </c>
      <c r="Q16" s="404">
        <v>0</v>
      </c>
      <c r="R16" s="25">
        <v>2635</v>
      </c>
      <c r="S16" s="25">
        <v>40455</v>
      </c>
      <c r="T16" s="25">
        <v>1392190</v>
      </c>
      <c r="U16" s="25">
        <v>2229170</v>
      </c>
      <c r="V16" s="25">
        <v>1191774</v>
      </c>
      <c r="W16" s="28">
        <v>4856224</v>
      </c>
      <c r="X16" s="29">
        <v>4856224</v>
      </c>
      <c r="Y16" s="24">
        <v>0</v>
      </c>
      <c r="Z16" s="25">
        <v>0</v>
      </c>
      <c r="AA16" s="26">
        <v>0</v>
      </c>
      <c r="AB16" s="404">
        <v>0</v>
      </c>
      <c r="AC16" s="25">
        <v>57920</v>
      </c>
      <c r="AD16" s="25">
        <v>655478</v>
      </c>
      <c r="AE16" s="25">
        <v>672498</v>
      </c>
      <c r="AF16" s="25">
        <v>660680</v>
      </c>
      <c r="AG16" s="25">
        <v>370605</v>
      </c>
      <c r="AH16" s="28">
        <v>2417181</v>
      </c>
      <c r="AI16" s="29">
        <v>2417181</v>
      </c>
      <c r="AJ16" s="24">
        <v>0</v>
      </c>
      <c r="AK16" s="25">
        <v>0</v>
      </c>
      <c r="AL16" s="26">
        <v>0</v>
      </c>
      <c r="AM16" s="404">
        <v>0</v>
      </c>
      <c r="AN16" s="25">
        <v>0</v>
      </c>
      <c r="AO16" s="25">
        <v>0</v>
      </c>
      <c r="AP16" s="25">
        <v>0</v>
      </c>
      <c r="AQ16" s="25">
        <v>0</v>
      </c>
      <c r="AR16" s="25">
        <v>0</v>
      </c>
      <c r="AS16" s="28">
        <v>0</v>
      </c>
      <c r="AT16" s="29">
        <v>0</v>
      </c>
      <c r="AU16" s="24">
        <v>0</v>
      </c>
      <c r="AV16" s="25">
        <v>0</v>
      </c>
      <c r="AW16" s="26">
        <v>0</v>
      </c>
      <c r="AX16" s="404">
        <v>0</v>
      </c>
      <c r="AY16" s="25">
        <v>0</v>
      </c>
      <c r="AZ16" s="25">
        <v>0</v>
      </c>
      <c r="BA16" s="25">
        <v>2380</v>
      </c>
      <c r="BB16" s="25">
        <v>57490</v>
      </c>
      <c r="BC16" s="25">
        <v>29915</v>
      </c>
      <c r="BD16" s="28">
        <v>89785</v>
      </c>
      <c r="BE16" s="29">
        <v>89785</v>
      </c>
      <c r="BF16" s="24">
        <v>0</v>
      </c>
      <c r="BG16" s="25">
        <v>0</v>
      </c>
      <c r="BH16" s="26">
        <v>0</v>
      </c>
      <c r="BI16" s="404">
        <v>0</v>
      </c>
      <c r="BJ16" s="25">
        <v>0</v>
      </c>
      <c r="BK16" s="25">
        <v>0</v>
      </c>
      <c r="BL16" s="25">
        <v>59830</v>
      </c>
      <c r="BM16" s="25">
        <v>155310</v>
      </c>
      <c r="BN16" s="25">
        <v>32705</v>
      </c>
      <c r="BO16" s="28">
        <v>247845</v>
      </c>
      <c r="BP16" s="29">
        <v>247845</v>
      </c>
      <c r="BQ16" s="24">
        <v>2935</v>
      </c>
      <c r="BR16" s="25">
        <v>0</v>
      </c>
      <c r="BS16" s="26">
        <v>2935</v>
      </c>
      <c r="BT16" s="27">
        <v>0</v>
      </c>
      <c r="BU16" s="25">
        <v>59212</v>
      </c>
      <c r="BV16" s="25">
        <v>70910</v>
      </c>
      <c r="BW16" s="25">
        <v>217084</v>
      </c>
      <c r="BX16" s="25">
        <v>155839</v>
      </c>
      <c r="BY16" s="25">
        <v>22892</v>
      </c>
      <c r="BZ16" s="28">
        <v>525937</v>
      </c>
      <c r="CA16" s="29">
        <v>528872</v>
      </c>
      <c r="CB16" s="24">
        <v>0</v>
      </c>
      <c r="CC16" s="25">
        <v>0</v>
      </c>
      <c r="CD16" s="26">
        <v>0</v>
      </c>
      <c r="CE16" s="27">
        <v>0</v>
      </c>
      <c r="CF16" s="25">
        <v>0</v>
      </c>
      <c r="CG16" s="25">
        <v>2170</v>
      </c>
      <c r="CH16" s="25">
        <v>3180</v>
      </c>
      <c r="CI16" s="25">
        <v>0</v>
      </c>
      <c r="CJ16" s="25">
        <v>0</v>
      </c>
      <c r="CK16" s="28">
        <v>5350</v>
      </c>
      <c r="CL16" s="29">
        <v>5350</v>
      </c>
      <c r="CM16" s="24">
        <v>0</v>
      </c>
      <c r="CN16" s="25">
        <v>0</v>
      </c>
      <c r="CO16" s="26">
        <v>0</v>
      </c>
      <c r="CP16" s="27">
        <v>0</v>
      </c>
      <c r="CQ16" s="25">
        <v>0</v>
      </c>
      <c r="CR16" s="25">
        <v>0</v>
      </c>
      <c r="CS16" s="25">
        <v>0</v>
      </c>
      <c r="CT16" s="25">
        <v>0</v>
      </c>
      <c r="CU16" s="25">
        <v>0</v>
      </c>
      <c r="CV16" s="28">
        <v>0</v>
      </c>
      <c r="CW16" s="29">
        <v>0</v>
      </c>
      <c r="CX16" s="24">
        <v>0</v>
      </c>
      <c r="CY16" s="25">
        <v>0</v>
      </c>
      <c r="CZ16" s="26">
        <v>0</v>
      </c>
      <c r="DA16" s="404">
        <v>0</v>
      </c>
      <c r="DB16" s="25">
        <v>0</v>
      </c>
      <c r="DC16" s="25">
        <v>0</v>
      </c>
      <c r="DD16" s="25">
        <v>0</v>
      </c>
      <c r="DE16" s="25">
        <v>0</v>
      </c>
      <c r="DF16" s="25">
        <v>0</v>
      </c>
      <c r="DG16" s="28">
        <v>0</v>
      </c>
      <c r="DH16" s="29">
        <v>0</v>
      </c>
      <c r="DI16" s="24">
        <v>1702</v>
      </c>
      <c r="DJ16" s="25">
        <v>0</v>
      </c>
      <c r="DK16" s="26">
        <v>1702</v>
      </c>
      <c r="DL16" s="27">
        <v>0</v>
      </c>
      <c r="DM16" s="25">
        <v>116570</v>
      </c>
      <c r="DN16" s="25">
        <v>361271</v>
      </c>
      <c r="DO16" s="25">
        <v>2681133</v>
      </c>
      <c r="DP16" s="25">
        <v>3595350</v>
      </c>
      <c r="DQ16" s="25">
        <v>1842346</v>
      </c>
      <c r="DR16" s="28">
        <v>8596670</v>
      </c>
      <c r="DS16" s="30">
        <v>8598372</v>
      </c>
      <c r="DT16" s="24">
        <v>0</v>
      </c>
      <c r="DU16" s="25">
        <v>0</v>
      </c>
      <c r="DV16" s="26">
        <v>0</v>
      </c>
      <c r="DW16" s="404">
        <v>0</v>
      </c>
      <c r="DX16" s="25">
        <v>21576</v>
      </c>
      <c r="DY16" s="25">
        <v>166222</v>
      </c>
      <c r="DZ16" s="25">
        <v>2061229</v>
      </c>
      <c r="EA16" s="25">
        <v>3094684</v>
      </c>
      <c r="EB16" s="25">
        <v>1685286</v>
      </c>
      <c r="EC16" s="28">
        <v>7028997</v>
      </c>
      <c r="ED16" s="29">
        <v>7028997</v>
      </c>
      <c r="EE16" s="24">
        <v>0</v>
      </c>
      <c r="EF16" s="25">
        <v>0</v>
      </c>
      <c r="EG16" s="26">
        <v>0</v>
      </c>
      <c r="EH16" s="404">
        <v>0</v>
      </c>
      <c r="EI16" s="25">
        <v>3385</v>
      </c>
      <c r="EJ16" s="25">
        <v>68213</v>
      </c>
      <c r="EK16" s="25">
        <v>171825</v>
      </c>
      <c r="EL16" s="25">
        <v>61549</v>
      </c>
      <c r="EM16" s="25">
        <v>52576</v>
      </c>
      <c r="EN16" s="28">
        <v>357548</v>
      </c>
      <c r="EO16" s="29">
        <v>357548</v>
      </c>
      <c r="EP16" s="24">
        <v>0</v>
      </c>
      <c r="EQ16" s="25">
        <v>0</v>
      </c>
      <c r="ER16" s="26">
        <v>0</v>
      </c>
      <c r="ES16" s="404">
        <v>0</v>
      </c>
      <c r="ET16" s="25">
        <v>0</v>
      </c>
      <c r="EU16" s="25">
        <v>0</v>
      </c>
      <c r="EV16" s="25">
        <v>0</v>
      </c>
      <c r="EW16" s="25">
        <v>0</v>
      </c>
      <c r="EX16" s="25">
        <v>0</v>
      </c>
      <c r="EY16" s="28">
        <v>0</v>
      </c>
      <c r="EZ16" s="29">
        <v>0</v>
      </c>
      <c r="FA16" s="24">
        <v>0</v>
      </c>
      <c r="FB16" s="25">
        <v>0</v>
      </c>
      <c r="FC16" s="26">
        <v>0</v>
      </c>
      <c r="FD16" s="404">
        <v>0</v>
      </c>
      <c r="FE16" s="25">
        <v>0</v>
      </c>
      <c r="FF16" s="25">
        <v>0</v>
      </c>
      <c r="FG16" s="25">
        <v>217</v>
      </c>
      <c r="FH16" s="25">
        <v>980</v>
      </c>
      <c r="FI16" s="25">
        <v>651</v>
      </c>
      <c r="FJ16" s="28">
        <v>1848</v>
      </c>
      <c r="FK16" s="29">
        <v>1848</v>
      </c>
      <c r="FL16" s="24">
        <v>0</v>
      </c>
      <c r="FM16" s="25">
        <v>0</v>
      </c>
      <c r="FN16" s="26">
        <v>0</v>
      </c>
      <c r="FO16" s="404">
        <v>0</v>
      </c>
      <c r="FP16" s="25">
        <v>0</v>
      </c>
      <c r="FQ16" s="25">
        <v>0</v>
      </c>
      <c r="FR16" s="25">
        <v>129456</v>
      </c>
      <c r="FS16" s="25">
        <v>218178</v>
      </c>
      <c r="FT16" s="25">
        <v>36766</v>
      </c>
      <c r="FU16" s="28">
        <v>384400</v>
      </c>
      <c r="FV16" s="29">
        <v>384400</v>
      </c>
      <c r="FW16" s="24">
        <v>1702</v>
      </c>
      <c r="FX16" s="25">
        <v>0</v>
      </c>
      <c r="FY16" s="26">
        <v>1702</v>
      </c>
      <c r="FZ16" s="27">
        <v>0</v>
      </c>
      <c r="GA16" s="25">
        <v>91609</v>
      </c>
      <c r="GB16" s="25">
        <v>126801</v>
      </c>
      <c r="GC16" s="25">
        <v>318350</v>
      </c>
      <c r="GD16" s="25">
        <v>219959</v>
      </c>
      <c r="GE16" s="25">
        <v>67067</v>
      </c>
      <c r="GF16" s="28">
        <v>823786</v>
      </c>
      <c r="GG16" s="29">
        <v>825488</v>
      </c>
      <c r="GH16" s="24">
        <v>0</v>
      </c>
      <c r="GI16" s="25">
        <v>0</v>
      </c>
      <c r="GJ16" s="26">
        <v>0</v>
      </c>
      <c r="GK16" s="27">
        <v>0</v>
      </c>
      <c r="GL16" s="25">
        <v>0</v>
      </c>
      <c r="GM16" s="25">
        <v>35</v>
      </c>
      <c r="GN16" s="25">
        <v>56</v>
      </c>
      <c r="GO16" s="25">
        <v>0</v>
      </c>
      <c r="GP16" s="25">
        <v>0</v>
      </c>
      <c r="GQ16" s="28">
        <v>91</v>
      </c>
      <c r="GR16" s="29">
        <v>91</v>
      </c>
      <c r="GS16" s="24">
        <v>0</v>
      </c>
      <c r="GT16" s="25">
        <v>0</v>
      </c>
      <c r="GU16" s="26">
        <v>0</v>
      </c>
      <c r="GV16" s="27">
        <v>0</v>
      </c>
      <c r="GW16" s="25">
        <v>0</v>
      </c>
      <c r="GX16" s="25">
        <v>0</v>
      </c>
      <c r="GY16" s="25">
        <v>0</v>
      </c>
      <c r="GZ16" s="25">
        <v>0</v>
      </c>
      <c r="HA16" s="25">
        <v>0</v>
      </c>
      <c r="HB16" s="28">
        <v>0</v>
      </c>
      <c r="HC16" s="29">
        <v>0</v>
      </c>
      <c r="HD16" s="24">
        <v>0</v>
      </c>
      <c r="HE16" s="25">
        <v>0</v>
      </c>
      <c r="HF16" s="26">
        <v>0</v>
      </c>
      <c r="HG16" s="404">
        <v>0</v>
      </c>
      <c r="HH16" s="25">
        <v>0</v>
      </c>
      <c r="HI16" s="25">
        <v>0</v>
      </c>
      <c r="HJ16" s="25">
        <v>0</v>
      </c>
      <c r="HK16" s="25">
        <v>0</v>
      </c>
      <c r="HL16" s="25">
        <v>0</v>
      </c>
      <c r="HM16" s="28">
        <v>0</v>
      </c>
      <c r="HN16" s="29">
        <v>0</v>
      </c>
      <c r="HO16" s="24">
        <v>4637</v>
      </c>
      <c r="HP16" s="25">
        <v>0</v>
      </c>
      <c r="HQ16" s="26">
        <v>4637</v>
      </c>
      <c r="HR16" s="27">
        <v>0</v>
      </c>
      <c r="HS16" s="25">
        <v>236337</v>
      </c>
      <c r="HT16" s="25">
        <v>1130284</v>
      </c>
      <c r="HU16" s="25">
        <v>5028295</v>
      </c>
      <c r="HV16" s="25">
        <v>6853839</v>
      </c>
      <c r="HW16" s="25">
        <v>3490237</v>
      </c>
      <c r="HX16" s="28">
        <v>16738992</v>
      </c>
      <c r="HY16" s="29">
        <v>16743629</v>
      </c>
    </row>
    <row r="17" spans="2:233" ht="21" customHeight="1" x14ac:dyDescent="0.2">
      <c r="B17" s="106" t="s">
        <v>13</v>
      </c>
      <c r="C17" s="24">
        <v>0</v>
      </c>
      <c r="D17" s="25">
        <v>0</v>
      </c>
      <c r="E17" s="26">
        <v>0</v>
      </c>
      <c r="F17" s="27">
        <v>0</v>
      </c>
      <c r="G17" s="25">
        <v>49310</v>
      </c>
      <c r="H17" s="25">
        <v>142569</v>
      </c>
      <c r="I17" s="25">
        <v>410795</v>
      </c>
      <c r="J17" s="25">
        <v>832970</v>
      </c>
      <c r="K17" s="25">
        <v>644290</v>
      </c>
      <c r="L17" s="28">
        <v>2079934</v>
      </c>
      <c r="M17" s="29">
        <v>2079934</v>
      </c>
      <c r="N17" s="24">
        <v>0</v>
      </c>
      <c r="O17" s="25">
        <v>0</v>
      </c>
      <c r="P17" s="26">
        <v>0</v>
      </c>
      <c r="Q17" s="404">
        <v>0</v>
      </c>
      <c r="R17" s="25">
        <v>2635</v>
      </c>
      <c r="S17" s="25">
        <v>0</v>
      </c>
      <c r="T17" s="25">
        <v>310750</v>
      </c>
      <c r="U17" s="25">
        <v>748845</v>
      </c>
      <c r="V17" s="25">
        <v>508330</v>
      </c>
      <c r="W17" s="28">
        <v>1570560</v>
      </c>
      <c r="X17" s="29">
        <v>1570560</v>
      </c>
      <c r="Y17" s="24">
        <v>0</v>
      </c>
      <c r="Z17" s="25">
        <v>0</v>
      </c>
      <c r="AA17" s="26">
        <v>0</v>
      </c>
      <c r="AB17" s="404">
        <v>0</v>
      </c>
      <c r="AC17" s="25">
        <v>38130</v>
      </c>
      <c r="AD17" s="25">
        <v>92029</v>
      </c>
      <c r="AE17" s="25">
        <v>74605</v>
      </c>
      <c r="AF17" s="25">
        <v>76135</v>
      </c>
      <c r="AG17" s="25">
        <v>40610</v>
      </c>
      <c r="AH17" s="28">
        <v>321509</v>
      </c>
      <c r="AI17" s="29">
        <v>321509</v>
      </c>
      <c r="AJ17" s="24">
        <v>0</v>
      </c>
      <c r="AK17" s="25">
        <v>0</v>
      </c>
      <c r="AL17" s="26">
        <v>0</v>
      </c>
      <c r="AM17" s="404">
        <v>0</v>
      </c>
      <c r="AN17" s="25">
        <v>0</v>
      </c>
      <c r="AO17" s="25">
        <v>0</v>
      </c>
      <c r="AP17" s="25">
        <v>0</v>
      </c>
      <c r="AQ17" s="25">
        <v>0</v>
      </c>
      <c r="AR17" s="25">
        <v>0</v>
      </c>
      <c r="AS17" s="28">
        <v>0</v>
      </c>
      <c r="AT17" s="29">
        <v>0</v>
      </c>
      <c r="AU17" s="24">
        <v>0</v>
      </c>
      <c r="AV17" s="25">
        <v>0</v>
      </c>
      <c r="AW17" s="26">
        <v>0</v>
      </c>
      <c r="AX17" s="404">
        <v>0</v>
      </c>
      <c r="AY17" s="25">
        <v>0</v>
      </c>
      <c r="AZ17" s="25">
        <v>0</v>
      </c>
      <c r="BA17" s="25">
        <v>0</v>
      </c>
      <c r="BB17" s="25">
        <v>0</v>
      </c>
      <c r="BC17" s="25">
        <v>0</v>
      </c>
      <c r="BD17" s="28">
        <v>0</v>
      </c>
      <c r="BE17" s="29">
        <v>0</v>
      </c>
      <c r="BF17" s="24">
        <v>0</v>
      </c>
      <c r="BG17" s="25">
        <v>0</v>
      </c>
      <c r="BH17" s="26">
        <v>0</v>
      </c>
      <c r="BI17" s="404">
        <v>0</v>
      </c>
      <c r="BJ17" s="25">
        <v>0</v>
      </c>
      <c r="BK17" s="25">
        <v>0</v>
      </c>
      <c r="BL17" s="25">
        <v>0</v>
      </c>
      <c r="BM17" s="25">
        <v>0</v>
      </c>
      <c r="BN17" s="25">
        <v>0</v>
      </c>
      <c r="BO17" s="28">
        <v>0</v>
      </c>
      <c r="BP17" s="29">
        <v>0</v>
      </c>
      <c r="BQ17" s="24">
        <v>0</v>
      </c>
      <c r="BR17" s="25">
        <v>0</v>
      </c>
      <c r="BS17" s="26">
        <v>0</v>
      </c>
      <c r="BT17" s="27">
        <v>0</v>
      </c>
      <c r="BU17" s="25">
        <v>8545</v>
      </c>
      <c r="BV17" s="25">
        <v>20170</v>
      </c>
      <c r="BW17" s="25">
        <v>16015</v>
      </c>
      <c r="BX17" s="25">
        <v>7990</v>
      </c>
      <c r="BY17" s="25">
        <v>95350</v>
      </c>
      <c r="BZ17" s="28">
        <v>148070</v>
      </c>
      <c r="CA17" s="29">
        <v>148070</v>
      </c>
      <c r="CB17" s="24">
        <v>0</v>
      </c>
      <c r="CC17" s="25">
        <v>0</v>
      </c>
      <c r="CD17" s="26">
        <v>0</v>
      </c>
      <c r="CE17" s="27">
        <v>0</v>
      </c>
      <c r="CF17" s="25">
        <v>0</v>
      </c>
      <c r="CG17" s="25">
        <v>30370</v>
      </c>
      <c r="CH17" s="25">
        <v>9425</v>
      </c>
      <c r="CI17" s="25">
        <v>0</v>
      </c>
      <c r="CJ17" s="25">
        <v>0</v>
      </c>
      <c r="CK17" s="28">
        <v>39795</v>
      </c>
      <c r="CL17" s="29">
        <v>39795</v>
      </c>
      <c r="CM17" s="24">
        <v>0</v>
      </c>
      <c r="CN17" s="25">
        <v>0</v>
      </c>
      <c r="CO17" s="26">
        <v>0</v>
      </c>
      <c r="CP17" s="27">
        <v>0</v>
      </c>
      <c r="CQ17" s="25">
        <v>0</v>
      </c>
      <c r="CR17" s="25">
        <v>0</v>
      </c>
      <c r="CS17" s="25">
        <v>0</v>
      </c>
      <c r="CT17" s="25">
        <v>0</v>
      </c>
      <c r="CU17" s="25">
        <v>0</v>
      </c>
      <c r="CV17" s="28">
        <v>0</v>
      </c>
      <c r="CW17" s="29">
        <v>0</v>
      </c>
      <c r="CX17" s="24">
        <v>0</v>
      </c>
      <c r="CY17" s="25">
        <v>0</v>
      </c>
      <c r="CZ17" s="26">
        <v>0</v>
      </c>
      <c r="DA17" s="404">
        <v>0</v>
      </c>
      <c r="DB17" s="25">
        <v>0</v>
      </c>
      <c r="DC17" s="25">
        <v>0</v>
      </c>
      <c r="DD17" s="25">
        <v>0</v>
      </c>
      <c r="DE17" s="25">
        <v>0</v>
      </c>
      <c r="DF17" s="25">
        <v>0</v>
      </c>
      <c r="DG17" s="28">
        <v>0</v>
      </c>
      <c r="DH17" s="29">
        <v>0</v>
      </c>
      <c r="DI17" s="24">
        <v>0</v>
      </c>
      <c r="DJ17" s="25">
        <v>0</v>
      </c>
      <c r="DK17" s="26">
        <v>0</v>
      </c>
      <c r="DL17" s="27">
        <v>0</v>
      </c>
      <c r="DM17" s="25">
        <v>58953</v>
      </c>
      <c r="DN17" s="25">
        <v>41732</v>
      </c>
      <c r="DO17" s="25">
        <v>521579</v>
      </c>
      <c r="DP17" s="25">
        <v>918396</v>
      </c>
      <c r="DQ17" s="25">
        <v>720049</v>
      </c>
      <c r="DR17" s="28">
        <v>2260709</v>
      </c>
      <c r="DS17" s="30">
        <v>2260709</v>
      </c>
      <c r="DT17" s="24">
        <v>0</v>
      </c>
      <c r="DU17" s="25">
        <v>0</v>
      </c>
      <c r="DV17" s="26">
        <v>0</v>
      </c>
      <c r="DW17" s="404">
        <v>0</v>
      </c>
      <c r="DX17" s="25">
        <v>21576</v>
      </c>
      <c r="DY17" s="25">
        <v>0</v>
      </c>
      <c r="DZ17" s="25">
        <v>471005</v>
      </c>
      <c r="EA17" s="25">
        <v>885522</v>
      </c>
      <c r="EB17" s="25">
        <v>620416</v>
      </c>
      <c r="EC17" s="28">
        <v>1998519</v>
      </c>
      <c r="ED17" s="29">
        <v>1998519</v>
      </c>
      <c r="EE17" s="24">
        <v>0</v>
      </c>
      <c r="EF17" s="25">
        <v>0</v>
      </c>
      <c r="EG17" s="26">
        <v>0</v>
      </c>
      <c r="EH17" s="404">
        <v>0</v>
      </c>
      <c r="EI17" s="25">
        <v>24645</v>
      </c>
      <c r="EJ17" s="25">
        <v>1218</v>
      </c>
      <c r="EK17" s="25">
        <v>1428</v>
      </c>
      <c r="EL17" s="25">
        <v>1988</v>
      </c>
      <c r="EM17" s="25">
        <v>868</v>
      </c>
      <c r="EN17" s="28">
        <v>30147</v>
      </c>
      <c r="EO17" s="29">
        <v>30147</v>
      </c>
      <c r="EP17" s="24">
        <v>0</v>
      </c>
      <c r="EQ17" s="25">
        <v>0</v>
      </c>
      <c r="ER17" s="26">
        <v>0</v>
      </c>
      <c r="ES17" s="404">
        <v>0</v>
      </c>
      <c r="ET17" s="25">
        <v>0</v>
      </c>
      <c r="EU17" s="25">
        <v>0</v>
      </c>
      <c r="EV17" s="25">
        <v>0</v>
      </c>
      <c r="EW17" s="25">
        <v>0</v>
      </c>
      <c r="EX17" s="25">
        <v>0</v>
      </c>
      <c r="EY17" s="28">
        <v>0</v>
      </c>
      <c r="EZ17" s="29">
        <v>0</v>
      </c>
      <c r="FA17" s="24">
        <v>0</v>
      </c>
      <c r="FB17" s="25">
        <v>0</v>
      </c>
      <c r="FC17" s="26">
        <v>0</v>
      </c>
      <c r="FD17" s="404">
        <v>0</v>
      </c>
      <c r="FE17" s="25">
        <v>0</v>
      </c>
      <c r="FF17" s="25">
        <v>0</v>
      </c>
      <c r="FG17" s="25">
        <v>0</v>
      </c>
      <c r="FH17" s="25">
        <v>0</v>
      </c>
      <c r="FI17" s="25">
        <v>0</v>
      </c>
      <c r="FJ17" s="28">
        <v>0</v>
      </c>
      <c r="FK17" s="29">
        <v>0</v>
      </c>
      <c r="FL17" s="24">
        <v>0</v>
      </c>
      <c r="FM17" s="25">
        <v>0</v>
      </c>
      <c r="FN17" s="26">
        <v>0</v>
      </c>
      <c r="FO17" s="404">
        <v>0</v>
      </c>
      <c r="FP17" s="25">
        <v>0</v>
      </c>
      <c r="FQ17" s="25">
        <v>0</v>
      </c>
      <c r="FR17" s="25">
        <v>0</v>
      </c>
      <c r="FS17" s="25">
        <v>0</v>
      </c>
      <c r="FT17" s="25">
        <v>0</v>
      </c>
      <c r="FU17" s="28">
        <v>0</v>
      </c>
      <c r="FV17" s="29">
        <v>0</v>
      </c>
      <c r="FW17" s="24">
        <v>0</v>
      </c>
      <c r="FX17" s="25">
        <v>0</v>
      </c>
      <c r="FY17" s="26">
        <v>0</v>
      </c>
      <c r="FZ17" s="27">
        <v>0</v>
      </c>
      <c r="GA17" s="25">
        <v>12732</v>
      </c>
      <c r="GB17" s="25">
        <v>40262</v>
      </c>
      <c r="GC17" s="25">
        <v>41959</v>
      </c>
      <c r="GD17" s="25">
        <v>30886</v>
      </c>
      <c r="GE17" s="25">
        <v>98765</v>
      </c>
      <c r="GF17" s="28">
        <v>224604</v>
      </c>
      <c r="GG17" s="29">
        <v>224604</v>
      </c>
      <c r="GH17" s="24">
        <v>0</v>
      </c>
      <c r="GI17" s="25">
        <v>0</v>
      </c>
      <c r="GJ17" s="26">
        <v>0</v>
      </c>
      <c r="GK17" s="27">
        <v>0</v>
      </c>
      <c r="GL17" s="25">
        <v>0</v>
      </c>
      <c r="GM17" s="25">
        <v>252</v>
      </c>
      <c r="GN17" s="25">
        <v>7187</v>
      </c>
      <c r="GO17" s="25">
        <v>0</v>
      </c>
      <c r="GP17" s="25">
        <v>0</v>
      </c>
      <c r="GQ17" s="28">
        <v>7439</v>
      </c>
      <c r="GR17" s="29">
        <v>7439</v>
      </c>
      <c r="GS17" s="24">
        <v>0</v>
      </c>
      <c r="GT17" s="25">
        <v>0</v>
      </c>
      <c r="GU17" s="26">
        <v>0</v>
      </c>
      <c r="GV17" s="27">
        <v>0</v>
      </c>
      <c r="GW17" s="25">
        <v>0</v>
      </c>
      <c r="GX17" s="25">
        <v>0</v>
      </c>
      <c r="GY17" s="25">
        <v>0</v>
      </c>
      <c r="GZ17" s="25">
        <v>0</v>
      </c>
      <c r="HA17" s="25">
        <v>0</v>
      </c>
      <c r="HB17" s="28">
        <v>0</v>
      </c>
      <c r="HC17" s="29">
        <v>0</v>
      </c>
      <c r="HD17" s="24">
        <v>0</v>
      </c>
      <c r="HE17" s="25">
        <v>0</v>
      </c>
      <c r="HF17" s="26">
        <v>0</v>
      </c>
      <c r="HG17" s="404">
        <v>0</v>
      </c>
      <c r="HH17" s="25">
        <v>0</v>
      </c>
      <c r="HI17" s="25">
        <v>0</v>
      </c>
      <c r="HJ17" s="25">
        <v>0</v>
      </c>
      <c r="HK17" s="25">
        <v>0</v>
      </c>
      <c r="HL17" s="25">
        <v>0</v>
      </c>
      <c r="HM17" s="28">
        <v>0</v>
      </c>
      <c r="HN17" s="29">
        <v>0</v>
      </c>
      <c r="HO17" s="24">
        <v>0</v>
      </c>
      <c r="HP17" s="25">
        <v>0</v>
      </c>
      <c r="HQ17" s="26">
        <v>0</v>
      </c>
      <c r="HR17" s="27">
        <v>0</v>
      </c>
      <c r="HS17" s="25">
        <v>108263</v>
      </c>
      <c r="HT17" s="25">
        <v>184301</v>
      </c>
      <c r="HU17" s="25">
        <v>932374</v>
      </c>
      <c r="HV17" s="25">
        <v>1751366</v>
      </c>
      <c r="HW17" s="25">
        <v>1364339</v>
      </c>
      <c r="HX17" s="28">
        <v>4340643</v>
      </c>
      <c r="HY17" s="29">
        <v>4340643</v>
      </c>
    </row>
    <row r="18" spans="2:233" ht="21" customHeight="1" x14ac:dyDescent="0.2">
      <c r="B18" s="106" t="s">
        <v>15</v>
      </c>
      <c r="C18" s="24">
        <v>0</v>
      </c>
      <c r="D18" s="25">
        <v>3420</v>
      </c>
      <c r="E18" s="26">
        <v>3420</v>
      </c>
      <c r="F18" s="27">
        <v>0</v>
      </c>
      <c r="G18" s="25">
        <v>321290</v>
      </c>
      <c r="H18" s="25">
        <v>264318</v>
      </c>
      <c r="I18" s="25">
        <v>1380342</v>
      </c>
      <c r="J18" s="25">
        <v>2564730</v>
      </c>
      <c r="K18" s="25">
        <v>922807</v>
      </c>
      <c r="L18" s="28">
        <v>5453487</v>
      </c>
      <c r="M18" s="29">
        <v>5456907</v>
      </c>
      <c r="N18" s="24">
        <v>0</v>
      </c>
      <c r="O18" s="25">
        <v>0</v>
      </c>
      <c r="P18" s="26">
        <v>0</v>
      </c>
      <c r="Q18" s="404">
        <v>0</v>
      </c>
      <c r="R18" s="25">
        <v>32705</v>
      </c>
      <c r="S18" s="25">
        <v>24645</v>
      </c>
      <c r="T18" s="25">
        <v>910945</v>
      </c>
      <c r="U18" s="25">
        <v>1614210</v>
      </c>
      <c r="V18" s="25">
        <v>635695</v>
      </c>
      <c r="W18" s="28">
        <v>3218200</v>
      </c>
      <c r="X18" s="29">
        <v>3218200</v>
      </c>
      <c r="Y18" s="24">
        <v>0</v>
      </c>
      <c r="Z18" s="25">
        <v>0</v>
      </c>
      <c r="AA18" s="26">
        <v>0</v>
      </c>
      <c r="AB18" s="404">
        <v>0</v>
      </c>
      <c r="AC18" s="25">
        <v>267793</v>
      </c>
      <c r="AD18" s="25">
        <v>224320</v>
      </c>
      <c r="AE18" s="25">
        <v>269260</v>
      </c>
      <c r="AF18" s="25">
        <v>722186</v>
      </c>
      <c r="AG18" s="25">
        <v>197115</v>
      </c>
      <c r="AH18" s="28">
        <v>1680674</v>
      </c>
      <c r="AI18" s="29">
        <v>1680674</v>
      </c>
      <c r="AJ18" s="24">
        <v>0</v>
      </c>
      <c r="AK18" s="25">
        <v>0</v>
      </c>
      <c r="AL18" s="26">
        <v>0</v>
      </c>
      <c r="AM18" s="404">
        <v>0</v>
      </c>
      <c r="AN18" s="25">
        <v>0</v>
      </c>
      <c r="AO18" s="25">
        <v>0</v>
      </c>
      <c r="AP18" s="25">
        <v>0</v>
      </c>
      <c r="AQ18" s="25">
        <v>0</v>
      </c>
      <c r="AR18" s="25">
        <v>0</v>
      </c>
      <c r="AS18" s="28">
        <v>0</v>
      </c>
      <c r="AT18" s="29">
        <v>0</v>
      </c>
      <c r="AU18" s="24">
        <v>0</v>
      </c>
      <c r="AV18" s="25">
        <v>0</v>
      </c>
      <c r="AW18" s="26">
        <v>0</v>
      </c>
      <c r="AX18" s="404">
        <v>0</v>
      </c>
      <c r="AY18" s="25">
        <v>0</v>
      </c>
      <c r="AZ18" s="25">
        <v>0</v>
      </c>
      <c r="BA18" s="25">
        <v>0</v>
      </c>
      <c r="BB18" s="25">
        <v>0</v>
      </c>
      <c r="BC18" s="25">
        <v>0</v>
      </c>
      <c r="BD18" s="28">
        <v>0</v>
      </c>
      <c r="BE18" s="29">
        <v>0</v>
      </c>
      <c r="BF18" s="24">
        <v>0</v>
      </c>
      <c r="BG18" s="25">
        <v>0</v>
      </c>
      <c r="BH18" s="26">
        <v>0</v>
      </c>
      <c r="BI18" s="404">
        <v>0</v>
      </c>
      <c r="BJ18" s="25">
        <v>0</v>
      </c>
      <c r="BK18" s="25">
        <v>0</v>
      </c>
      <c r="BL18" s="25">
        <v>100595</v>
      </c>
      <c r="BM18" s="25">
        <v>98130</v>
      </c>
      <c r="BN18" s="25">
        <v>63725</v>
      </c>
      <c r="BO18" s="28">
        <v>262450</v>
      </c>
      <c r="BP18" s="29">
        <v>262450</v>
      </c>
      <c r="BQ18" s="24">
        <v>0</v>
      </c>
      <c r="BR18" s="25">
        <v>3420</v>
      </c>
      <c r="BS18" s="26">
        <v>3420</v>
      </c>
      <c r="BT18" s="27">
        <v>0</v>
      </c>
      <c r="BU18" s="25">
        <v>20792</v>
      </c>
      <c r="BV18" s="25">
        <v>14551</v>
      </c>
      <c r="BW18" s="25">
        <v>95917</v>
      </c>
      <c r="BX18" s="25">
        <v>130204</v>
      </c>
      <c r="BY18" s="25">
        <v>26272</v>
      </c>
      <c r="BZ18" s="28">
        <v>287736</v>
      </c>
      <c r="CA18" s="29">
        <v>291156</v>
      </c>
      <c r="CB18" s="24">
        <v>0</v>
      </c>
      <c r="CC18" s="25">
        <v>0</v>
      </c>
      <c r="CD18" s="26">
        <v>0</v>
      </c>
      <c r="CE18" s="27">
        <v>0</v>
      </c>
      <c r="CF18" s="25">
        <v>0</v>
      </c>
      <c r="CG18" s="25">
        <v>802</v>
      </c>
      <c r="CH18" s="25">
        <v>3625</v>
      </c>
      <c r="CI18" s="25">
        <v>0</v>
      </c>
      <c r="CJ18" s="25">
        <v>0</v>
      </c>
      <c r="CK18" s="28">
        <v>4427</v>
      </c>
      <c r="CL18" s="29">
        <v>4427</v>
      </c>
      <c r="CM18" s="24">
        <v>0</v>
      </c>
      <c r="CN18" s="25">
        <v>0</v>
      </c>
      <c r="CO18" s="26">
        <v>0</v>
      </c>
      <c r="CP18" s="27">
        <v>0</v>
      </c>
      <c r="CQ18" s="25">
        <v>0</v>
      </c>
      <c r="CR18" s="25">
        <v>0</v>
      </c>
      <c r="CS18" s="25">
        <v>0</v>
      </c>
      <c r="CT18" s="25">
        <v>0</v>
      </c>
      <c r="CU18" s="25">
        <v>0</v>
      </c>
      <c r="CV18" s="28">
        <v>0</v>
      </c>
      <c r="CW18" s="29">
        <v>0</v>
      </c>
      <c r="CX18" s="24">
        <v>0</v>
      </c>
      <c r="CY18" s="25">
        <v>0</v>
      </c>
      <c r="CZ18" s="26">
        <v>0</v>
      </c>
      <c r="DA18" s="404">
        <v>0</v>
      </c>
      <c r="DB18" s="25">
        <v>0</v>
      </c>
      <c r="DC18" s="25">
        <v>0</v>
      </c>
      <c r="DD18" s="25">
        <v>0</v>
      </c>
      <c r="DE18" s="25">
        <v>0</v>
      </c>
      <c r="DF18" s="25">
        <v>0</v>
      </c>
      <c r="DG18" s="28">
        <v>0</v>
      </c>
      <c r="DH18" s="29">
        <v>0</v>
      </c>
      <c r="DI18" s="24">
        <v>0</v>
      </c>
      <c r="DJ18" s="25">
        <v>2745</v>
      </c>
      <c r="DK18" s="26">
        <v>2745</v>
      </c>
      <c r="DL18" s="27">
        <v>0</v>
      </c>
      <c r="DM18" s="25">
        <v>114935</v>
      </c>
      <c r="DN18" s="25">
        <v>71731</v>
      </c>
      <c r="DO18" s="25">
        <v>1334239</v>
      </c>
      <c r="DP18" s="25">
        <v>2467320</v>
      </c>
      <c r="DQ18" s="25">
        <v>952455</v>
      </c>
      <c r="DR18" s="28">
        <v>4940680</v>
      </c>
      <c r="DS18" s="30">
        <v>4943425</v>
      </c>
      <c r="DT18" s="24">
        <v>0</v>
      </c>
      <c r="DU18" s="25">
        <v>0</v>
      </c>
      <c r="DV18" s="26">
        <v>0</v>
      </c>
      <c r="DW18" s="404">
        <v>0</v>
      </c>
      <c r="DX18" s="25">
        <v>15035</v>
      </c>
      <c r="DY18" s="25">
        <v>10881</v>
      </c>
      <c r="DZ18" s="25">
        <v>993773</v>
      </c>
      <c r="EA18" s="25">
        <v>2006408</v>
      </c>
      <c r="EB18" s="25">
        <v>738079</v>
      </c>
      <c r="EC18" s="28">
        <v>3764176</v>
      </c>
      <c r="ED18" s="29">
        <v>3764176</v>
      </c>
      <c r="EE18" s="24">
        <v>0</v>
      </c>
      <c r="EF18" s="25">
        <v>0</v>
      </c>
      <c r="EG18" s="26">
        <v>0</v>
      </c>
      <c r="EH18" s="404">
        <v>0</v>
      </c>
      <c r="EI18" s="25">
        <v>71652</v>
      </c>
      <c r="EJ18" s="25">
        <v>38326</v>
      </c>
      <c r="EK18" s="25">
        <v>21892</v>
      </c>
      <c r="EL18" s="25">
        <v>73104</v>
      </c>
      <c r="EM18" s="25">
        <v>37370</v>
      </c>
      <c r="EN18" s="28">
        <v>242344</v>
      </c>
      <c r="EO18" s="29">
        <v>242344</v>
      </c>
      <c r="EP18" s="24">
        <v>0</v>
      </c>
      <c r="EQ18" s="25">
        <v>0</v>
      </c>
      <c r="ER18" s="26">
        <v>0</v>
      </c>
      <c r="ES18" s="404">
        <v>0</v>
      </c>
      <c r="ET18" s="25">
        <v>0</v>
      </c>
      <c r="EU18" s="25">
        <v>0</v>
      </c>
      <c r="EV18" s="25">
        <v>0</v>
      </c>
      <c r="EW18" s="25">
        <v>0</v>
      </c>
      <c r="EX18" s="25">
        <v>0</v>
      </c>
      <c r="EY18" s="28">
        <v>0</v>
      </c>
      <c r="EZ18" s="29">
        <v>0</v>
      </c>
      <c r="FA18" s="24">
        <v>0</v>
      </c>
      <c r="FB18" s="25">
        <v>0</v>
      </c>
      <c r="FC18" s="26">
        <v>0</v>
      </c>
      <c r="FD18" s="404">
        <v>0</v>
      </c>
      <c r="FE18" s="25">
        <v>0</v>
      </c>
      <c r="FF18" s="25">
        <v>0</v>
      </c>
      <c r="FG18" s="25">
        <v>0</v>
      </c>
      <c r="FH18" s="25">
        <v>0</v>
      </c>
      <c r="FI18" s="25">
        <v>0</v>
      </c>
      <c r="FJ18" s="28">
        <v>0</v>
      </c>
      <c r="FK18" s="29">
        <v>0</v>
      </c>
      <c r="FL18" s="24">
        <v>0</v>
      </c>
      <c r="FM18" s="25">
        <v>0</v>
      </c>
      <c r="FN18" s="26">
        <v>0</v>
      </c>
      <c r="FO18" s="404">
        <v>0</v>
      </c>
      <c r="FP18" s="25">
        <v>0</v>
      </c>
      <c r="FQ18" s="25">
        <v>0</v>
      </c>
      <c r="FR18" s="25">
        <v>181412</v>
      </c>
      <c r="FS18" s="25">
        <v>161228</v>
      </c>
      <c r="FT18" s="25">
        <v>122402</v>
      </c>
      <c r="FU18" s="28">
        <v>465042</v>
      </c>
      <c r="FV18" s="29">
        <v>465042</v>
      </c>
      <c r="FW18" s="24">
        <v>0</v>
      </c>
      <c r="FX18" s="25">
        <v>2745</v>
      </c>
      <c r="FY18" s="26">
        <v>2745</v>
      </c>
      <c r="FZ18" s="27">
        <v>0</v>
      </c>
      <c r="GA18" s="25">
        <v>28248</v>
      </c>
      <c r="GB18" s="25">
        <v>21078</v>
      </c>
      <c r="GC18" s="25">
        <v>136980</v>
      </c>
      <c r="GD18" s="25">
        <v>226580</v>
      </c>
      <c r="GE18" s="25">
        <v>54604</v>
      </c>
      <c r="GF18" s="28">
        <v>467490</v>
      </c>
      <c r="GG18" s="29">
        <v>470235</v>
      </c>
      <c r="GH18" s="24">
        <v>0</v>
      </c>
      <c r="GI18" s="25">
        <v>0</v>
      </c>
      <c r="GJ18" s="26">
        <v>0</v>
      </c>
      <c r="GK18" s="27">
        <v>0</v>
      </c>
      <c r="GL18" s="25">
        <v>0</v>
      </c>
      <c r="GM18" s="25">
        <v>1446</v>
      </c>
      <c r="GN18" s="25">
        <v>182</v>
      </c>
      <c r="GO18" s="25">
        <v>0</v>
      </c>
      <c r="GP18" s="25">
        <v>0</v>
      </c>
      <c r="GQ18" s="28">
        <v>1628</v>
      </c>
      <c r="GR18" s="29">
        <v>1628</v>
      </c>
      <c r="GS18" s="24">
        <v>0</v>
      </c>
      <c r="GT18" s="25">
        <v>0</v>
      </c>
      <c r="GU18" s="26">
        <v>0</v>
      </c>
      <c r="GV18" s="27">
        <v>0</v>
      </c>
      <c r="GW18" s="25">
        <v>0</v>
      </c>
      <c r="GX18" s="25">
        <v>0</v>
      </c>
      <c r="GY18" s="25">
        <v>0</v>
      </c>
      <c r="GZ18" s="25">
        <v>0</v>
      </c>
      <c r="HA18" s="25">
        <v>0</v>
      </c>
      <c r="HB18" s="28">
        <v>0</v>
      </c>
      <c r="HC18" s="29">
        <v>0</v>
      </c>
      <c r="HD18" s="24">
        <v>0</v>
      </c>
      <c r="HE18" s="25">
        <v>0</v>
      </c>
      <c r="HF18" s="26">
        <v>0</v>
      </c>
      <c r="HG18" s="404">
        <v>0</v>
      </c>
      <c r="HH18" s="25">
        <v>0</v>
      </c>
      <c r="HI18" s="25">
        <v>0</v>
      </c>
      <c r="HJ18" s="25">
        <v>0</v>
      </c>
      <c r="HK18" s="25">
        <v>0</v>
      </c>
      <c r="HL18" s="25">
        <v>0</v>
      </c>
      <c r="HM18" s="28">
        <v>0</v>
      </c>
      <c r="HN18" s="29">
        <v>0</v>
      </c>
      <c r="HO18" s="24">
        <v>0</v>
      </c>
      <c r="HP18" s="25">
        <v>6165</v>
      </c>
      <c r="HQ18" s="26">
        <v>6165</v>
      </c>
      <c r="HR18" s="27">
        <v>0</v>
      </c>
      <c r="HS18" s="25">
        <v>436225</v>
      </c>
      <c r="HT18" s="25">
        <v>336049</v>
      </c>
      <c r="HU18" s="25">
        <v>2714581</v>
      </c>
      <c r="HV18" s="25">
        <v>5032050</v>
      </c>
      <c r="HW18" s="25">
        <v>1875262</v>
      </c>
      <c r="HX18" s="28">
        <v>10394167</v>
      </c>
      <c r="HY18" s="29">
        <v>10400332</v>
      </c>
    </row>
    <row r="19" spans="2:233" ht="21" customHeight="1" x14ac:dyDescent="0.2">
      <c r="B19" s="106" t="s">
        <v>16</v>
      </c>
      <c r="C19" s="24">
        <v>0</v>
      </c>
      <c r="D19" s="25">
        <v>6080</v>
      </c>
      <c r="E19" s="26">
        <v>6080</v>
      </c>
      <c r="F19" s="27">
        <v>0</v>
      </c>
      <c r="G19" s="25">
        <v>522205</v>
      </c>
      <c r="H19" s="25">
        <v>818136</v>
      </c>
      <c r="I19" s="25">
        <v>2753224</v>
      </c>
      <c r="J19" s="25">
        <v>3503355</v>
      </c>
      <c r="K19" s="25">
        <v>1511985</v>
      </c>
      <c r="L19" s="28">
        <v>9108905</v>
      </c>
      <c r="M19" s="29">
        <v>9114985</v>
      </c>
      <c r="N19" s="24">
        <v>0</v>
      </c>
      <c r="O19" s="25">
        <v>0</v>
      </c>
      <c r="P19" s="26">
        <v>0</v>
      </c>
      <c r="Q19" s="404">
        <v>0</v>
      </c>
      <c r="R19" s="25">
        <v>59830</v>
      </c>
      <c r="S19" s="25">
        <v>85910</v>
      </c>
      <c r="T19" s="25">
        <v>1728860</v>
      </c>
      <c r="U19" s="25">
        <v>2587210</v>
      </c>
      <c r="V19" s="25">
        <v>1117355</v>
      </c>
      <c r="W19" s="28">
        <v>5579165</v>
      </c>
      <c r="X19" s="29">
        <v>5579165</v>
      </c>
      <c r="Y19" s="24">
        <v>0</v>
      </c>
      <c r="Z19" s="25">
        <v>0</v>
      </c>
      <c r="AA19" s="26">
        <v>0</v>
      </c>
      <c r="AB19" s="404">
        <v>0</v>
      </c>
      <c r="AC19" s="25">
        <v>424520</v>
      </c>
      <c r="AD19" s="25">
        <v>646743</v>
      </c>
      <c r="AE19" s="25">
        <v>781745</v>
      </c>
      <c r="AF19" s="25">
        <v>798330</v>
      </c>
      <c r="AG19" s="25">
        <v>308330</v>
      </c>
      <c r="AH19" s="28">
        <v>2959668</v>
      </c>
      <c r="AI19" s="29">
        <v>2959668</v>
      </c>
      <c r="AJ19" s="24">
        <v>0</v>
      </c>
      <c r="AK19" s="25">
        <v>0</v>
      </c>
      <c r="AL19" s="26">
        <v>0</v>
      </c>
      <c r="AM19" s="404">
        <v>0</v>
      </c>
      <c r="AN19" s="25">
        <v>0</v>
      </c>
      <c r="AO19" s="25">
        <v>0</v>
      </c>
      <c r="AP19" s="25">
        <v>0</v>
      </c>
      <c r="AQ19" s="25">
        <v>0</v>
      </c>
      <c r="AR19" s="25">
        <v>0</v>
      </c>
      <c r="AS19" s="28">
        <v>0</v>
      </c>
      <c r="AT19" s="29">
        <v>0</v>
      </c>
      <c r="AU19" s="24">
        <v>0</v>
      </c>
      <c r="AV19" s="25">
        <v>0</v>
      </c>
      <c r="AW19" s="26">
        <v>0</v>
      </c>
      <c r="AX19" s="404">
        <v>0</v>
      </c>
      <c r="AY19" s="25">
        <v>0</v>
      </c>
      <c r="AZ19" s="25">
        <v>0</v>
      </c>
      <c r="BA19" s="25">
        <v>5950</v>
      </c>
      <c r="BB19" s="25">
        <v>46035</v>
      </c>
      <c r="BC19" s="25">
        <v>5100</v>
      </c>
      <c r="BD19" s="28">
        <v>57085</v>
      </c>
      <c r="BE19" s="29">
        <v>57085</v>
      </c>
      <c r="BF19" s="24">
        <v>0</v>
      </c>
      <c r="BG19" s="25">
        <v>0</v>
      </c>
      <c r="BH19" s="26">
        <v>0</v>
      </c>
      <c r="BI19" s="404">
        <v>0</v>
      </c>
      <c r="BJ19" s="25">
        <v>0</v>
      </c>
      <c r="BK19" s="25">
        <v>0</v>
      </c>
      <c r="BL19" s="25">
        <v>57195</v>
      </c>
      <c r="BM19" s="25">
        <v>26100</v>
      </c>
      <c r="BN19" s="25">
        <v>73315</v>
      </c>
      <c r="BO19" s="28">
        <v>156610</v>
      </c>
      <c r="BP19" s="29">
        <v>156610</v>
      </c>
      <c r="BQ19" s="24">
        <v>0</v>
      </c>
      <c r="BR19" s="25">
        <v>6080</v>
      </c>
      <c r="BS19" s="26">
        <v>6080</v>
      </c>
      <c r="BT19" s="27">
        <v>0</v>
      </c>
      <c r="BU19" s="25">
        <v>36575</v>
      </c>
      <c r="BV19" s="25">
        <v>85483</v>
      </c>
      <c r="BW19" s="25">
        <v>176541</v>
      </c>
      <c r="BX19" s="25">
        <v>45680</v>
      </c>
      <c r="BY19" s="25">
        <v>7885</v>
      </c>
      <c r="BZ19" s="28">
        <v>352164</v>
      </c>
      <c r="CA19" s="29">
        <v>358244</v>
      </c>
      <c r="CB19" s="24">
        <v>0</v>
      </c>
      <c r="CC19" s="25">
        <v>0</v>
      </c>
      <c r="CD19" s="26">
        <v>0</v>
      </c>
      <c r="CE19" s="27">
        <v>0</v>
      </c>
      <c r="CF19" s="25">
        <v>1280</v>
      </c>
      <c r="CG19" s="25">
        <v>0</v>
      </c>
      <c r="CH19" s="25">
        <v>2933</v>
      </c>
      <c r="CI19" s="25">
        <v>0</v>
      </c>
      <c r="CJ19" s="25">
        <v>0</v>
      </c>
      <c r="CK19" s="28">
        <v>4213</v>
      </c>
      <c r="CL19" s="29">
        <v>4213</v>
      </c>
      <c r="CM19" s="24">
        <v>0</v>
      </c>
      <c r="CN19" s="25">
        <v>0</v>
      </c>
      <c r="CO19" s="26">
        <v>0</v>
      </c>
      <c r="CP19" s="27">
        <v>0</v>
      </c>
      <c r="CQ19" s="25">
        <v>0</v>
      </c>
      <c r="CR19" s="25">
        <v>0</v>
      </c>
      <c r="CS19" s="25">
        <v>0</v>
      </c>
      <c r="CT19" s="25">
        <v>0</v>
      </c>
      <c r="CU19" s="25">
        <v>0</v>
      </c>
      <c r="CV19" s="28">
        <v>0</v>
      </c>
      <c r="CW19" s="29">
        <v>0</v>
      </c>
      <c r="CX19" s="24">
        <v>0</v>
      </c>
      <c r="CY19" s="25">
        <v>0</v>
      </c>
      <c r="CZ19" s="26">
        <v>0</v>
      </c>
      <c r="DA19" s="404">
        <v>0</v>
      </c>
      <c r="DB19" s="25">
        <v>0</v>
      </c>
      <c r="DC19" s="25">
        <v>0</v>
      </c>
      <c r="DD19" s="25">
        <v>0</v>
      </c>
      <c r="DE19" s="25">
        <v>0</v>
      </c>
      <c r="DF19" s="25">
        <v>0</v>
      </c>
      <c r="DG19" s="28">
        <v>0</v>
      </c>
      <c r="DH19" s="29">
        <v>0</v>
      </c>
      <c r="DI19" s="24">
        <v>0</v>
      </c>
      <c r="DJ19" s="25">
        <v>12189</v>
      </c>
      <c r="DK19" s="26">
        <v>12189</v>
      </c>
      <c r="DL19" s="27">
        <v>0</v>
      </c>
      <c r="DM19" s="25">
        <v>274979</v>
      </c>
      <c r="DN19" s="25">
        <v>642014</v>
      </c>
      <c r="DO19" s="25">
        <v>3293290</v>
      </c>
      <c r="DP19" s="25">
        <v>3692260</v>
      </c>
      <c r="DQ19" s="25">
        <v>1698416</v>
      </c>
      <c r="DR19" s="28">
        <v>9600959</v>
      </c>
      <c r="DS19" s="30">
        <v>9613148</v>
      </c>
      <c r="DT19" s="24">
        <v>0</v>
      </c>
      <c r="DU19" s="25">
        <v>0</v>
      </c>
      <c r="DV19" s="26">
        <v>0</v>
      </c>
      <c r="DW19" s="404">
        <v>0</v>
      </c>
      <c r="DX19" s="25">
        <v>91977</v>
      </c>
      <c r="DY19" s="25">
        <v>240552</v>
      </c>
      <c r="DZ19" s="25">
        <v>2598186</v>
      </c>
      <c r="EA19" s="25">
        <v>3197146</v>
      </c>
      <c r="EB19" s="25">
        <v>1414907</v>
      </c>
      <c r="EC19" s="28">
        <v>7542768</v>
      </c>
      <c r="ED19" s="29">
        <v>7542768</v>
      </c>
      <c r="EE19" s="24">
        <v>0</v>
      </c>
      <c r="EF19" s="25">
        <v>0</v>
      </c>
      <c r="EG19" s="26">
        <v>0</v>
      </c>
      <c r="EH19" s="404">
        <v>0</v>
      </c>
      <c r="EI19" s="25">
        <v>109639</v>
      </c>
      <c r="EJ19" s="25">
        <v>278768</v>
      </c>
      <c r="EK19" s="25">
        <v>369148</v>
      </c>
      <c r="EL19" s="25">
        <v>294985</v>
      </c>
      <c r="EM19" s="25">
        <v>124384</v>
      </c>
      <c r="EN19" s="28">
        <v>1176924</v>
      </c>
      <c r="EO19" s="29">
        <v>1176924</v>
      </c>
      <c r="EP19" s="24">
        <v>0</v>
      </c>
      <c r="EQ19" s="25">
        <v>0</v>
      </c>
      <c r="ER19" s="26">
        <v>0</v>
      </c>
      <c r="ES19" s="404">
        <v>0</v>
      </c>
      <c r="ET19" s="25">
        <v>0</v>
      </c>
      <c r="EU19" s="25">
        <v>0</v>
      </c>
      <c r="EV19" s="25">
        <v>0</v>
      </c>
      <c r="EW19" s="25">
        <v>0</v>
      </c>
      <c r="EX19" s="25">
        <v>0</v>
      </c>
      <c r="EY19" s="28">
        <v>0</v>
      </c>
      <c r="EZ19" s="29">
        <v>0</v>
      </c>
      <c r="FA19" s="24">
        <v>0</v>
      </c>
      <c r="FB19" s="25">
        <v>0</v>
      </c>
      <c r="FC19" s="26">
        <v>0</v>
      </c>
      <c r="FD19" s="404">
        <v>0</v>
      </c>
      <c r="FE19" s="25">
        <v>0</v>
      </c>
      <c r="FF19" s="25">
        <v>0</v>
      </c>
      <c r="FG19" s="25">
        <v>490</v>
      </c>
      <c r="FH19" s="25">
        <v>14415</v>
      </c>
      <c r="FI19" s="25">
        <v>434</v>
      </c>
      <c r="FJ19" s="28">
        <v>15339</v>
      </c>
      <c r="FK19" s="29">
        <v>15339</v>
      </c>
      <c r="FL19" s="24">
        <v>0</v>
      </c>
      <c r="FM19" s="25">
        <v>0</v>
      </c>
      <c r="FN19" s="26">
        <v>0</v>
      </c>
      <c r="FO19" s="404">
        <v>0</v>
      </c>
      <c r="FP19" s="25">
        <v>0</v>
      </c>
      <c r="FQ19" s="25">
        <v>0</v>
      </c>
      <c r="FR19" s="25">
        <v>107880</v>
      </c>
      <c r="FS19" s="25">
        <v>86076</v>
      </c>
      <c r="FT19" s="25">
        <v>138260</v>
      </c>
      <c r="FU19" s="28">
        <v>332216</v>
      </c>
      <c r="FV19" s="29">
        <v>332216</v>
      </c>
      <c r="FW19" s="24">
        <v>0</v>
      </c>
      <c r="FX19" s="25">
        <v>12189</v>
      </c>
      <c r="FY19" s="26">
        <v>12189</v>
      </c>
      <c r="FZ19" s="27">
        <v>0</v>
      </c>
      <c r="GA19" s="25">
        <v>72489</v>
      </c>
      <c r="GB19" s="25">
        <v>122694</v>
      </c>
      <c r="GC19" s="25">
        <v>217425</v>
      </c>
      <c r="GD19" s="25">
        <v>99638</v>
      </c>
      <c r="GE19" s="25">
        <v>20431</v>
      </c>
      <c r="GF19" s="28">
        <v>532677</v>
      </c>
      <c r="GG19" s="29">
        <v>544866</v>
      </c>
      <c r="GH19" s="24">
        <v>0</v>
      </c>
      <c r="GI19" s="25">
        <v>0</v>
      </c>
      <c r="GJ19" s="26">
        <v>0</v>
      </c>
      <c r="GK19" s="27">
        <v>0</v>
      </c>
      <c r="GL19" s="25">
        <v>874</v>
      </c>
      <c r="GM19" s="25">
        <v>0</v>
      </c>
      <c r="GN19" s="25">
        <v>161</v>
      </c>
      <c r="GO19" s="25">
        <v>0</v>
      </c>
      <c r="GP19" s="25">
        <v>0</v>
      </c>
      <c r="GQ19" s="28">
        <v>1035</v>
      </c>
      <c r="GR19" s="29">
        <v>1035</v>
      </c>
      <c r="GS19" s="24">
        <v>0</v>
      </c>
      <c r="GT19" s="25">
        <v>0</v>
      </c>
      <c r="GU19" s="26">
        <v>0</v>
      </c>
      <c r="GV19" s="27">
        <v>0</v>
      </c>
      <c r="GW19" s="25">
        <v>0</v>
      </c>
      <c r="GX19" s="25">
        <v>0</v>
      </c>
      <c r="GY19" s="25">
        <v>0</v>
      </c>
      <c r="GZ19" s="25">
        <v>0</v>
      </c>
      <c r="HA19" s="25">
        <v>0</v>
      </c>
      <c r="HB19" s="28">
        <v>0</v>
      </c>
      <c r="HC19" s="29">
        <v>0</v>
      </c>
      <c r="HD19" s="24">
        <v>0</v>
      </c>
      <c r="HE19" s="25">
        <v>0</v>
      </c>
      <c r="HF19" s="26">
        <v>0</v>
      </c>
      <c r="HG19" s="404">
        <v>0</v>
      </c>
      <c r="HH19" s="25">
        <v>0</v>
      </c>
      <c r="HI19" s="25">
        <v>0</v>
      </c>
      <c r="HJ19" s="25">
        <v>0</v>
      </c>
      <c r="HK19" s="25">
        <v>0</v>
      </c>
      <c r="HL19" s="25">
        <v>0</v>
      </c>
      <c r="HM19" s="28">
        <v>0</v>
      </c>
      <c r="HN19" s="29">
        <v>0</v>
      </c>
      <c r="HO19" s="24">
        <v>0</v>
      </c>
      <c r="HP19" s="25">
        <v>18269</v>
      </c>
      <c r="HQ19" s="26">
        <v>18269</v>
      </c>
      <c r="HR19" s="27">
        <v>0</v>
      </c>
      <c r="HS19" s="25">
        <v>797184</v>
      </c>
      <c r="HT19" s="25">
        <v>1460150</v>
      </c>
      <c r="HU19" s="25">
        <v>6046514</v>
      </c>
      <c r="HV19" s="25">
        <v>7195615</v>
      </c>
      <c r="HW19" s="25">
        <v>3210401</v>
      </c>
      <c r="HX19" s="28">
        <v>18709864</v>
      </c>
      <c r="HY19" s="29">
        <v>18728133</v>
      </c>
    </row>
    <row r="20" spans="2:233" ht="21" customHeight="1" x14ac:dyDescent="0.2">
      <c r="B20" s="106" t="s">
        <v>17</v>
      </c>
      <c r="C20" s="24">
        <v>0</v>
      </c>
      <c r="D20" s="25">
        <v>0</v>
      </c>
      <c r="E20" s="26">
        <v>0</v>
      </c>
      <c r="F20" s="27">
        <v>0</v>
      </c>
      <c r="G20" s="25">
        <v>290675</v>
      </c>
      <c r="H20" s="25">
        <v>1001935</v>
      </c>
      <c r="I20" s="25">
        <v>2689993</v>
      </c>
      <c r="J20" s="25">
        <v>3466235</v>
      </c>
      <c r="K20" s="25">
        <v>2331060</v>
      </c>
      <c r="L20" s="28">
        <v>9779898</v>
      </c>
      <c r="M20" s="29">
        <v>9779898</v>
      </c>
      <c r="N20" s="24">
        <v>0</v>
      </c>
      <c r="O20" s="25">
        <v>0</v>
      </c>
      <c r="P20" s="26">
        <v>0</v>
      </c>
      <c r="Q20" s="404">
        <v>0</v>
      </c>
      <c r="R20" s="25">
        <v>61330</v>
      </c>
      <c r="S20" s="25">
        <v>133300</v>
      </c>
      <c r="T20" s="25">
        <v>1509549</v>
      </c>
      <c r="U20" s="25">
        <v>2158555</v>
      </c>
      <c r="V20" s="25">
        <v>1733400</v>
      </c>
      <c r="W20" s="28">
        <v>5596134</v>
      </c>
      <c r="X20" s="29">
        <v>5596134</v>
      </c>
      <c r="Y20" s="24">
        <v>0</v>
      </c>
      <c r="Z20" s="25">
        <v>0</v>
      </c>
      <c r="AA20" s="26">
        <v>0</v>
      </c>
      <c r="AB20" s="404">
        <v>0</v>
      </c>
      <c r="AC20" s="25">
        <v>183370</v>
      </c>
      <c r="AD20" s="25">
        <v>767940</v>
      </c>
      <c r="AE20" s="25">
        <v>735990</v>
      </c>
      <c r="AF20" s="25">
        <v>751625</v>
      </c>
      <c r="AG20" s="25">
        <v>197380</v>
      </c>
      <c r="AH20" s="28">
        <v>2636305</v>
      </c>
      <c r="AI20" s="29">
        <v>2636305</v>
      </c>
      <c r="AJ20" s="24">
        <v>0</v>
      </c>
      <c r="AK20" s="25">
        <v>0</v>
      </c>
      <c r="AL20" s="26">
        <v>0</v>
      </c>
      <c r="AM20" s="404">
        <v>0</v>
      </c>
      <c r="AN20" s="25">
        <v>0</v>
      </c>
      <c r="AO20" s="25">
        <v>0</v>
      </c>
      <c r="AP20" s="25">
        <v>0</v>
      </c>
      <c r="AQ20" s="25">
        <v>0</v>
      </c>
      <c r="AR20" s="25">
        <v>0</v>
      </c>
      <c r="AS20" s="28">
        <v>0</v>
      </c>
      <c r="AT20" s="29">
        <v>0</v>
      </c>
      <c r="AU20" s="24">
        <v>0</v>
      </c>
      <c r="AV20" s="25">
        <v>0</v>
      </c>
      <c r="AW20" s="26">
        <v>0</v>
      </c>
      <c r="AX20" s="404">
        <v>0</v>
      </c>
      <c r="AY20" s="25">
        <v>0</v>
      </c>
      <c r="AZ20" s="25">
        <v>0</v>
      </c>
      <c r="BA20" s="25">
        <v>0</v>
      </c>
      <c r="BB20" s="25">
        <v>40765</v>
      </c>
      <c r="BC20" s="25">
        <v>100750</v>
      </c>
      <c r="BD20" s="28">
        <v>141515</v>
      </c>
      <c r="BE20" s="29">
        <v>141515</v>
      </c>
      <c r="BF20" s="24">
        <v>0</v>
      </c>
      <c r="BG20" s="25">
        <v>0</v>
      </c>
      <c r="BH20" s="26">
        <v>0</v>
      </c>
      <c r="BI20" s="404">
        <v>0</v>
      </c>
      <c r="BJ20" s="25">
        <v>0</v>
      </c>
      <c r="BK20" s="25">
        <v>0</v>
      </c>
      <c r="BL20" s="25">
        <v>154535</v>
      </c>
      <c r="BM20" s="25">
        <v>244280</v>
      </c>
      <c r="BN20" s="25">
        <v>225990</v>
      </c>
      <c r="BO20" s="28">
        <v>624805</v>
      </c>
      <c r="BP20" s="29">
        <v>624805</v>
      </c>
      <c r="BQ20" s="24">
        <v>0</v>
      </c>
      <c r="BR20" s="25">
        <v>0</v>
      </c>
      <c r="BS20" s="26">
        <v>0</v>
      </c>
      <c r="BT20" s="27">
        <v>0</v>
      </c>
      <c r="BU20" s="25">
        <v>43945</v>
      </c>
      <c r="BV20" s="25">
        <v>93275</v>
      </c>
      <c r="BW20" s="25">
        <v>267724</v>
      </c>
      <c r="BX20" s="25">
        <v>269560</v>
      </c>
      <c r="BY20" s="25">
        <v>46445</v>
      </c>
      <c r="BZ20" s="28">
        <v>720949</v>
      </c>
      <c r="CA20" s="29">
        <v>720949</v>
      </c>
      <c r="CB20" s="24">
        <v>0</v>
      </c>
      <c r="CC20" s="25">
        <v>0</v>
      </c>
      <c r="CD20" s="26">
        <v>0</v>
      </c>
      <c r="CE20" s="27">
        <v>0</v>
      </c>
      <c r="CF20" s="25">
        <v>2030</v>
      </c>
      <c r="CG20" s="25">
        <v>7420</v>
      </c>
      <c r="CH20" s="25">
        <v>22195</v>
      </c>
      <c r="CI20" s="25">
        <v>1450</v>
      </c>
      <c r="CJ20" s="25">
        <v>27095</v>
      </c>
      <c r="CK20" s="28">
        <v>60190</v>
      </c>
      <c r="CL20" s="29">
        <v>60190</v>
      </c>
      <c r="CM20" s="24">
        <v>0</v>
      </c>
      <c r="CN20" s="25">
        <v>0</v>
      </c>
      <c r="CO20" s="26">
        <v>0</v>
      </c>
      <c r="CP20" s="27">
        <v>0</v>
      </c>
      <c r="CQ20" s="25">
        <v>0</v>
      </c>
      <c r="CR20" s="25">
        <v>0</v>
      </c>
      <c r="CS20" s="25">
        <v>0</v>
      </c>
      <c r="CT20" s="25">
        <v>0</v>
      </c>
      <c r="CU20" s="25">
        <v>0</v>
      </c>
      <c r="CV20" s="28">
        <v>0</v>
      </c>
      <c r="CW20" s="29">
        <v>0</v>
      </c>
      <c r="CX20" s="24">
        <v>0</v>
      </c>
      <c r="CY20" s="25">
        <v>0</v>
      </c>
      <c r="CZ20" s="26">
        <v>0</v>
      </c>
      <c r="DA20" s="404">
        <v>0</v>
      </c>
      <c r="DB20" s="25">
        <v>0</v>
      </c>
      <c r="DC20" s="25">
        <v>0</v>
      </c>
      <c r="DD20" s="25">
        <v>0</v>
      </c>
      <c r="DE20" s="25">
        <v>0</v>
      </c>
      <c r="DF20" s="25">
        <v>0</v>
      </c>
      <c r="DG20" s="28">
        <v>0</v>
      </c>
      <c r="DH20" s="29">
        <v>0</v>
      </c>
      <c r="DI20" s="24">
        <v>0</v>
      </c>
      <c r="DJ20" s="25">
        <v>0</v>
      </c>
      <c r="DK20" s="26">
        <v>0</v>
      </c>
      <c r="DL20" s="27">
        <v>0</v>
      </c>
      <c r="DM20" s="25">
        <v>104743</v>
      </c>
      <c r="DN20" s="25">
        <v>348950</v>
      </c>
      <c r="DO20" s="25">
        <v>2825089</v>
      </c>
      <c r="DP20" s="25">
        <v>3960359</v>
      </c>
      <c r="DQ20" s="25">
        <v>2515762</v>
      </c>
      <c r="DR20" s="28">
        <v>9754903</v>
      </c>
      <c r="DS20" s="30">
        <v>9754903</v>
      </c>
      <c r="DT20" s="24">
        <v>0</v>
      </c>
      <c r="DU20" s="25">
        <v>0</v>
      </c>
      <c r="DV20" s="26">
        <v>0</v>
      </c>
      <c r="DW20" s="404">
        <v>0</v>
      </c>
      <c r="DX20" s="25">
        <v>64821</v>
      </c>
      <c r="DY20" s="25">
        <v>183365</v>
      </c>
      <c r="DZ20" s="25">
        <v>2072091</v>
      </c>
      <c r="EA20" s="25">
        <v>3230372</v>
      </c>
      <c r="EB20" s="25">
        <v>2041798</v>
      </c>
      <c r="EC20" s="28">
        <v>7592447</v>
      </c>
      <c r="ED20" s="29">
        <v>7592447</v>
      </c>
      <c r="EE20" s="24">
        <v>0</v>
      </c>
      <c r="EF20" s="25">
        <v>0</v>
      </c>
      <c r="EG20" s="26">
        <v>0</v>
      </c>
      <c r="EH20" s="404">
        <v>0</v>
      </c>
      <c r="EI20" s="25">
        <v>2905</v>
      </c>
      <c r="EJ20" s="25">
        <v>20100</v>
      </c>
      <c r="EK20" s="25">
        <v>87803</v>
      </c>
      <c r="EL20" s="25">
        <v>34878</v>
      </c>
      <c r="EM20" s="25">
        <v>28152</v>
      </c>
      <c r="EN20" s="28">
        <v>173838</v>
      </c>
      <c r="EO20" s="29">
        <v>173838</v>
      </c>
      <c r="EP20" s="24">
        <v>0</v>
      </c>
      <c r="EQ20" s="25">
        <v>0</v>
      </c>
      <c r="ER20" s="26">
        <v>0</v>
      </c>
      <c r="ES20" s="404">
        <v>0</v>
      </c>
      <c r="ET20" s="25">
        <v>0</v>
      </c>
      <c r="EU20" s="25">
        <v>0</v>
      </c>
      <c r="EV20" s="25">
        <v>0</v>
      </c>
      <c r="EW20" s="25">
        <v>0</v>
      </c>
      <c r="EX20" s="25">
        <v>0</v>
      </c>
      <c r="EY20" s="28">
        <v>0</v>
      </c>
      <c r="EZ20" s="29">
        <v>0</v>
      </c>
      <c r="FA20" s="24">
        <v>0</v>
      </c>
      <c r="FB20" s="25">
        <v>0</v>
      </c>
      <c r="FC20" s="26">
        <v>0</v>
      </c>
      <c r="FD20" s="404">
        <v>0</v>
      </c>
      <c r="FE20" s="25">
        <v>0</v>
      </c>
      <c r="FF20" s="25">
        <v>0</v>
      </c>
      <c r="FG20" s="25">
        <v>0</v>
      </c>
      <c r="FH20" s="25">
        <v>13981</v>
      </c>
      <c r="FI20" s="25">
        <v>868</v>
      </c>
      <c r="FJ20" s="28">
        <v>14849</v>
      </c>
      <c r="FK20" s="29">
        <v>14849</v>
      </c>
      <c r="FL20" s="24">
        <v>0</v>
      </c>
      <c r="FM20" s="25">
        <v>0</v>
      </c>
      <c r="FN20" s="26">
        <v>0</v>
      </c>
      <c r="FO20" s="404">
        <v>0</v>
      </c>
      <c r="FP20" s="25">
        <v>0</v>
      </c>
      <c r="FQ20" s="25">
        <v>0</v>
      </c>
      <c r="FR20" s="25">
        <v>312697</v>
      </c>
      <c r="FS20" s="25">
        <v>384524</v>
      </c>
      <c r="FT20" s="25">
        <v>320850</v>
      </c>
      <c r="FU20" s="28">
        <v>1018071</v>
      </c>
      <c r="FV20" s="29">
        <v>1018071</v>
      </c>
      <c r="FW20" s="24">
        <v>0</v>
      </c>
      <c r="FX20" s="25">
        <v>0</v>
      </c>
      <c r="FY20" s="26">
        <v>0</v>
      </c>
      <c r="FZ20" s="27">
        <v>0</v>
      </c>
      <c r="GA20" s="25">
        <v>36905</v>
      </c>
      <c r="GB20" s="25">
        <v>144243</v>
      </c>
      <c r="GC20" s="25">
        <v>352267</v>
      </c>
      <c r="GD20" s="25">
        <v>296527</v>
      </c>
      <c r="GE20" s="25">
        <v>111095</v>
      </c>
      <c r="GF20" s="28">
        <v>941037</v>
      </c>
      <c r="GG20" s="29">
        <v>941037</v>
      </c>
      <c r="GH20" s="24">
        <v>0</v>
      </c>
      <c r="GI20" s="25">
        <v>0</v>
      </c>
      <c r="GJ20" s="26">
        <v>0</v>
      </c>
      <c r="GK20" s="27">
        <v>0</v>
      </c>
      <c r="GL20" s="25">
        <v>112</v>
      </c>
      <c r="GM20" s="25">
        <v>1242</v>
      </c>
      <c r="GN20" s="25">
        <v>231</v>
      </c>
      <c r="GO20" s="25">
        <v>77</v>
      </c>
      <c r="GP20" s="25">
        <v>12999</v>
      </c>
      <c r="GQ20" s="28">
        <v>14661</v>
      </c>
      <c r="GR20" s="29">
        <v>14661</v>
      </c>
      <c r="GS20" s="24">
        <v>0</v>
      </c>
      <c r="GT20" s="25">
        <v>0</v>
      </c>
      <c r="GU20" s="26">
        <v>0</v>
      </c>
      <c r="GV20" s="27">
        <v>0</v>
      </c>
      <c r="GW20" s="25">
        <v>0</v>
      </c>
      <c r="GX20" s="25">
        <v>0</v>
      </c>
      <c r="GY20" s="25">
        <v>0</v>
      </c>
      <c r="GZ20" s="25">
        <v>0</v>
      </c>
      <c r="HA20" s="25">
        <v>0</v>
      </c>
      <c r="HB20" s="28">
        <v>0</v>
      </c>
      <c r="HC20" s="29">
        <v>0</v>
      </c>
      <c r="HD20" s="24">
        <v>0</v>
      </c>
      <c r="HE20" s="25">
        <v>0</v>
      </c>
      <c r="HF20" s="26">
        <v>0</v>
      </c>
      <c r="HG20" s="404">
        <v>0</v>
      </c>
      <c r="HH20" s="25">
        <v>0</v>
      </c>
      <c r="HI20" s="25">
        <v>0</v>
      </c>
      <c r="HJ20" s="25">
        <v>0</v>
      </c>
      <c r="HK20" s="25">
        <v>0</v>
      </c>
      <c r="HL20" s="25">
        <v>0</v>
      </c>
      <c r="HM20" s="28">
        <v>0</v>
      </c>
      <c r="HN20" s="29">
        <v>0</v>
      </c>
      <c r="HO20" s="24">
        <v>0</v>
      </c>
      <c r="HP20" s="25">
        <v>0</v>
      </c>
      <c r="HQ20" s="26">
        <v>0</v>
      </c>
      <c r="HR20" s="27">
        <v>0</v>
      </c>
      <c r="HS20" s="25">
        <v>395418</v>
      </c>
      <c r="HT20" s="25">
        <v>1350885</v>
      </c>
      <c r="HU20" s="25">
        <v>5515082</v>
      </c>
      <c r="HV20" s="25">
        <v>7426594</v>
      </c>
      <c r="HW20" s="25">
        <v>4846822</v>
      </c>
      <c r="HX20" s="28">
        <v>19534801</v>
      </c>
      <c r="HY20" s="29">
        <v>19534801</v>
      </c>
    </row>
    <row r="21" spans="2:233" ht="21" customHeight="1" x14ac:dyDescent="0.2">
      <c r="B21" s="106" t="s">
        <v>18</v>
      </c>
      <c r="C21" s="24">
        <v>0</v>
      </c>
      <c r="D21" s="25">
        <v>36275</v>
      </c>
      <c r="E21" s="26">
        <v>36275</v>
      </c>
      <c r="F21" s="27">
        <v>0</v>
      </c>
      <c r="G21" s="25">
        <v>225190</v>
      </c>
      <c r="H21" s="25">
        <v>629415</v>
      </c>
      <c r="I21" s="25">
        <v>2167405</v>
      </c>
      <c r="J21" s="25">
        <v>3221319</v>
      </c>
      <c r="K21" s="25">
        <v>2059155</v>
      </c>
      <c r="L21" s="28">
        <v>8302484</v>
      </c>
      <c r="M21" s="29">
        <v>8338759</v>
      </c>
      <c r="N21" s="24">
        <v>0</v>
      </c>
      <c r="O21" s="25">
        <v>0</v>
      </c>
      <c r="P21" s="26">
        <v>0</v>
      </c>
      <c r="Q21" s="404">
        <v>0</v>
      </c>
      <c r="R21" s="25">
        <v>25265</v>
      </c>
      <c r="S21" s="25">
        <v>78740</v>
      </c>
      <c r="T21" s="25">
        <v>1480705</v>
      </c>
      <c r="U21" s="25">
        <v>2560544</v>
      </c>
      <c r="V21" s="25">
        <v>1546645</v>
      </c>
      <c r="W21" s="28">
        <v>5691899</v>
      </c>
      <c r="X21" s="29">
        <v>5691899</v>
      </c>
      <c r="Y21" s="24">
        <v>0</v>
      </c>
      <c r="Z21" s="25">
        <v>0</v>
      </c>
      <c r="AA21" s="26">
        <v>0</v>
      </c>
      <c r="AB21" s="404">
        <v>0</v>
      </c>
      <c r="AC21" s="25">
        <v>107645</v>
      </c>
      <c r="AD21" s="25">
        <v>494675</v>
      </c>
      <c r="AE21" s="25">
        <v>415550</v>
      </c>
      <c r="AF21" s="25">
        <v>281475</v>
      </c>
      <c r="AG21" s="25">
        <v>335890</v>
      </c>
      <c r="AH21" s="28">
        <v>1635235</v>
      </c>
      <c r="AI21" s="29">
        <v>1635235</v>
      </c>
      <c r="AJ21" s="24">
        <v>0</v>
      </c>
      <c r="AK21" s="25">
        <v>0</v>
      </c>
      <c r="AL21" s="26">
        <v>0</v>
      </c>
      <c r="AM21" s="404">
        <v>0</v>
      </c>
      <c r="AN21" s="25">
        <v>0</v>
      </c>
      <c r="AO21" s="25">
        <v>0</v>
      </c>
      <c r="AP21" s="25">
        <v>0</v>
      </c>
      <c r="AQ21" s="25">
        <v>0</v>
      </c>
      <c r="AR21" s="25">
        <v>0</v>
      </c>
      <c r="AS21" s="28">
        <v>0</v>
      </c>
      <c r="AT21" s="29">
        <v>0</v>
      </c>
      <c r="AU21" s="24">
        <v>0</v>
      </c>
      <c r="AV21" s="25">
        <v>0</v>
      </c>
      <c r="AW21" s="26">
        <v>0</v>
      </c>
      <c r="AX21" s="404">
        <v>0</v>
      </c>
      <c r="AY21" s="25">
        <v>0</v>
      </c>
      <c r="AZ21" s="25">
        <v>0</v>
      </c>
      <c r="BA21" s="25">
        <v>0</v>
      </c>
      <c r="BB21" s="25">
        <v>7905</v>
      </c>
      <c r="BC21" s="25">
        <v>70525</v>
      </c>
      <c r="BD21" s="28">
        <v>78430</v>
      </c>
      <c r="BE21" s="29">
        <v>78430</v>
      </c>
      <c r="BF21" s="24">
        <v>0</v>
      </c>
      <c r="BG21" s="25">
        <v>0</v>
      </c>
      <c r="BH21" s="26">
        <v>0</v>
      </c>
      <c r="BI21" s="404">
        <v>0</v>
      </c>
      <c r="BJ21" s="25">
        <v>0</v>
      </c>
      <c r="BK21" s="25">
        <v>2635</v>
      </c>
      <c r="BL21" s="25">
        <v>32705</v>
      </c>
      <c r="BM21" s="25">
        <v>177680</v>
      </c>
      <c r="BN21" s="25">
        <v>27280</v>
      </c>
      <c r="BO21" s="28">
        <v>240300</v>
      </c>
      <c r="BP21" s="29">
        <v>240300</v>
      </c>
      <c r="BQ21" s="24">
        <v>0</v>
      </c>
      <c r="BR21" s="25">
        <v>36275</v>
      </c>
      <c r="BS21" s="26">
        <v>36275</v>
      </c>
      <c r="BT21" s="27">
        <v>0</v>
      </c>
      <c r="BU21" s="25">
        <v>90590</v>
      </c>
      <c r="BV21" s="25">
        <v>53365</v>
      </c>
      <c r="BW21" s="25">
        <v>237560</v>
      </c>
      <c r="BX21" s="25">
        <v>182565</v>
      </c>
      <c r="BY21" s="25">
        <v>78815</v>
      </c>
      <c r="BZ21" s="28">
        <v>642895</v>
      </c>
      <c r="CA21" s="29">
        <v>679170</v>
      </c>
      <c r="CB21" s="24">
        <v>0</v>
      </c>
      <c r="CC21" s="25">
        <v>0</v>
      </c>
      <c r="CD21" s="26">
        <v>0</v>
      </c>
      <c r="CE21" s="27">
        <v>0</v>
      </c>
      <c r="CF21" s="25">
        <v>1690</v>
      </c>
      <c r="CG21" s="25">
        <v>0</v>
      </c>
      <c r="CH21" s="25">
        <v>885</v>
      </c>
      <c r="CI21" s="25">
        <v>11150</v>
      </c>
      <c r="CJ21" s="25">
        <v>0</v>
      </c>
      <c r="CK21" s="28">
        <v>13725</v>
      </c>
      <c r="CL21" s="29">
        <v>13725</v>
      </c>
      <c r="CM21" s="24">
        <v>0</v>
      </c>
      <c r="CN21" s="25">
        <v>0</v>
      </c>
      <c r="CO21" s="26">
        <v>0</v>
      </c>
      <c r="CP21" s="27">
        <v>0</v>
      </c>
      <c r="CQ21" s="25">
        <v>0</v>
      </c>
      <c r="CR21" s="25">
        <v>0</v>
      </c>
      <c r="CS21" s="25">
        <v>0</v>
      </c>
      <c r="CT21" s="25">
        <v>0</v>
      </c>
      <c r="CU21" s="25">
        <v>0</v>
      </c>
      <c r="CV21" s="28">
        <v>0</v>
      </c>
      <c r="CW21" s="29">
        <v>0</v>
      </c>
      <c r="CX21" s="24">
        <v>0</v>
      </c>
      <c r="CY21" s="25">
        <v>0</v>
      </c>
      <c r="CZ21" s="26">
        <v>0</v>
      </c>
      <c r="DA21" s="404">
        <v>0</v>
      </c>
      <c r="DB21" s="25">
        <v>0</v>
      </c>
      <c r="DC21" s="25">
        <v>0</v>
      </c>
      <c r="DD21" s="25">
        <v>0</v>
      </c>
      <c r="DE21" s="25">
        <v>0</v>
      </c>
      <c r="DF21" s="25">
        <v>0</v>
      </c>
      <c r="DG21" s="28">
        <v>0</v>
      </c>
      <c r="DH21" s="29">
        <v>0</v>
      </c>
      <c r="DI21" s="24">
        <v>0</v>
      </c>
      <c r="DJ21" s="25">
        <v>24437</v>
      </c>
      <c r="DK21" s="26">
        <v>24437</v>
      </c>
      <c r="DL21" s="27">
        <v>0</v>
      </c>
      <c r="DM21" s="25">
        <v>195481</v>
      </c>
      <c r="DN21" s="25">
        <v>391067</v>
      </c>
      <c r="DO21" s="25">
        <v>2686495</v>
      </c>
      <c r="DP21" s="25">
        <v>4032043</v>
      </c>
      <c r="DQ21" s="25">
        <v>2425211</v>
      </c>
      <c r="DR21" s="28">
        <v>9730297</v>
      </c>
      <c r="DS21" s="30">
        <v>9754734</v>
      </c>
      <c r="DT21" s="24">
        <v>0</v>
      </c>
      <c r="DU21" s="25">
        <v>0</v>
      </c>
      <c r="DV21" s="26">
        <v>0</v>
      </c>
      <c r="DW21" s="404">
        <v>0</v>
      </c>
      <c r="DX21" s="25">
        <v>40176</v>
      </c>
      <c r="DY21" s="25">
        <v>159836</v>
      </c>
      <c r="DZ21" s="25">
        <v>2110770</v>
      </c>
      <c r="EA21" s="25">
        <v>3463203</v>
      </c>
      <c r="EB21" s="25">
        <v>2195944</v>
      </c>
      <c r="EC21" s="28">
        <v>7969929</v>
      </c>
      <c r="ED21" s="29">
        <v>7969929</v>
      </c>
      <c r="EE21" s="24">
        <v>0</v>
      </c>
      <c r="EF21" s="25">
        <v>0</v>
      </c>
      <c r="EG21" s="26">
        <v>0</v>
      </c>
      <c r="EH21" s="404">
        <v>0</v>
      </c>
      <c r="EI21" s="25">
        <v>35982</v>
      </c>
      <c r="EJ21" s="25">
        <v>114159</v>
      </c>
      <c r="EK21" s="25">
        <v>105988</v>
      </c>
      <c r="EL21" s="25">
        <v>26027</v>
      </c>
      <c r="EM21" s="25">
        <v>53834</v>
      </c>
      <c r="EN21" s="28">
        <v>335990</v>
      </c>
      <c r="EO21" s="29">
        <v>335990</v>
      </c>
      <c r="EP21" s="24">
        <v>0</v>
      </c>
      <c r="EQ21" s="25">
        <v>0</v>
      </c>
      <c r="ER21" s="26">
        <v>0</v>
      </c>
      <c r="ES21" s="404">
        <v>0</v>
      </c>
      <c r="ET21" s="25">
        <v>0</v>
      </c>
      <c r="EU21" s="25">
        <v>0</v>
      </c>
      <c r="EV21" s="25">
        <v>0</v>
      </c>
      <c r="EW21" s="25">
        <v>0</v>
      </c>
      <c r="EX21" s="25">
        <v>0</v>
      </c>
      <c r="EY21" s="28">
        <v>0</v>
      </c>
      <c r="EZ21" s="29">
        <v>0</v>
      </c>
      <c r="FA21" s="24">
        <v>0</v>
      </c>
      <c r="FB21" s="25">
        <v>0</v>
      </c>
      <c r="FC21" s="26">
        <v>0</v>
      </c>
      <c r="FD21" s="404">
        <v>0</v>
      </c>
      <c r="FE21" s="25">
        <v>0</v>
      </c>
      <c r="FF21" s="25">
        <v>0</v>
      </c>
      <c r="FG21" s="25">
        <v>0</v>
      </c>
      <c r="FH21" s="25">
        <v>651</v>
      </c>
      <c r="FI21" s="25">
        <v>1519</v>
      </c>
      <c r="FJ21" s="28">
        <v>2170</v>
      </c>
      <c r="FK21" s="29">
        <v>2170</v>
      </c>
      <c r="FL21" s="24">
        <v>0</v>
      </c>
      <c r="FM21" s="25">
        <v>0</v>
      </c>
      <c r="FN21" s="26">
        <v>0</v>
      </c>
      <c r="FO21" s="404">
        <v>0</v>
      </c>
      <c r="FP21" s="25">
        <v>0</v>
      </c>
      <c r="FQ21" s="25">
        <v>21576</v>
      </c>
      <c r="FR21" s="25">
        <v>36766</v>
      </c>
      <c r="FS21" s="25">
        <v>245896</v>
      </c>
      <c r="FT21" s="25">
        <v>43152</v>
      </c>
      <c r="FU21" s="28">
        <v>347390</v>
      </c>
      <c r="FV21" s="29">
        <v>347390</v>
      </c>
      <c r="FW21" s="24">
        <v>0</v>
      </c>
      <c r="FX21" s="25">
        <v>24437</v>
      </c>
      <c r="FY21" s="26">
        <v>24437</v>
      </c>
      <c r="FZ21" s="27">
        <v>0</v>
      </c>
      <c r="GA21" s="25">
        <v>116967</v>
      </c>
      <c r="GB21" s="25">
        <v>95496</v>
      </c>
      <c r="GC21" s="25">
        <v>432922</v>
      </c>
      <c r="GD21" s="25">
        <v>291882</v>
      </c>
      <c r="GE21" s="25">
        <v>130762</v>
      </c>
      <c r="GF21" s="28">
        <v>1068029</v>
      </c>
      <c r="GG21" s="29">
        <v>1092466</v>
      </c>
      <c r="GH21" s="24">
        <v>0</v>
      </c>
      <c r="GI21" s="25">
        <v>0</v>
      </c>
      <c r="GJ21" s="26">
        <v>0</v>
      </c>
      <c r="GK21" s="27">
        <v>0</v>
      </c>
      <c r="GL21" s="25">
        <v>2356</v>
      </c>
      <c r="GM21" s="25">
        <v>0</v>
      </c>
      <c r="GN21" s="25">
        <v>49</v>
      </c>
      <c r="GO21" s="25">
        <v>4384</v>
      </c>
      <c r="GP21" s="25">
        <v>0</v>
      </c>
      <c r="GQ21" s="28">
        <v>6789</v>
      </c>
      <c r="GR21" s="29">
        <v>6789</v>
      </c>
      <c r="GS21" s="24">
        <v>0</v>
      </c>
      <c r="GT21" s="25">
        <v>0</v>
      </c>
      <c r="GU21" s="26">
        <v>0</v>
      </c>
      <c r="GV21" s="27">
        <v>0</v>
      </c>
      <c r="GW21" s="25">
        <v>0</v>
      </c>
      <c r="GX21" s="25">
        <v>0</v>
      </c>
      <c r="GY21" s="25">
        <v>0</v>
      </c>
      <c r="GZ21" s="25">
        <v>0</v>
      </c>
      <c r="HA21" s="25">
        <v>0</v>
      </c>
      <c r="HB21" s="28">
        <v>0</v>
      </c>
      <c r="HC21" s="29">
        <v>0</v>
      </c>
      <c r="HD21" s="24">
        <v>0</v>
      </c>
      <c r="HE21" s="25">
        <v>0</v>
      </c>
      <c r="HF21" s="26">
        <v>0</v>
      </c>
      <c r="HG21" s="404">
        <v>0</v>
      </c>
      <c r="HH21" s="25">
        <v>0</v>
      </c>
      <c r="HI21" s="25">
        <v>0</v>
      </c>
      <c r="HJ21" s="25">
        <v>0</v>
      </c>
      <c r="HK21" s="25">
        <v>0</v>
      </c>
      <c r="HL21" s="25">
        <v>0</v>
      </c>
      <c r="HM21" s="28">
        <v>0</v>
      </c>
      <c r="HN21" s="29">
        <v>0</v>
      </c>
      <c r="HO21" s="24">
        <v>0</v>
      </c>
      <c r="HP21" s="25">
        <v>60712</v>
      </c>
      <c r="HQ21" s="26">
        <v>60712</v>
      </c>
      <c r="HR21" s="27">
        <v>0</v>
      </c>
      <c r="HS21" s="25">
        <v>420671</v>
      </c>
      <c r="HT21" s="25">
        <v>1020482</v>
      </c>
      <c r="HU21" s="25">
        <v>4853900</v>
      </c>
      <c r="HV21" s="25">
        <v>7253362</v>
      </c>
      <c r="HW21" s="25">
        <v>4484366</v>
      </c>
      <c r="HX21" s="28">
        <v>18032781</v>
      </c>
      <c r="HY21" s="29">
        <v>18093493</v>
      </c>
    </row>
    <row r="22" spans="2:233" ht="21" customHeight="1" x14ac:dyDescent="0.2">
      <c r="B22" s="106" t="s">
        <v>19</v>
      </c>
      <c r="C22" s="24">
        <v>0</v>
      </c>
      <c r="D22" s="25">
        <v>0</v>
      </c>
      <c r="E22" s="26">
        <v>0</v>
      </c>
      <c r="F22" s="27">
        <v>0</v>
      </c>
      <c r="G22" s="25">
        <v>228610</v>
      </c>
      <c r="H22" s="25">
        <v>290280</v>
      </c>
      <c r="I22" s="25">
        <v>1335320</v>
      </c>
      <c r="J22" s="25">
        <v>1232085</v>
      </c>
      <c r="K22" s="25">
        <v>993015</v>
      </c>
      <c r="L22" s="28">
        <v>4079310</v>
      </c>
      <c r="M22" s="29">
        <v>4079310</v>
      </c>
      <c r="N22" s="24">
        <v>0</v>
      </c>
      <c r="O22" s="25">
        <v>0</v>
      </c>
      <c r="P22" s="26">
        <v>0</v>
      </c>
      <c r="Q22" s="404">
        <v>0</v>
      </c>
      <c r="R22" s="25">
        <v>0</v>
      </c>
      <c r="S22" s="25">
        <v>43400</v>
      </c>
      <c r="T22" s="25">
        <v>858215</v>
      </c>
      <c r="U22" s="25">
        <v>912910</v>
      </c>
      <c r="V22" s="25">
        <v>894655</v>
      </c>
      <c r="W22" s="28">
        <v>2709180</v>
      </c>
      <c r="X22" s="29">
        <v>2709180</v>
      </c>
      <c r="Y22" s="24">
        <v>0</v>
      </c>
      <c r="Z22" s="25">
        <v>0</v>
      </c>
      <c r="AA22" s="26">
        <v>0</v>
      </c>
      <c r="AB22" s="404">
        <v>0</v>
      </c>
      <c r="AC22" s="25">
        <v>204600</v>
      </c>
      <c r="AD22" s="25">
        <v>235895</v>
      </c>
      <c r="AE22" s="25">
        <v>443815</v>
      </c>
      <c r="AF22" s="25">
        <v>276500</v>
      </c>
      <c r="AG22" s="25">
        <v>85300</v>
      </c>
      <c r="AH22" s="28">
        <v>1246110</v>
      </c>
      <c r="AI22" s="29">
        <v>1246110</v>
      </c>
      <c r="AJ22" s="24">
        <v>0</v>
      </c>
      <c r="AK22" s="25">
        <v>0</v>
      </c>
      <c r="AL22" s="26">
        <v>0</v>
      </c>
      <c r="AM22" s="404">
        <v>0</v>
      </c>
      <c r="AN22" s="25">
        <v>0</v>
      </c>
      <c r="AO22" s="25">
        <v>0</v>
      </c>
      <c r="AP22" s="25">
        <v>0</v>
      </c>
      <c r="AQ22" s="25">
        <v>0</v>
      </c>
      <c r="AR22" s="25">
        <v>0</v>
      </c>
      <c r="AS22" s="28">
        <v>0</v>
      </c>
      <c r="AT22" s="29">
        <v>0</v>
      </c>
      <c r="AU22" s="24">
        <v>0</v>
      </c>
      <c r="AV22" s="25">
        <v>0</v>
      </c>
      <c r="AW22" s="26">
        <v>0</v>
      </c>
      <c r="AX22" s="404">
        <v>0</v>
      </c>
      <c r="AY22" s="25">
        <v>0</v>
      </c>
      <c r="AZ22" s="25">
        <v>0</v>
      </c>
      <c r="BA22" s="25">
        <v>0</v>
      </c>
      <c r="BB22" s="25">
        <v>0</v>
      </c>
      <c r="BC22" s="25">
        <v>0</v>
      </c>
      <c r="BD22" s="28">
        <v>0</v>
      </c>
      <c r="BE22" s="29">
        <v>0</v>
      </c>
      <c r="BF22" s="24">
        <v>0</v>
      </c>
      <c r="BG22" s="25">
        <v>0</v>
      </c>
      <c r="BH22" s="26">
        <v>0</v>
      </c>
      <c r="BI22" s="404">
        <v>0</v>
      </c>
      <c r="BJ22" s="25">
        <v>0</v>
      </c>
      <c r="BK22" s="25">
        <v>0</v>
      </c>
      <c r="BL22" s="25">
        <v>0</v>
      </c>
      <c r="BM22" s="25">
        <v>0</v>
      </c>
      <c r="BN22" s="25">
        <v>0</v>
      </c>
      <c r="BO22" s="28">
        <v>0</v>
      </c>
      <c r="BP22" s="29">
        <v>0</v>
      </c>
      <c r="BQ22" s="24">
        <v>0</v>
      </c>
      <c r="BR22" s="25">
        <v>0</v>
      </c>
      <c r="BS22" s="26">
        <v>0</v>
      </c>
      <c r="BT22" s="27">
        <v>0</v>
      </c>
      <c r="BU22" s="25">
        <v>22940</v>
      </c>
      <c r="BV22" s="25">
        <v>10540</v>
      </c>
      <c r="BW22" s="25">
        <v>32470</v>
      </c>
      <c r="BX22" s="25">
        <v>23060</v>
      </c>
      <c r="BY22" s="25">
        <v>12625</v>
      </c>
      <c r="BZ22" s="28">
        <v>101635</v>
      </c>
      <c r="CA22" s="29">
        <v>101635</v>
      </c>
      <c r="CB22" s="24">
        <v>0</v>
      </c>
      <c r="CC22" s="25">
        <v>0</v>
      </c>
      <c r="CD22" s="26">
        <v>0</v>
      </c>
      <c r="CE22" s="27">
        <v>0</v>
      </c>
      <c r="CF22" s="25">
        <v>1070</v>
      </c>
      <c r="CG22" s="25">
        <v>445</v>
      </c>
      <c r="CH22" s="25">
        <v>820</v>
      </c>
      <c r="CI22" s="25">
        <v>19615</v>
      </c>
      <c r="CJ22" s="25">
        <v>435</v>
      </c>
      <c r="CK22" s="28">
        <v>22385</v>
      </c>
      <c r="CL22" s="29">
        <v>22385</v>
      </c>
      <c r="CM22" s="24">
        <v>0</v>
      </c>
      <c r="CN22" s="25">
        <v>0</v>
      </c>
      <c r="CO22" s="26">
        <v>0</v>
      </c>
      <c r="CP22" s="27">
        <v>0</v>
      </c>
      <c r="CQ22" s="25">
        <v>0</v>
      </c>
      <c r="CR22" s="25">
        <v>0</v>
      </c>
      <c r="CS22" s="25">
        <v>0</v>
      </c>
      <c r="CT22" s="25">
        <v>0</v>
      </c>
      <c r="CU22" s="25">
        <v>0</v>
      </c>
      <c r="CV22" s="28">
        <v>0</v>
      </c>
      <c r="CW22" s="29">
        <v>0</v>
      </c>
      <c r="CX22" s="24">
        <v>0</v>
      </c>
      <c r="CY22" s="25">
        <v>0</v>
      </c>
      <c r="CZ22" s="26">
        <v>0</v>
      </c>
      <c r="DA22" s="404">
        <v>0</v>
      </c>
      <c r="DB22" s="25">
        <v>0</v>
      </c>
      <c r="DC22" s="25">
        <v>0</v>
      </c>
      <c r="DD22" s="25">
        <v>0</v>
      </c>
      <c r="DE22" s="25">
        <v>0</v>
      </c>
      <c r="DF22" s="25">
        <v>0</v>
      </c>
      <c r="DG22" s="28">
        <v>0</v>
      </c>
      <c r="DH22" s="29">
        <v>0</v>
      </c>
      <c r="DI22" s="24">
        <v>0</v>
      </c>
      <c r="DJ22" s="25">
        <v>0</v>
      </c>
      <c r="DK22" s="26">
        <v>0</v>
      </c>
      <c r="DL22" s="27">
        <v>0</v>
      </c>
      <c r="DM22" s="25">
        <v>41396</v>
      </c>
      <c r="DN22" s="25">
        <v>158047</v>
      </c>
      <c r="DO22" s="25">
        <v>1715273</v>
      </c>
      <c r="DP22" s="25">
        <v>1354357</v>
      </c>
      <c r="DQ22" s="25">
        <v>1099751</v>
      </c>
      <c r="DR22" s="28">
        <v>4368824</v>
      </c>
      <c r="DS22" s="30">
        <v>4368824</v>
      </c>
      <c r="DT22" s="24">
        <v>0</v>
      </c>
      <c r="DU22" s="25">
        <v>0</v>
      </c>
      <c r="DV22" s="26">
        <v>0</v>
      </c>
      <c r="DW22" s="404">
        <v>0</v>
      </c>
      <c r="DX22" s="25">
        <v>0</v>
      </c>
      <c r="DY22" s="25">
        <v>86552</v>
      </c>
      <c r="DZ22" s="25">
        <v>1518833</v>
      </c>
      <c r="EA22" s="25">
        <v>1291753</v>
      </c>
      <c r="EB22" s="25">
        <v>1069398</v>
      </c>
      <c r="EC22" s="28">
        <v>3966536</v>
      </c>
      <c r="ED22" s="29">
        <v>3966536</v>
      </c>
      <c r="EE22" s="24">
        <v>0</v>
      </c>
      <c r="EF22" s="25">
        <v>0</v>
      </c>
      <c r="EG22" s="26">
        <v>0</v>
      </c>
      <c r="EH22" s="404">
        <v>0</v>
      </c>
      <c r="EI22" s="25">
        <v>15283</v>
      </c>
      <c r="EJ22" s="25">
        <v>48027</v>
      </c>
      <c r="EK22" s="25">
        <v>115377</v>
      </c>
      <c r="EL22" s="25">
        <v>37088</v>
      </c>
      <c r="EM22" s="25">
        <v>11098</v>
      </c>
      <c r="EN22" s="28">
        <v>226873</v>
      </c>
      <c r="EO22" s="29">
        <v>226873</v>
      </c>
      <c r="EP22" s="24">
        <v>0</v>
      </c>
      <c r="EQ22" s="25">
        <v>0</v>
      </c>
      <c r="ER22" s="26">
        <v>0</v>
      </c>
      <c r="ES22" s="404">
        <v>0</v>
      </c>
      <c r="ET22" s="25">
        <v>0</v>
      </c>
      <c r="EU22" s="25">
        <v>0</v>
      </c>
      <c r="EV22" s="25">
        <v>0</v>
      </c>
      <c r="EW22" s="25">
        <v>0</v>
      </c>
      <c r="EX22" s="25">
        <v>0</v>
      </c>
      <c r="EY22" s="28">
        <v>0</v>
      </c>
      <c r="EZ22" s="29">
        <v>0</v>
      </c>
      <c r="FA22" s="24">
        <v>0</v>
      </c>
      <c r="FB22" s="25">
        <v>0</v>
      </c>
      <c r="FC22" s="26">
        <v>0</v>
      </c>
      <c r="FD22" s="404">
        <v>0</v>
      </c>
      <c r="FE22" s="25">
        <v>0</v>
      </c>
      <c r="FF22" s="25">
        <v>0</v>
      </c>
      <c r="FG22" s="25">
        <v>0</v>
      </c>
      <c r="FH22" s="25">
        <v>0</v>
      </c>
      <c r="FI22" s="25">
        <v>0</v>
      </c>
      <c r="FJ22" s="28">
        <v>0</v>
      </c>
      <c r="FK22" s="29">
        <v>0</v>
      </c>
      <c r="FL22" s="24">
        <v>0</v>
      </c>
      <c r="FM22" s="25">
        <v>0</v>
      </c>
      <c r="FN22" s="26">
        <v>0</v>
      </c>
      <c r="FO22" s="404">
        <v>0</v>
      </c>
      <c r="FP22" s="25">
        <v>0</v>
      </c>
      <c r="FQ22" s="25">
        <v>0</v>
      </c>
      <c r="FR22" s="25">
        <v>0</v>
      </c>
      <c r="FS22" s="25">
        <v>0</v>
      </c>
      <c r="FT22" s="25">
        <v>0</v>
      </c>
      <c r="FU22" s="28">
        <v>0</v>
      </c>
      <c r="FV22" s="29">
        <v>0</v>
      </c>
      <c r="FW22" s="24">
        <v>0</v>
      </c>
      <c r="FX22" s="25">
        <v>0</v>
      </c>
      <c r="FY22" s="26">
        <v>0</v>
      </c>
      <c r="FZ22" s="27">
        <v>0</v>
      </c>
      <c r="GA22" s="25">
        <v>26092</v>
      </c>
      <c r="GB22" s="25">
        <v>23468</v>
      </c>
      <c r="GC22" s="25">
        <v>81000</v>
      </c>
      <c r="GD22" s="25">
        <v>21733</v>
      </c>
      <c r="GE22" s="25">
        <v>15675</v>
      </c>
      <c r="GF22" s="28">
        <v>167968</v>
      </c>
      <c r="GG22" s="29">
        <v>167968</v>
      </c>
      <c r="GH22" s="24">
        <v>0</v>
      </c>
      <c r="GI22" s="25">
        <v>0</v>
      </c>
      <c r="GJ22" s="26">
        <v>0</v>
      </c>
      <c r="GK22" s="27">
        <v>0</v>
      </c>
      <c r="GL22" s="25">
        <v>21</v>
      </c>
      <c r="GM22" s="25">
        <v>0</v>
      </c>
      <c r="GN22" s="25">
        <v>63</v>
      </c>
      <c r="GO22" s="25">
        <v>3783</v>
      </c>
      <c r="GP22" s="25">
        <v>3580</v>
      </c>
      <c r="GQ22" s="28">
        <v>7447</v>
      </c>
      <c r="GR22" s="29">
        <v>7447</v>
      </c>
      <c r="GS22" s="24">
        <v>0</v>
      </c>
      <c r="GT22" s="25">
        <v>0</v>
      </c>
      <c r="GU22" s="26">
        <v>0</v>
      </c>
      <c r="GV22" s="27">
        <v>0</v>
      </c>
      <c r="GW22" s="25">
        <v>0</v>
      </c>
      <c r="GX22" s="25">
        <v>0</v>
      </c>
      <c r="GY22" s="25">
        <v>0</v>
      </c>
      <c r="GZ22" s="25">
        <v>0</v>
      </c>
      <c r="HA22" s="25">
        <v>0</v>
      </c>
      <c r="HB22" s="28">
        <v>0</v>
      </c>
      <c r="HC22" s="29">
        <v>0</v>
      </c>
      <c r="HD22" s="24">
        <v>0</v>
      </c>
      <c r="HE22" s="25">
        <v>0</v>
      </c>
      <c r="HF22" s="26">
        <v>0</v>
      </c>
      <c r="HG22" s="404">
        <v>0</v>
      </c>
      <c r="HH22" s="25">
        <v>0</v>
      </c>
      <c r="HI22" s="25">
        <v>0</v>
      </c>
      <c r="HJ22" s="25">
        <v>0</v>
      </c>
      <c r="HK22" s="25">
        <v>0</v>
      </c>
      <c r="HL22" s="25">
        <v>0</v>
      </c>
      <c r="HM22" s="28">
        <v>0</v>
      </c>
      <c r="HN22" s="29">
        <v>0</v>
      </c>
      <c r="HO22" s="24">
        <v>0</v>
      </c>
      <c r="HP22" s="25">
        <v>0</v>
      </c>
      <c r="HQ22" s="26">
        <v>0</v>
      </c>
      <c r="HR22" s="27">
        <v>0</v>
      </c>
      <c r="HS22" s="25">
        <v>270006</v>
      </c>
      <c r="HT22" s="25">
        <v>448327</v>
      </c>
      <c r="HU22" s="25">
        <v>3050593</v>
      </c>
      <c r="HV22" s="25">
        <v>2586442</v>
      </c>
      <c r="HW22" s="25">
        <v>2092766</v>
      </c>
      <c r="HX22" s="28">
        <v>8448134</v>
      </c>
      <c r="HY22" s="29">
        <v>8448134</v>
      </c>
    </row>
    <row r="23" spans="2:233" ht="21" customHeight="1" x14ac:dyDescent="0.2">
      <c r="B23" s="106" t="s">
        <v>20</v>
      </c>
      <c r="C23" s="24">
        <v>0</v>
      </c>
      <c r="D23" s="25">
        <v>0</v>
      </c>
      <c r="E23" s="26">
        <v>0</v>
      </c>
      <c r="F23" s="27">
        <v>0</v>
      </c>
      <c r="G23" s="25">
        <v>120765</v>
      </c>
      <c r="H23" s="25">
        <v>348385</v>
      </c>
      <c r="I23" s="25">
        <v>1085525</v>
      </c>
      <c r="J23" s="25">
        <v>1719465</v>
      </c>
      <c r="K23" s="25">
        <v>905312</v>
      </c>
      <c r="L23" s="28">
        <v>4179452</v>
      </c>
      <c r="M23" s="29">
        <v>4179452</v>
      </c>
      <c r="N23" s="24">
        <v>0</v>
      </c>
      <c r="O23" s="25">
        <v>0</v>
      </c>
      <c r="P23" s="26">
        <v>0</v>
      </c>
      <c r="Q23" s="404">
        <v>0</v>
      </c>
      <c r="R23" s="25">
        <v>32465</v>
      </c>
      <c r="S23" s="25">
        <v>147250</v>
      </c>
      <c r="T23" s="25">
        <v>865815</v>
      </c>
      <c r="U23" s="25">
        <v>1436260</v>
      </c>
      <c r="V23" s="25">
        <v>704470</v>
      </c>
      <c r="W23" s="28">
        <v>3186260</v>
      </c>
      <c r="X23" s="29">
        <v>3186260</v>
      </c>
      <c r="Y23" s="24">
        <v>0</v>
      </c>
      <c r="Z23" s="25">
        <v>0</v>
      </c>
      <c r="AA23" s="26">
        <v>0</v>
      </c>
      <c r="AB23" s="404">
        <v>0</v>
      </c>
      <c r="AC23" s="25">
        <v>73470</v>
      </c>
      <c r="AD23" s="25">
        <v>157790</v>
      </c>
      <c r="AE23" s="25">
        <v>106955</v>
      </c>
      <c r="AF23" s="25">
        <v>260945</v>
      </c>
      <c r="AG23" s="25">
        <v>59395</v>
      </c>
      <c r="AH23" s="28">
        <v>658555</v>
      </c>
      <c r="AI23" s="29">
        <v>658555</v>
      </c>
      <c r="AJ23" s="24">
        <v>0</v>
      </c>
      <c r="AK23" s="25">
        <v>0</v>
      </c>
      <c r="AL23" s="26">
        <v>0</v>
      </c>
      <c r="AM23" s="404">
        <v>0</v>
      </c>
      <c r="AN23" s="25">
        <v>0</v>
      </c>
      <c r="AO23" s="25">
        <v>0</v>
      </c>
      <c r="AP23" s="25">
        <v>0</v>
      </c>
      <c r="AQ23" s="25">
        <v>0</v>
      </c>
      <c r="AR23" s="25">
        <v>0</v>
      </c>
      <c r="AS23" s="28">
        <v>0</v>
      </c>
      <c r="AT23" s="29">
        <v>0</v>
      </c>
      <c r="AU23" s="24">
        <v>0</v>
      </c>
      <c r="AV23" s="25">
        <v>0</v>
      </c>
      <c r="AW23" s="26">
        <v>0</v>
      </c>
      <c r="AX23" s="404">
        <v>0</v>
      </c>
      <c r="AY23" s="25">
        <v>0</v>
      </c>
      <c r="AZ23" s="25">
        <v>0</v>
      </c>
      <c r="BA23" s="25">
        <v>0</v>
      </c>
      <c r="BB23" s="25">
        <v>0</v>
      </c>
      <c r="BC23" s="25">
        <v>88515</v>
      </c>
      <c r="BD23" s="28">
        <v>88515</v>
      </c>
      <c r="BE23" s="29">
        <v>88515</v>
      </c>
      <c r="BF23" s="24">
        <v>0</v>
      </c>
      <c r="BG23" s="25">
        <v>0</v>
      </c>
      <c r="BH23" s="26">
        <v>0</v>
      </c>
      <c r="BI23" s="404">
        <v>0</v>
      </c>
      <c r="BJ23" s="25">
        <v>0</v>
      </c>
      <c r="BK23" s="25">
        <v>0</v>
      </c>
      <c r="BL23" s="25">
        <v>0</v>
      </c>
      <c r="BM23" s="25">
        <v>0</v>
      </c>
      <c r="BN23" s="25">
        <v>0</v>
      </c>
      <c r="BO23" s="28">
        <v>0</v>
      </c>
      <c r="BP23" s="29">
        <v>0</v>
      </c>
      <c r="BQ23" s="24">
        <v>0</v>
      </c>
      <c r="BR23" s="25">
        <v>0</v>
      </c>
      <c r="BS23" s="26">
        <v>0</v>
      </c>
      <c r="BT23" s="27">
        <v>0</v>
      </c>
      <c r="BU23" s="25">
        <v>13690</v>
      </c>
      <c r="BV23" s="25">
        <v>41625</v>
      </c>
      <c r="BW23" s="25">
        <v>112175</v>
      </c>
      <c r="BX23" s="25">
        <v>21535</v>
      </c>
      <c r="BY23" s="25">
        <v>51772</v>
      </c>
      <c r="BZ23" s="28">
        <v>240797</v>
      </c>
      <c r="CA23" s="29">
        <v>240797</v>
      </c>
      <c r="CB23" s="24">
        <v>0</v>
      </c>
      <c r="CC23" s="25">
        <v>0</v>
      </c>
      <c r="CD23" s="26">
        <v>0</v>
      </c>
      <c r="CE23" s="27">
        <v>0</v>
      </c>
      <c r="CF23" s="25">
        <v>1140</v>
      </c>
      <c r="CG23" s="25">
        <v>1720</v>
      </c>
      <c r="CH23" s="25">
        <v>580</v>
      </c>
      <c r="CI23" s="25">
        <v>725</v>
      </c>
      <c r="CJ23" s="25">
        <v>1160</v>
      </c>
      <c r="CK23" s="28">
        <v>5325</v>
      </c>
      <c r="CL23" s="29">
        <v>5325</v>
      </c>
      <c r="CM23" s="24">
        <v>0</v>
      </c>
      <c r="CN23" s="25">
        <v>0</v>
      </c>
      <c r="CO23" s="26">
        <v>0</v>
      </c>
      <c r="CP23" s="27">
        <v>0</v>
      </c>
      <c r="CQ23" s="25">
        <v>0</v>
      </c>
      <c r="CR23" s="25">
        <v>0</v>
      </c>
      <c r="CS23" s="25">
        <v>0</v>
      </c>
      <c r="CT23" s="25">
        <v>0</v>
      </c>
      <c r="CU23" s="25">
        <v>0</v>
      </c>
      <c r="CV23" s="28">
        <v>0</v>
      </c>
      <c r="CW23" s="29">
        <v>0</v>
      </c>
      <c r="CX23" s="24">
        <v>0</v>
      </c>
      <c r="CY23" s="25">
        <v>0</v>
      </c>
      <c r="CZ23" s="26">
        <v>0</v>
      </c>
      <c r="DA23" s="404">
        <v>0</v>
      </c>
      <c r="DB23" s="25">
        <v>0</v>
      </c>
      <c r="DC23" s="25">
        <v>0</v>
      </c>
      <c r="DD23" s="25">
        <v>0</v>
      </c>
      <c r="DE23" s="25">
        <v>0</v>
      </c>
      <c r="DF23" s="25">
        <v>0</v>
      </c>
      <c r="DG23" s="28">
        <v>0</v>
      </c>
      <c r="DH23" s="29">
        <v>0</v>
      </c>
      <c r="DI23" s="24">
        <v>0</v>
      </c>
      <c r="DJ23" s="25">
        <v>0</v>
      </c>
      <c r="DK23" s="26">
        <v>0</v>
      </c>
      <c r="DL23" s="27">
        <v>0</v>
      </c>
      <c r="DM23" s="25">
        <v>110419</v>
      </c>
      <c r="DN23" s="25">
        <v>315724</v>
      </c>
      <c r="DO23" s="25">
        <v>1945436</v>
      </c>
      <c r="DP23" s="25">
        <v>2357229</v>
      </c>
      <c r="DQ23" s="25">
        <v>1077492</v>
      </c>
      <c r="DR23" s="28">
        <v>5806300</v>
      </c>
      <c r="DS23" s="30">
        <v>5806300</v>
      </c>
      <c r="DT23" s="24">
        <v>0</v>
      </c>
      <c r="DU23" s="25">
        <v>0</v>
      </c>
      <c r="DV23" s="26">
        <v>0</v>
      </c>
      <c r="DW23" s="404">
        <v>0</v>
      </c>
      <c r="DX23" s="25">
        <v>55986</v>
      </c>
      <c r="DY23" s="25">
        <v>213714</v>
      </c>
      <c r="DZ23" s="25">
        <v>1653649</v>
      </c>
      <c r="EA23" s="25">
        <v>2211741</v>
      </c>
      <c r="EB23" s="25">
        <v>939461</v>
      </c>
      <c r="EC23" s="28">
        <v>5074551</v>
      </c>
      <c r="ED23" s="29">
        <v>5074551</v>
      </c>
      <c r="EE23" s="24">
        <v>0</v>
      </c>
      <c r="EF23" s="25">
        <v>0</v>
      </c>
      <c r="EG23" s="26">
        <v>0</v>
      </c>
      <c r="EH23" s="404">
        <v>0</v>
      </c>
      <c r="EI23" s="25">
        <v>25079</v>
      </c>
      <c r="EJ23" s="25">
        <v>24366</v>
      </c>
      <c r="EK23" s="25">
        <v>12456</v>
      </c>
      <c r="EL23" s="25">
        <v>66846</v>
      </c>
      <c r="EM23" s="25">
        <v>1421</v>
      </c>
      <c r="EN23" s="28">
        <v>130168</v>
      </c>
      <c r="EO23" s="29">
        <v>130168</v>
      </c>
      <c r="EP23" s="24">
        <v>0</v>
      </c>
      <c r="EQ23" s="25">
        <v>0</v>
      </c>
      <c r="ER23" s="26">
        <v>0</v>
      </c>
      <c r="ES23" s="404">
        <v>0</v>
      </c>
      <c r="ET23" s="25">
        <v>0</v>
      </c>
      <c r="EU23" s="25">
        <v>0</v>
      </c>
      <c r="EV23" s="25">
        <v>0</v>
      </c>
      <c r="EW23" s="25">
        <v>0</v>
      </c>
      <c r="EX23" s="25">
        <v>0</v>
      </c>
      <c r="EY23" s="28">
        <v>0</v>
      </c>
      <c r="EZ23" s="29">
        <v>0</v>
      </c>
      <c r="FA23" s="24">
        <v>0</v>
      </c>
      <c r="FB23" s="25">
        <v>0</v>
      </c>
      <c r="FC23" s="26">
        <v>0</v>
      </c>
      <c r="FD23" s="404">
        <v>0</v>
      </c>
      <c r="FE23" s="25">
        <v>0</v>
      </c>
      <c r="FF23" s="25">
        <v>0</v>
      </c>
      <c r="FG23" s="25">
        <v>0</v>
      </c>
      <c r="FH23" s="25">
        <v>0</v>
      </c>
      <c r="FI23" s="25">
        <v>595</v>
      </c>
      <c r="FJ23" s="28">
        <v>595</v>
      </c>
      <c r="FK23" s="29">
        <v>595</v>
      </c>
      <c r="FL23" s="24">
        <v>0</v>
      </c>
      <c r="FM23" s="25">
        <v>0</v>
      </c>
      <c r="FN23" s="26">
        <v>0</v>
      </c>
      <c r="FO23" s="404">
        <v>0</v>
      </c>
      <c r="FP23" s="25">
        <v>0</v>
      </c>
      <c r="FQ23" s="25">
        <v>0</v>
      </c>
      <c r="FR23" s="25">
        <v>0</v>
      </c>
      <c r="FS23" s="25">
        <v>0</v>
      </c>
      <c r="FT23" s="25">
        <v>0</v>
      </c>
      <c r="FU23" s="28">
        <v>0</v>
      </c>
      <c r="FV23" s="29">
        <v>0</v>
      </c>
      <c r="FW23" s="24">
        <v>0</v>
      </c>
      <c r="FX23" s="25">
        <v>0</v>
      </c>
      <c r="FY23" s="26">
        <v>0</v>
      </c>
      <c r="FZ23" s="27">
        <v>0</v>
      </c>
      <c r="GA23" s="25">
        <v>28280</v>
      </c>
      <c r="GB23" s="25">
        <v>74780</v>
      </c>
      <c r="GC23" s="25">
        <v>277183</v>
      </c>
      <c r="GD23" s="25">
        <v>76494</v>
      </c>
      <c r="GE23" s="25">
        <v>132793</v>
      </c>
      <c r="GF23" s="28">
        <v>589530</v>
      </c>
      <c r="GG23" s="29">
        <v>589530</v>
      </c>
      <c r="GH23" s="24">
        <v>0</v>
      </c>
      <c r="GI23" s="25">
        <v>0</v>
      </c>
      <c r="GJ23" s="26">
        <v>0</v>
      </c>
      <c r="GK23" s="27">
        <v>0</v>
      </c>
      <c r="GL23" s="25">
        <v>1074</v>
      </c>
      <c r="GM23" s="25">
        <v>2864</v>
      </c>
      <c r="GN23" s="25">
        <v>2148</v>
      </c>
      <c r="GO23" s="25">
        <v>2148</v>
      </c>
      <c r="GP23" s="25">
        <v>3222</v>
      </c>
      <c r="GQ23" s="28">
        <v>11456</v>
      </c>
      <c r="GR23" s="29">
        <v>11456</v>
      </c>
      <c r="GS23" s="24">
        <v>0</v>
      </c>
      <c r="GT23" s="25">
        <v>0</v>
      </c>
      <c r="GU23" s="26">
        <v>0</v>
      </c>
      <c r="GV23" s="27">
        <v>0</v>
      </c>
      <c r="GW23" s="25">
        <v>0</v>
      </c>
      <c r="GX23" s="25">
        <v>0</v>
      </c>
      <c r="GY23" s="25">
        <v>0</v>
      </c>
      <c r="GZ23" s="25">
        <v>0</v>
      </c>
      <c r="HA23" s="25">
        <v>0</v>
      </c>
      <c r="HB23" s="28">
        <v>0</v>
      </c>
      <c r="HC23" s="29">
        <v>0</v>
      </c>
      <c r="HD23" s="24">
        <v>0</v>
      </c>
      <c r="HE23" s="25">
        <v>0</v>
      </c>
      <c r="HF23" s="26">
        <v>0</v>
      </c>
      <c r="HG23" s="404">
        <v>0</v>
      </c>
      <c r="HH23" s="25">
        <v>0</v>
      </c>
      <c r="HI23" s="25">
        <v>0</v>
      </c>
      <c r="HJ23" s="25">
        <v>0</v>
      </c>
      <c r="HK23" s="25">
        <v>0</v>
      </c>
      <c r="HL23" s="25">
        <v>0</v>
      </c>
      <c r="HM23" s="28">
        <v>0</v>
      </c>
      <c r="HN23" s="29">
        <v>0</v>
      </c>
      <c r="HO23" s="24">
        <v>0</v>
      </c>
      <c r="HP23" s="25">
        <v>0</v>
      </c>
      <c r="HQ23" s="26">
        <v>0</v>
      </c>
      <c r="HR23" s="27">
        <v>0</v>
      </c>
      <c r="HS23" s="25">
        <v>231184</v>
      </c>
      <c r="HT23" s="25">
        <v>664109</v>
      </c>
      <c r="HU23" s="25">
        <v>3030961</v>
      </c>
      <c r="HV23" s="25">
        <v>4076694</v>
      </c>
      <c r="HW23" s="25">
        <v>1982804</v>
      </c>
      <c r="HX23" s="28">
        <v>9985752</v>
      </c>
      <c r="HY23" s="29">
        <v>9985752</v>
      </c>
    </row>
    <row r="24" spans="2:233" ht="21" customHeight="1" x14ac:dyDescent="0.2">
      <c r="B24" s="106" t="s">
        <v>21</v>
      </c>
      <c r="C24" s="24">
        <v>0</v>
      </c>
      <c r="D24" s="25">
        <v>0</v>
      </c>
      <c r="E24" s="26">
        <v>0</v>
      </c>
      <c r="F24" s="27">
        <v>0</v>
      </c>
      <c r="G24" s="25">
        <v>145708</v>
      </c>
      <c r="H24" s="25">
        <v>297719</v>
      </c>
      <c r="I24" s="25">
        <v>1853795</v>
      </c>
      <c r="J24" s="25">
        <v>1670049</v>
      </c>
      <c r="K24" s="25">
        <v>1224375</v>
      </c>
      <c r="L24" s="28">
        <v>5191646</v>
      </c>
      <c r="M24" s="29">
        <v>5191646</v>
      </c>
      <c r="N24" s="24">
        <v>0</v>
      </c>
      <c r="O24" s="25">
        <v>0</v>
      </c>
      <c r="P24" s="26">
        <v>0</v>
      </c>
      <c r="Q24" s="404">
        <v>0</v>
      </c>
      <c r="R24" s="25">
        <v>35003</v>
      </c>
      <c r="S24" s="25">
        <v>130585</v>
      </c>
      <c r="T24" s="25">
        <v>1471130</v>
      </c>
      <c r="U24" s="25">
        <v>1345114</v>
      </c>
      <c r="V24" s="25">
        <v>918380</v>
      </c>
      <c r="W24" s="28">
        <v>3900212</v>
      </c>
      <c r="X24" s="29">
        <v>3900212</v>
      </c>
      <c r="Y24" s="24">
        <v>0</v>
      </c>
      <c r="Z24" s="25">
        <v>0</v>
      </c>
      <c r="AA24" s="26">
        <v>0</v>
      </c>
      <c r="AB24" s="404">
        <v>0</v>
      </c>
      <c r="AC24" s="25">
        <v>48540</v>
      </c>
      <c r="AD24" s="25">
        <v>98534</v>
      </c>
      <c r="AE24" s="25">
        <v>226345</v>
      </c>
      <c r="AF24" s="25">
        <v>242525</v>
      </c>
      <c r="AG24" s="25">
        <v>176280</v>
      </c>
      <c r="AH24" s="28">
        <v>792224</v>
      </c>
      <c r="AI24" s="29">
        <v>792224</v>
      </c>
      <c r="AJ24" s="24">
        <v>0</v>
      </c>
      <c r="AK24" s="25">
        <v>0</v>
      </c>
      <c r="AL24" s="26">
        <v>0</v>
      </c>
      <c r="AM24" s="404">
        <v>0</v>
      </c>
      <c r="AN24" s="25">
        <v>0</v>
      </c>
      <c r="AO24" s="25">
        <v>0</v>
      </c>
      <c r="AP24" s="25">
        <v>0</v>
      </c>
      <c r="AQ24" s="25">
        <v>0</v>
      </c>
      <c r="AR24" s="25">
        <v>0</v>
      </c>
      <c r="AS24" s="28">
        <v>0</v>
      </c>
      <c r="AT24" s="29">
        <v>0</v>
      </c>
      <c r="AU24" s="24">
        <v>0</v>
      </c>
      <c r="AV24" s="25">
        <v>0</v>
      </c>
      <c r="AW24" s="26">
        <v>0</v>
      </c>
      <c r="AX24" s="404">
        <v>0</v>
      </c>
      <c r="AY24" s="25">
        <v>58035</v>
      </c>
      <c r="AZ24" s="25">
        <v>0</v>
      </c>
      <c r="BA24" s="25">
        <v>0</v>
      </c>
      <c r="BB24" s="25">
        <v>32550</v>
      </c>
      <c r="BC24" s="25">
        <v>89885</v>
      </c>
      <c r="BD24" s="28">
        <v>180470</v>
      </c>
      <c r="BE24" s="29">
        <v>180470</v>
      </c>
      <c r="BF24" s="24">
        <v>0</v>
      </c>
      <c r="BG24" s="25">
        <v>0</v>
      </c>
      <c r="BH24" s="26">
        <v>0</v>
      </c>
      <c r="BI24" s="404">
        <v>0</v>
      </c>
      <c r="BJ24" s="25">
        <v>0</v>
      </c>
      <c r="BK24" s="25">
        <v>0</v>
      </c>
      <c r="BL24" s="25">
        <v>0</v>
      </c>
      <c r="BM24" s="25">
        <v>0</v>
      </c>
      <c r="BN24" s="25">
        <v>0</v>
      </c>
      <c r="BO24" s="28">
        <v>0</v>
      </c>
      <c r="BP24" s="29">
        <v>0</v>
      </c>
      <c r="BQ24" s="24">
        <v>0</v>
      </c>
      <c r="BR24" s="25">
        <v>0</v>
      </c>
      <c r="BS24" s="26">
        <v>0</v>
      </c>
      <c r="BT24" s="27">
        <v>0</v>
      </c>
      <c r="BU24" s="25">
        <v>4130</v>
      </c>
      <c r="BV24" s="25">
        <v>68600</v>
      </c>
      <c r="BW24" s="25">
        <v>156320</v>
      </c>
      <c r="BX24" s="25">
        <v>47965</v>
      </c>
      <c r="BY24" s="25">
        <v>39830</v>
      </c>
      <c r="BZ24" s="28">
        <v>316845</v>
      </c>
      <c r="CA24" s="29">
        <v>316845</v>
      </c>
      <c r="CB24" s="24">
        <v>0</v>
      </c>
      <c r="CC24" s="25">
        <v>0</v>
      </c>
      <c r="CD24" s="26">
        <v>0</v>
      </c>
      <c r="CE24" s="27">
        <v>0</v>
      </c>
      <c r="CF24" s="25">
        <v>0</v>
      </c>
      <c r="CG24" s="25">
        <v>0</v>
      </c>
      <c r="CH24" s="25">
        <v>0</v>
      </c>
      <c r="CI24" s="25">
        <v>1895</v>
      </c>
      <c r="CJ24" s="25">
        <v>0</v>
      </c>
      <c r="CK24" s="28">
        <v>1895</v>
      </c>
      <c r="CL24" s="29">
        <v>1895</v>
      </c>
      <c r="CM24" s="24">
        <v>0</v>
      </c>
      <c r="CN24" s="25">
        <v>0</v>
      </c>
      <c r="CO24" s="26">
        <v>0</v>
      </c>
      <c r="CP24" s="27">
        <v>0</v>
      </c>
      <c r="CQ24" s="25">
        <v>0</v>
      </c>
      <c r="CR24" s="25">
        <v>0</v>
      </c>
      <c r="CS24" s="25">
        <v>0</v>
      </c>
      <c r="CT24" s="25">
        <v>0</v>
      </c>
      <c r="CU24" s="25">
        <v>0</v>
      </c>
      <c r="CV24" s="28">
        <v>0</v>
      </c>
      <c r="CW24" s="29">
        <v>0</v>
      </c>
      <c r="CX24" s="24">
        <v>0</v>
      </c>
      <c r="CY24" s="25">
        <v>0</v>
      </c>
      <c r="CZ24" s="26">
        <v>0</v>
      </c>
      <c r="DA24" s="404">
        <v>0</v>
      </c>
      <c r="DB24" s="25">
        <v>0</v>
      </c>
      <c r="DC24" s="25">
        <v>0</v>
      </c>
      <c r="DD24" s="25">
        <v>0</v>
      </c>
      <c r="DE24" s="25">
        <v>0</v>
      </c>
      <c r="DF24" s="25">
        <v>0</v>
      </c>
      <c r="DG24" s="28">
        <v>0</v>
      </c>
      <c r="DH24" s="29">
        <v>0</v>
      </c>
      <c r="DI24" s="24">
        <v>0</v>
      </c>
      <c r="DJ24" s="25">
        <v>0</v>
      </c>
      <c r="DK24" s="26">
        <v>0</v>
      </c>
      <c r="DL24" s="27">
        <v>0</v>
      </c>
      <c r="DM24" s="25">
        <v>44477</v>
      </c>
      <c r="DN24" s="25">
        <v>279402</v>
      </c>
      <c r="DO24" s="25">
        <v>2295201</v>
      </c>
      <c r="DP24" s="25">
        <v>2129893</v>
      </c>
      <c r="DQ24" s="25">
        <v>1435048</v>
      </c>
      <c r="DR24" s="28">
        <v>6184021</v>
      </c>
      <c r="DS24" s="30">
        <v>6184021</v>
      </c>
      <c r="DT24" s="24">
        <v>0</v>
      </c>
      <c r="DU24" s="25">
        <v>0</v>
      </c>
      <c r="DV24" s="26">
        <v>0</v>
      </c>
      <c r="DW24" s="404">
        <v>0</v>
      </c>
      <c r="DX24" s="25">
        <v>28365</v>
      </c>
      <c r="DY24" s="25">
        <v>153543</v>
      </c>
      <c r="DZ24" s="25">
        <v>1989282</v>
      </c>
      <c r="EA24" s="25">
        <v>2003425</v>
      </c>
      <c r="EB24" s="25">
        <v>1338788</v>
      </c>
      <c r="EC24" s="28">
        <v>5513403</v>
      </c>
      <c r="ED24" s="29">
        <v>5513403</v>
      </c>
      <c r="EE24" s="24">
        <v>0</v>
      </c>
      <c r="EF24" s="25">
        <v>0</v>
      </c>
      <c r="EG24" s="26">
        <v>0</v>
      </c>
      <c r="EH24" s="404">
        <v>0</v>
      </c>
      <c r="EI24" s="25">
        <v>1113</v>
      </c>
      <c r="EJ24" s="25">
        <v>7191</v>
      </c>
      <c r="EK24" s="25">
        <v>39402</v>
      </c>
      <c r="EL24" s="25">
        <v>2758</v>
      </c>
      <c r="EM24" s="25">
        <v>16011</v>
      </c>
      <c r="EN24" s="28">
        <v>66475</v>
      </c>
      <c r="EO24" s="29">
        <v>66475</v>
      </c>
      <c r="EP24" s="24">
        <v>0</v>
      </c>
      <c r="EQ24" s="25">
        <v>0</v>
      </c>
      <c r="ER24" s="26">
        <v>0</v>
      </c>
      <c r="ES24" s="404">
        <v>0</v>
      </c>
      <c r="ET24" s="25">
        <v>0</v>
      </c>
      <c r="EU24" s="25">
        <v>0</v>
      </c>
      <c r="EV24" s="25">
        <v>0</v>
      </c>
      <c r="EW24" s="25">
        <v>0</v>
      </c>
      <c r="EX24" s="25">
        <v>0</v>
      </c>
      <c r="EY24" s="28">
        <v>0</v>
      </c>
      <c r="EZ24" s="29">
        <v>0</v>
      </c>
      <c r="FA24" s="24">
        <v>0</v>
      </c>
      <c r="FB24" s="25">
        <v>0</v>
      </c>
      <c r="FC24" s="26">
        <v>0</v>
      </c>
      <c r="FD24" s="404">
        <v>0</v>
      </c>
      <c r="FE24" s="25">
        <v>511</v>
      </c>
      <c r="FF24" s="25">
        <v>0</v>
      </c>
      <c r="FG24" s="25">
        <v>0</v>
      </c>
      <c r="FH24" s="25">
        <v>1085</v>
      </c>
      <c r="FI24" s="25">
        <v>14415</v>
      </c>
      <c r="FJ24" s="28">
        <v>16011</v>
      </c>
      <c r="FK24" s="29">
        <v>16011</v>
      </c>
      <c r="FL24" s="24">
        <v>0</v>
      </c>
      <c r="FM24" s="25">
        <v>0</v>
      </c>
      <c r="FN24" s="26">
        <v>0</v>
      </c>
      <c r="FO24" s="404">
        <v>0</v>
      </c>
      <c r="FP24" s="25">
        <v>0</v>
      </c>
      <c r="FQ24" s="25">
        <v>0</v>
      </c>
      <c r="FR24" s="25">
        <v>0</v>
      </c>
      <c r="FS24" s="25">
        <v>0</v>
      </c>
      <c r="FT24" s="25">
        <v>0</v>
      </c>
      <c r="FU24" s="28">
        <v>0</v>
      </c>
      <c r="FV24" s="29">
        <v>0</v>
      </c>
      <c r="FW24" s="24">
        <v>0</v>
      </c>
      <c r="FX24" s="25">
        <v>0</v>
      </c>
      <c r="FY24" s="26">
        <v>0</v>
      </c>
      <c r="FZ24" s="27">
        <v>0</v>
      </c>
      <c r="GA24" s="25">
        <v>14488</v>
      </c>
      <c r="GB24" s="25">
        <v>118668</v>
      </c>
      <c r="GC24" s="25">
        <v>266517</v>
      </c>
      <c r="GD24" s="25">
        <v>117943</v>
      </c>
      <c r="GE24" s="25">
        <v>65834</v>
      </c>
      <c r="GF24" s="28">
        <v>583450</v>
      </c>
      <c r="GG24" s="29">
        <v>583450</v>
      </c>
      <c r="GH24" s="24">
        <v>0</v>
      </c>
      <c r="GI24" s="25">
        <v>0</v>
      </c>
      <c r="GJ24" s="26">
        <v>0</v>
      </c>
      <c r="GK24" s="27">
        <v>0</v>
      </c>
      <c r="GL24" s="25">
        <v>0</v>
      </c>
      <c r="GM24" s="25">
        <v>0</v>
      </c>
      <c r="GN24" s="25">
        <v>0</v>
      </c>
      <c r="GO24" s="25">
        <v>4682</v>
      </c>
      <c r="GP24" s="25">
        <v>0</v>
      </c>
      <c r="GQ24" s="28">
        <v>4682</v>
      </c>
      <c r="GR24" s="29">
        <v>4682</v>
      </c>
      <c r="GS24" s="24">
        <v>0</v>
      </c>
      <c r="GT24" s="25">
        <v>0</v>
      </c>
      <c r="GU24" s="26">
        <v>0</v>
      </c>
      <c r="GV24" s="27">
        <v>0</v>
      </c>
      <c r="GW24" s="25">
        <v>0</v>
      </c>
      <c r="GX24" s="25">
        <v>0</v>
      </c>
      <c r="GY24" s="25">
        <v>0</v>
      </c>
      <c r="GZ24" s="25">
        <v>0</v>
      </c>
      <c r="HA24" s="25">
        <v>0</v>
      </c>
      <c r="HB24" s="28">
        <v>0</v>
      </c>
      <c r="HC24" s="29">
        <v>0</v>
      </c>
      <c r="HD24" s="24">
        <v>0</v>
      </c>
      <c r="HE24" s="25">
        <v>0</v>
      </c>
      <c r="HF24" s="26">
        <v>0</v>
      </c>
      <c r="HG24" s="404">
        <v>0</v>
      </c>
      <c r="HH24" s="25">
        <v>0</v>
      </c>
      <c r="HI24" s="25">
        <v>0</v>
      </c>
      <c r="HJ24" s="25">
        <v>0</v>
      </c>
      <c r="HK24" s="25">
        <v>0</v>
      </c>
      <c r="HL24" s="25">
        <v>0</v>
      </c>
      <c r="HM24" s="28">
        <v>0</v>
      </c>
      <c r="HN24" s="29">
        <v>0</v>
      </c>
      <c r="HO24" s="24">
        <v>0</v>
      </c>
      <c r="HP24" s="25">
        <v>0</v>
      </c>
      <c r="HQ24" s="26">
        <v>0</v>
      </c>
      <c r="HR24" s="27">
        <v>0</v>
      </c>
      <c r="HS24" s="25">
        <v>190185</v>
      </c>
      <c r="HT24" s="25">
        <v>577121</v>
      </c>
      <c r="HU24" s="25">
        <v>4148996</v>
      </c>
      <c r="HV24" s="25">
        <v>3799942</v>
      </c>
      <c r="HW24" s="25">
        <v>2659423</v>
      </c>
      <c r="HX24" s="28">
        <v>11375667</v>
      </c>
      <c r="HY24" s="29">
        <v>11375667</v>
      </c>
    </row>
    <row r="25" spans="2:233" ht="21" customHeight="1" x14ac:dyDescent="0.2">
      <c r="B25" s="106" t="s">
        <v>22</v>
      </c>
      <c r="C25" s="24">
        <v>0</v>
      </c>
      <c r="D25" s="25">
        <v>0</v>
      </c>
      <c r="E25" s="26">
        <v>0</v>
      </c>
      <c r="F25" s="27">
        <v>0</v>
      </c>
      <c r="G25" s="25">
        <v>133280</v>
      </c>
      <c r="H25" s="25">
        <v>222850</v>
      </c>
      <c r="I25" s="25">
        <v>473940</v>
      </c>
      <c r="J25" s="25">
        <v>1128970</v>
      </c>
      <c r="K25" s="25">
        <v>409545</v>
      </c>
      <c r="L25" s="28">
        <v>2368585</v>
      </c>
      <c r="M25" s="29">
        <v>2368585</v>
      </c>
      <c r="N25" s="24">
        <v>0</v>
      </c>
      <c r="O25" s="25">
        <v>0</v>
      </c>
      <c r="P25" s="26">
        <v>0</v>
      </c>
      <c r="Q25" s="404">
        <v>0</v>
      </c>
      <c r="R25" s="25">
        <v>35495</v>
      </c>
      <c r="S25" s="25">
        <v>27280</v>
      </c>
      <c r="T25" s="25">
        <v>262375</v>
      </c>
      <c r="U25" s="25">
        <v>625425</v>
      </c>
      <c r="V25" s="25">
        <v>181970</v>
      </c>
      <c r="W25" s="28">
        <v>1132545</v>
      </c>
      <c r="X25" s="29">
        <v>1132545</v>
      </c>
      <c r="Y25" s="24">
        <v>0</v>
      </c>
      <c r="Z25" s="25">
        <v>0</v>
      </c>
      <c r="AA25" s="26">
        <v>0</v>
      </c>
      <c r="AB25" s="404">
        <v>0</v>
      </c>
      <c r="AC25" s="25">
        <v>97350</v>
      </c>
      <c r="AD25" s="25">
        <v>184290</v>
      </c>
      <c r="AE25" s="25">
        <v>95255</v>
      </c>
      <c r="AF25" s="25">
        <v>362935</v>
      </c>
      <c r="AG25" s="25">
        <v>132250</v>
      </c>
      <c r="AH25" s="28">
        <v>872080</v>
      </c>
      <c r="AI25" s="29">
        <v>872080</v>
      </c>
      <c r="AJ25" s="24">
        <v>0</v>
      </c>
      <c r="AK25" s="25">
        <v>0</v>
      </c>
      <c r="AL25" s="26">
        <v>0</v>
      </c>
      <c r="AM25" s="404">
        <v>0</v>
      </c>
      <c r="AN25" s="25">
        <v>0</v>
      </c>
      <c r="AO25" s="25">
        <v>0</v>
      </c>
      <c r="AP25" s="25">
        <v>0</v>
      </c>
      <c r="AQ25" s="25">
        <v>0</v>
      </c>
      <c r="AR25" s="25">
        <v>0</v>
      </c>
      <c r="AS25" s="28">
        <v>0</v>
      </c>
      <c r="AT25" s="29">
        <v>0</v>
      </c>
      <c r="AU25" s="24">
        <v>0</v>
      </c>
      <c r="AV25" s="25">
        <v>0</v>
      </c>
      <c r="AW25" s="26">
        <v>0</v>
      </c>
      <c r="AX25" s="404">
        <v>0</v>
      </c>
      <c r="AY25" s="25">
        <v>0</v>
      </c>
      <c r="AZ25" s="25">
        <v>0</v>
      </c>
      <c r="BA25" s="25">
        <v>0</v>
      </c>
      <c r="BB25" s="25">
        <v>26895</v>
      </c>
      <c r="BC25" s="25">
        <v>27280</v>
      </c>
      <c r="BD25" s="28">
        <v>54175</v>
      </c>
      <c r="BE25" s="29">
        <v>54175</v>
      </c>
      <c r="BF25" s="24">
        <v>0</v>
      </c>
      <c r="BG25" s="25">
        <v>0</v>
      </c>
      <c r="BH25" s="26">
        <v>0</v>
      </c>
      <c r="BI25" s="404">
        <v>0</v>
      </c>
      <c r="BJ25" s="25">
        <v>0</v>
      </c>
      <c r="BK25" s="25">
        <v>0</v>
      </c>
      <c r="BL25" s="25">
        <v>32550</v>
      </c>
      <c r="BM25" s="25">
        <v>62620</v>
      </c>
      <c r="BN25" s="25">
        <v>68045</v>
      </c>
      <c r="BO25" s="28">
        <v>163215</v>
      </c>
      <c r="BP25" s="29">
        <v>163215</v>
      </c>
      <c r="BQ25" s="24">
        <v>0</v>
      </c>
      <c r="BR25" s="25">
        <v>0</v>
      </c>
      <c r="BS25" s="26">
        <v>0</v>
      </c>
      <c r="BT25" s="27">
        <v>0</v>
      </c>
      <c r="BU25" s="25">
        <v>435</v>
      </c>
      <c r="BV25" s="25">
        <v>11280</v>
      </c>
      <c r="BW25" s="25">
        <v>83760</v>
      </c>
      <c r="BX25" s="25">
        <v>51095</v>
      </c>
      <c r="BY25" s="25">
        <v>0</v>
      </c>
      <c r="BZ25" s="28">
        <v>146570</v>
      </c>
      <c r="CA25" s="29">
        <v>146570</v>
      </c>
      <c r="CB25" s="24">
        <v>0</v>
      </c>
      <c r="CC25" s="25">
        <v>0</v>
      </c>
      <c r="CD25" s="26">
        <v>0</v>
      </c>
      <c r="CE25" s="27">
        <v>0</v>
      </c>
      <c r="CF25" s="25">
        <v>0</v>
      </c>
      <c r="CG25" s="25">
        <v>0</v>
      </c>
      <c r="CH25" s="25">
        <v>0</v>
      </c>
      <c r="CI25" s="25">
        <v>0</v>
      </c>
      <c r="CJ25" s="25">
        <v>0</v>
      </c>
      <c r="CK25" s="28">
        <v>0</v>
      </c>
      <c r="CL25" s="29">
        <v>0</v>
      </c>
      <c r="CM25" s="24">
        <v>0</v>
      </c>
      <c r="CN25" s="25">
        <v>0</v>
      </c>
      <c r="CO25" s="26">
        <v>0</v>
      </c>
      <c r="CP25" s="27">
        <v>0</v>
      </c>
      <c r="CQ25" s="25">
        <v>0</v>
      </c>
      <c r="CR25" s="25">
        <v>0</v>
      </c>
      <c r="CS25" s="25">
        <v>0</v>
      </c>
      <c r="CT25" s="25">
        <v>0</v>
      </c>
      <c r="CU25" s="25">
        <v>0</v>
      </c>
      <c r="CV25" s="28">
        <v>0</v>
      </c>
      <c r="CW25" s="29">
        <v>0</v>
      </c>
      <c r="CX25" s="24">
        <v>0</v>
      </c>
      <c r="CY25" s="25">
        <v>0</v>
      </c>
      <c r="CZ25" s="26">
        <v>0</v>
      </c>
      <c r="DA25" s="404">
        <v>0</v>
      </c>
      <c r="DB25" s="25">
        <v>0</v>
      </c>
      <c r="DC25" s="25">
        <v>0</v>
      </c>
      <c r="DD25" s="25">
        <v>0</v>
      </c>
      <c r="DE25" s="25">
        <v>0</v>
      </c>
      <c r="DF25" s="25">
        <v>0</v>
      </c>
      <c r="DG25" s="28">
        <v>0</v>
      </c>
      <c r="DH25" s="29">
        <v>0</v>
      </c>
      <c r="DI25" s="24">
        <v>0</v>
      </c>
      <c r="DJ25" s="25">
        <v>0</v>
      </c>
      <c r="DK25" s="26">
        <v>0</v>
      </c>
      <c r="DL25" s="27">
        <v>0</v>
      </c>
      <c r="DM25" s="25">
        <v>44128</v>
      </c>
      <c r="DN25" s="25">
        <v>64577</v>
      </c>
      <c r="DO25" s="25">
        <v>561053</v>
      </c>
      <c r="DP25" s="25">
        <v>1034906</v>
      </c>
      <c r="DQ25" s="25">
        <v>370709</v>
      </c>
      <c r="DR25" s="28">
        <v>2075373</v>
      </c>
      <c r="DS25" s="30">
        <v>2075373</v>
      </c>
      <c r="DT25" s="24">
        <v>0</v>
      </c>
      <c r="DU25" s="25">
        <v>0</v>
      </c>
      <c r="DV25" s="26">
        <v>0</v>
      </c>
      <c r="DW25" s="404">
        <v>0</v>
      </c>
      <c r="DX25" s="25">
        <v>28365</v>
      </c>
      <c r="DY25" s="25">
        <v>32457</v>
      </c>
      <c r="DZ25" s="25">
        <v>364682</v>
      </c>
      <c r="EA25" s="25">
        <v>818845</v>
      </c>
      <c r="EB25" s="25">
        <v>273823</v>
      </c>
      <c r="EC25" s="28">
        <v>1518172</v>
      </c>
      <c r="ED25" s="29">
        <v>1518172</v>
      </c>
      <c r="EE25" s="24">
        <v>0</v>
      </c>
      <c r="EF25" s="25">
        <v>0</v>
      </c>
      <c r="EG25" s="26">
        <v>0</v>
      </c>
      <c r="EH25" s="404">
        <v>0</v>
      </c>
      <c r="EI25" s="25">
        <v>14359</v>
      </c>
      <c r="EJ25" s="25">
        <v>17961</v>
      </c>
      <c r="EK25" s="25">
        <v>1743</v>
      </c>
      <c r="EL25" s="25">
        <v>47178</v>
      </c>
      <c r="EM25" s="25">
        <v>1330</v>
      </c>
      <c r="EN25" s="28">
        <v>82571</v>
      </c>
      <c r="EO25" s="29">
        <v>82571</v>
      </c>
      <c r="EP25" s="24">
        <v>0</v>
      </c>
      <c r="EQ25" s="25">
        <v>0</v>
      </c>
      <c r="ER25" s="26">
        <v>0</v>
      </c>
      <c r="ES25" s="404">
        <v>0</v>
      </c>
      <c r="ET25" s="25">
        <v>0</v>
      </c>
      <c r="EU25" s="25">
        <v>0</v>
      </c>
      <c r="EV25" s="25">
        <v>0</v>
      </c>
      <c r="EW25" s="25">
        <v>0</v>
      </c>
      <c r="EX25" s="25">
        <v>0</v>
      </c>
      <c r="EY25" s="28">
        <v>0</v>
      </c>
      <c r="EZ25" s="29">
        <v>0</v>
      </c>
      <c r="FA25" s="24">
        <v>0</v>
      </c>
      <c r="FB25" s="25">
        <v>0</v>
      </c>
      <c r="FC25" s="26">
        <v>0</v>
      </c>
      <c r="FD25" s="404">
        <v>0</v>
      </c>
      <c r="FE25" s="25">
        <v>0</v>
      </c>
      <c r="FF25" s="25">
        <v>0</v>
      </c>
      <c r="FG25" s="25">
        <v>0</v>
      </c>
      <c r="FH25" s="25">
        <v>11315</v>
      </c>
      <c r="FI25" s="25">
        <v>434</v>
      </c>
      <c r="FJ25" s="28">
        <v>11749</v>
      </c>
      <c r="FK25" s="29">
        <v>11749</v>
      </c>
      <c r="FL25" s="24">
        <v>0</v>
      </c>
      <c r="FM25" s="25">
        <v>0</v>
      </c>
      <c r="FN25" s="26">
        <v>0</v>
      </c>
      <c r="FO25" s="404">
        <v>0</v>
      </c>
      <c r="FP25" s="25">
        <v>0</v>
      </c>
      <c r="FQ25" s="25">
        <v>0</v>
      </c>
      <c r="FR25" s="25">
        <v>86304</v>
      </c>
      <c r="FS25" s="25">
        <v>101494</v>
      </c>
      <c r="FT25" s="25">
        <v>95108</v>
      </c>
      <c r="FU25" s="28">
        <v>282906</v>
      </c>
      <c r="FV25" s="29">
        <v>282906</v>
      </c>
      <c r="FW25" s="24">
        <v>0</v>
      </c>
      <c r="FX25" s="25">
        <v>0</v>
      </c>
      <c r="FY25" s="26">
        <v>0</v>
      </c>
      <c r="FZ25" s="27">
        <v>0</v>
      </c>
      <c r="GA25" s="25">
        <v>1404</v>
      </c>
      <c r="GB25" s="25">
        <v>14159</v>
      </c>
      <c r="GC25" s="25">
        <v>108324</v>
      </c>
      <c r="GD25" s="25">
        <v>56074</v>
      </c>
      <c r="GE25" s="25">
        <v>0</v>
      </c>
      <c r="GF25" s="28">
        <v>179961</v>
      </c>
      <c r="GG25" s="29">
        <v>179961</v>
      </c>
      <c r="GH25" s="24">
        <v>0</v>
      </c>
      <c r="GI25" s="25">
        <v>0</v>
      </c>
      <c r="GJ25" s="26">
        <v>0</v>
      </c>
      <c r="GK25" s="27">
        <v>0</v>
      </c>
      <c r="GL25" s="25">
        <v>0</v>
      </c>
      <c r="GM25" s="25">
        <v>0</v>
      </c>
      <c r="GN25" s="25">
        <v>0</v>
      </c>
      <c r="GO25" s="25">
        <v>0</v>
      </c>
      <c r="GP25" s="25">
        <v>14</v>
      </c>
      <c r="GQ25" s="28">
        <v>14</v>
      </c>
      <c r="GR25" s="29">
        <v>14</v>
      </c>
      <c r="GS25" s="24">
        <v>0</v>
      </c>
      <c r="GT25" s="25">
        <v>0</v>
      </c>
      <c r="GU25" s="26">
        <v>0</v>
      </c>
      <c r="GV25" s="27">
        <v>0</v>
      </c>
      <c r="GW25" s="25">
        <v>0</v>
      </c>
      <c r="GX25" s="25">
        <v>0</v>
      </c>
      <c r="GY25" s="25">
        <v>0</v>
      </c>
      <c r="GZ25" s="25">
        <v>0</v>
      </c>
      <c r="HA25" s="25">
        <v>0</v>
      </c>
      <c r="HB25" s="28">
        <v>0</v>
      </c>
      <c r="HC25" s="29">
        <v>0</v>
      </c>
      <c r="HD25" s="24">
        <v>0</v>
      </c>
      <c r="HE25" s="25">
        <v>0</v>
      </c>
      <c r="HF25" s="26">
        <v>0</v>
      </c>
      <c r="HG25" s="404">
        <v>0</v>
      </c>
      <c r="HH25" s="25">
        <v>0</v>
      </c>
      <c r="HI25" s="25">
        <v>0</v>
      </c>
      <c r="HJ25" s="25">
        <v>0</v>
      </c>
      <c r="HK25" s="25">
        <v>0</v>
      </c>
      <c r="HL25" s="25">
        <v>0</v>
      </c>
      <c r="HM25" s="28">
        <v>0</v>
      </c>
      <c r="HN25" s="29">
        <v>0</v>
      </c>
      <c r="HO25" s="24">
        <v>0</v>
      </c>
      <c r="HP25" s="25">
        <v>0</v>
      </c>
      <c r="HQ25" s="26">
        <v>0</v>
      </c>
      <c r="HR25" s="27">
        <v>0</v>
      </c>
      <c r="HS25" s="25">
        <v>177408</v>
      </c>
      <c r="HT25" s="25">
        <v>287427</v>
      </c>
      <c r="HU25" s="25">
        <v>1034993</v>
      </c>
      <c r="HV25" s="25">
        <v>2163876</v>
      </c>
      <c r="HW25" s="25">
        <v>780254</v>
      </c>
      <c r="HX25" s="28">
        <v>4443958</v>
      </c>
      <c r="HY25" s="29">
        <v>4443958</v>
      </c>
    </row>
    <row r="26" spans="2:233" ht="21" customHeight="1" x14ac:dyDescent="0.2">
      <c r="B26" s="106" t="s">
        <v>23</v>
      </c>
      <c r="C26" s="24">
        <v>0</v>
      </c>
      <c r="D26" s="25">
        <v>0</v>
      </c>
      <c r="E26" s="26">
        <v>0</v>
      </c>
      <c r="F26" s="27">
        <v>0</v>
      </c>
      <c r="G26" s="25">
        <v>230201</v>
      </c>
      <c r="H26" s="25">
        <v>194454</v>
      </c>
      <c r="I26" s="25">
        <v>1010575</v>
      </c>
      <c r="J26" s="25">
        <v>1380116</v>
      </c>
      <c r="K26" s="25">
        <v>862089</v>
      </c>
      <c r="L26" s="28">
        <v>3677435</v>
      </c>
      <c r="M26" s="29">
        <v>3677435</v>
      </c>
      <c r="N26" s="24">
        <v>0</v>
      </c>
      <c r="O26" s="25">
        <v>0</v>
      </c>
      <c r="P26" s="26">
        <v>0</v>
      </c>
      <c r="Q26" s="404">
        <v>0</v>
      </c>
      <c r="R26" s="25">
        <v>70835</v>
      </c>
      <c r="S26" s="25">
        <v>127905</v>
      </c>
      <c r="T26" s="25">
        <v>682720</v>
      </c>
      <c r="U26" s="25">
        <v>1032045</v>
      </c>
      <c r="V26" s="25">
        <v>545000</v>
      </c>
      <c r="W26" s="28">
        <v>2458505</v>
      </c>
      <c r="X26" s="29">
        <v>2458505</v>
      </c>
      <c r="Y26" s="24">
        <v>0</v>
      </c>
      <c r="Z26" s="25">
        <v>0</v>
      </c>
      <c r="AA26" s="26">
        <v>0</v>
      </c>
      <c r="AB26" s="404">
        <v>0</v>
      </c>
      <c r="AC26" s="25">
        <v>102965</v>
      </c>
      <c r="AD26" s="25">
        <v>46915</v>
      </c>
      <c r="AE26" s="25">
        <v>190005</v>
      </c>
      <c r="AF26" s="25">
        <v>237400</v>
      </c>
      <c r="AG26" s="25">
        <v>193754</v>
      </c>
      <c r="AH26" s="28">
        <v>771039</v>
      </c>
      <c r="AI26" s="29">
        <v>771039</v>
      </c>
      <c r="AJ26" s="24">
        <v>0</v>
      </c>
      <c r="AK26" s="25">
        <v>0</v>
      </c>
      <c r="AL26" s="26">
        <v>0</v>
      </c>
      <c r="AM26" s="404">
        <v>0</v>
      </c>
      <c r="AN26" s="25">
        <v>0</v>
      </c>
      <c r="AO26" s="25">
        <v>0</v>
      </c>
      <c r="AP26" s="25">
        <v>0</v>
      </c>
      <c r="AQ26" s="25">
        <v>0</v>
      </c>
      <c r="AR26" s="25">
        <v>0</v>
      </c>
      <c r="AS26" s="28">
        <v>0</v>
      </c>
      <c r="AT26" s="29">
        <v>0</v>
      </c>
      <c r="AU26" s="24">
        <v>0</v>
      </c>
      <c r="AV26" s="25">
        <v>0</v>
      </c>
      <c r="AW26" s="26">
        <v>0</v>
      </c>
      <c r="AX26" s="404">
        <v>0</v>
      </c>
      <c r="AY26" s="25">
        <v>0</v>
      </c>
      <c r="AZ26" s="25">
        <v>0</v>
      </c>
      <c r="BA26" s="25">
        <v>0</v>
      </c>
      <c r="BB26" s="25">
        <v>49290</v>
      </c>
      <c r="BC26" s="25">
        <v>87420</v>
      </c>
      <c r="BD26" s="28">
        <v>136710</v>
      </c>
      <c r="BE26" s="29">
        <v>136710</v>
      </c>
      <c r="BF26" s="24">
        <v>0</v>
      </c>
      <c r="BG26" s="25">
        <v>0</v>
      </c>
      <c r="BH26" s="26">
        <v>0</v>
      </c>
      <c r="BI26" s="404">
        <v>0</v>
      </c>
      <c r="BJ26" s="25">
        <v>0</v>
      </c>
      <c r="BK26" s="25">
        <v>0</v>
      </c>
      <c r="BL26" s="25">
        <v>0</v>
      </c>
      <c r="BM26" s="25">
        <v>0</v>
      </c>
      <c r="BN26" s="25">
        <v>0</v>
      </c>
      <c r="BO26" s="28">
        <v>0</v>
      </c>
      <c r="BP26" s="29">
        <v>0</v>
      </c>
      <c r="BQ26" s="24">
        <v>0</v>
      </c>
      <c r="BR26" s="25">
        <v>0</v>
      </c>
      <c r="BS26" s="26">
        <v>0</v>
      </c>
      <c r="BT26" s="27">
        <v>0</v>
      </c>
      <c r="BU26" s="25">
        <v>56401</v>
      </c>
      <c r="BV26" s="25">
        <v>19634</v>
      </c>
      <c r="BW26" s="25">
        <v>137850</v>
      </c>
      <c r="BX26" s="25">
        <v>61381</v>
      </c>
      <c r="BY26" s="25">
        <v>35190</v>
      </c>
      <c r="BZ26" s="28">
        <v>310456</v>
      </c>
      <c r="CA26" s="29">
        <v>310456</v>
      </c>
      <c r="CB26" s="24">
        <v>0</v>
      </c>
      <c r="CC26" s="25">
        <v>0</v>
      </c>
      <c r="CD26" s="26">
        <v>0</v>
      </c>
      <c r="CE26" s="27">
        <v>0</v>
      </c>
      <c r="CF26" s="25">
        <v>0</v>
      </c>
      <c r="CG26" s="25">
        <v>0</v>
      </c>
      <c r="CH26" s="25">
        <v>0</v>
      </c>
      <c r="CI26" s="25">
        <v>0</v>
      </c>
      <c r="CJ26" s="25">
        <v>725</v>
      </c>
      <c r="CK26" s="28">
        <v>725</v>
      </c>
      <c r="CL26" s="29">
        <v>725</v>
      </c>
      <c r="CM26" s="24">
        <v>0</v>
      </c>
      <c r="CN26" s="25">
        <v>0</v>
      </c>
      <c r="CO26" s="26">
        <v>0</v>
      </c>
      <c r="CP26" s="27">
        <v>0</v>
      </c>
      <c r="CQ26" s="25">
        <v>0</v>
      </c>
      <c r="CR26" s="25">
        <v>0</v>
      </c>
      <c r="CS26" s="25">
        <v>0</v>
      </c>
      <c r="CT26" s="25">
        <v>0</v>
      </c>
      <c r="CU26" s="25">
        <v>0</v>
      </c>
      <c r="CV26" s="28">
        <v>0</v>
      </c>
      <c r="CW26" s="29">
        <v>0</v>
      </c>
      <c r="CX26" s="24">
        <v>0</v>
      </c>
      <c r="CY26" s="25">
        <v>0</v>
      </c>
      <c r="CZ26" s="26">
        <v>0</v>
      </c>
      <c r="DA26" s="404">
        <v>0</v>
      </c>
      <c r="DB26" s="25">
        <v>0</v>
      </c>
      <c r="DC26" s="25">
        <v>0</v>
      </c>
      <c r="DD26" s="25">
        <v>0</v>
      </c>
      <c r="DE26" s="25">
        <v>0</v>
      </c>
      <c r="DF26" s="25">
        <v>0</v>
      </c>
      <c r="DG26" s="28">
        <v>0</v>
      </c>
      <c r="DH26" s="29">
        <v>0</v>
      </c>
      <c r="DI26" s="24">
        <v>0</v>
      </c>
      <c r="DJ26" s="25">
        <v>0</v>
      </c>
      <c r="DK26" s="26">
        <v>0</v>
      </c>
      <c r="DL26" s="27">
        <v>0</v>
      </c>
      <c r="DM26" s="25">
        <v>174275</v>
      </c>
      <c r="DN26" s="25">
        <v>179118</v>
      </c>
      <c r="DO26" s="25">
        <v>1192181</v>
      </c>
      <c r="DP26" s="25">
        <v>1503499</v>
      </c>
      <c r="DQ26" s="25">
        <v>699651</v>
      </c>
      <c r="DR26" s="28">
        <v>3748724</v>
      </c>
      <c r="DS26" s="30">
        <v>3748724</v>
      </c>
      <c r="DT26" s="24">
        <v>0</v>
      </c>
      <c r="DU26" s="25">
        <v>0</v>
      </c>
      <c r="DV26" s="26">
        <v>0</v>
      </c>
      <c r="DW26" s="404">
        <v>0</v>
      </c>
      <c r="DX26" s="25">
        <v>73656</v>
      </c>
      <c r="DY26" s="25">
        <v>125658</v>
      </c>
      <c r="DZ26" s="25">
        <v>970798</v>
      </c>
      <c r="EA26" s="25">
        <v>1326414</v>
      </c>
      <c r="EB26" s="25">
        <v>599029</v>
      </c>
      <c r="EC26" s="28">
        <v>3095555</v>
      </c>
      <c r="ED26" s="29">
        <v>3095555</v>
      </c>
      <c r="EE26" s="24">
        <v>0</v>
      </c>
      <c r="EF26" s="25">
        <v>0</v>
      </c>
      <c r="EG26" s="26">
        <v>0</v>
      </c>
      <c r="EH26" s="404">
        <v>0</v>
      </c>
      <c r="EI26" s="25">
        <v>36019</v>
      </c>
      <c r="EJ26" s="25">
        <v>2051</v>
      </c>
      <c r="EK26" s="25">
        <v>14150</v>
      </c>
      <c r="EL26" s="25">
        <v>14566</v>
      </c>
      <c r="EM26" s="25">
        <v>39601</v>
      </c>
      <c r="EN26" s="28">
        <v>106387</v>
      </c>
      <c r="EO26" s="29">
        <v>106387</v>
      </c>
      <c r="EP26" s="24">
        <v>0</v>
      </c>
      <c r="EQ26" s="25">
        <v>0</v>
      </c>
      <c r="ER26" s="26">
        <v>0</v>
      </c>
      <c r="ES26" s="404">
        <v>0</v>
      </c>
      <c r="ET26" s="25">
        <v>0</v>
      </c>
      <c r="EU26" s="25">
        <v>0</v>
      </c>
      <c r="EV26" s="25">
        <v>0</v>
      </c>
      <c r="EW26" s="25">
        <v>0</v>
      </c>
      <c r="EX26" s="25">
        <v>0</v>
      </c>
      <c r="EY26" s="28">
        <v>0</v>
      </c>
      <c r="EZ26" s="29">
        <v>0</v>
      </c>
      <c r="FA26" s="24">
        <v>0</v>
      </c>
      <c r="FB26" s="25">
        <v>0</v>
      </c>
      <c r="FC26" s="26">
        <v>0</v>
      </c>
      <c r="FD26" s="404">
        <v>0</v>
      </c>
      <c r="FE26" s="25">
        <v>0</v>
      </c>
      <c r="FF26" s="25">
        <v>0</v>
      </c>
      <c r="FG26" s="25">
        <v>0</v>
      </c>
      <c r="FH26" s="25">
        <v>217</v>
      </c>
      <c r="FI26" s="25">
        <v>13981</v>
      </c>
      <c r="FJ26" s="28">
        <v>14198</v>
      </c>
      <c r="FK26" s="29">
        <v>14198</v>
      </c>
      <c r="FL26" s="24">
        <v>0</v>
      </c>
      <c r="FM26" s="25">
        <v>0</v>
      </c>
      <c r="FN26" s="26">
        <v>0</v>
      </c>
      <c r="FO26" s="404">
        <v>0</v>
      </c>
      <c r="FP26" s="25">
        <v>0</v>
      </c>
      <c r="FQ26" s="25">
        <v>0</v>
      </c>
      <c r="FR26" s="25">
        <v>0</v>
      </c>
      <c r="FS26" s="25">
        <v>0</v>
      </c>
      <c r="FT26" s="25">
        <v>0</v>
      </c>
      <c r="FU26" s="28">
        <v>0</v>
      </c>
      <c r="FV26" s="29">
        <v>0</v>
      </c>
      <c r="FW26" s="24">
        <v>0</v>
      </c>
      <c r="FX26" s="25">
        <v>0</v>
      </c>
      <c r="FY26" s="26">
        <v>0</v>
      </c>
      <c r="FZ26" s="27">
        <v>0</v>
      </c>
      <c r="GA26" s="25">
        <v>64600</v>
      </c>
      <c r="GB26" s="25">
        <v>51409</v>
      </c>
      <c r="GC26" s="25">
        <v>207233</v>
      </c>
      <c r="GD26" s="25">
        <v>162302</v>
      </c>
      <c r="GE26" s="25">
        <v>47005</v>
      </c>
      <c r="GF26" s="28">
        <v>532549</v>
      </c>
      <c r="GG26" s="29">
        <v>532549</v>
      </c>
      <c r="GH26" s="24">
        <v>0</v>
      </c>
      <c r="GI26" s="25">
        <v>0</v>
      </c>
      <c r="GJ26" s="26">
        <v>0</v>
      </c>
      <c r="GK26" s="27">
        <v>0</v>
      </c>
      <c r="GL26" s="25">
        <v>0</v>
      </c>
      <c r="GM26" s="25">
        <v>0</v>
      </c>
      <c r="GN26" s="25">
        <v>0</v>
      </c>
      <c r="GO26" s="25">
        <v>0</v>
      </c>
      <c r="GP26" s="25">
        <v>35</v>
      </c>
      <c r="GQ26" s="28">
        <v>35</v>
      </c>
      <c r="GR26" s="29">
        <v>35</v>
      </c>
      <c r="GS26" s="24">
        <v>0</v>
      </c>
      <c r="GT26" s="25">
        <v>0</v>
      </c>
      <c r="GU26" s="26">
        <v>0</v>
      </c>
      <c r="GV26" s="27">
        <v>0</v>
      </c>
      <c r="GW26" s="25">
        <v>0</v>
      </c>
      <c r="GX26" s="25">
        <v>0</v>
      </c>
      <c r="GY26" s="25">
        <v>0</v>
      </c>
      <c r="GZ26" s="25">
        <v>0</v>
      </c>
      <c r="HA26" s="25">
        <v>0</v>
      </c>
      <c r="HB26" s="28">
        <v>0</v>
      </c>
      <c r="HC26" s="29">
        <v>0</v>
      </c>
      <c r="HD26" s="24">
        <v>0</v>
      </c>
      <c r="HE26" s="25">
        <v>0</v>
      </c>
      <c r="HF26" s="26">
        <v>0</v>
      </c>
      <c r="HG26" s="404">
        <v>0</v>
      </c>
      <c r="HH26" s="25">
        <v>0</v>
      </c>
      <c r="HI26" s="25">
        <v>0</v>
      </c>
      <c r="HJ26" s="25">
        <v>0</v>
      </c>
      <c r="HK26" s="25">
        <v>0</v>
      </c>
      <c r="HL26" s="25">
        <v>0</v>
      </c>
      <c r="HM26" s="28">
        <v>0</v>
      </c>
      <c r="HN26" s="29">
        <v>0</v>
      </c>
      <c r="HO26" s="24">
        <v>0</v>
      </c>
      <c r="HP26" s="25">
        <v>0</v>
      </c>
      <c r="HQ26" s="26">
        <v>0</v>
      </c>
      <c r="HR26" s="27">
        <v>0</v>
      </c>
      <c r="HS26" s="25">
        <v>404476</v>
      </c>
      <c r="HT26" s="25">
        <v>373572</v>
      </c>
      <c r="HU26" s="25">
        <v>2202756</v>
      </c>
      <c r="HV26" s="25">
        <v>2883615</v>
      </c>
      <c r="HW26" s="25">
        <v>1561740</v>
      </c>
      <c r="HX26" s="28">
        <v>7426159</v>
      </c>
      <c r="HY26" s="29">
        <v>7426159</v>
      </c>
    </row>
    <row r="27" spans="2:233" ht="21" customHeight="1" x14ac:dyDescent="0.2">
      <c r="B27" s="106" t="s">
        <v>24</v>
      </c>
      <c r="C27" s="24">
        <v>0</v>
      </c>
      <c r="D27" s="25">
        <v>0</v>
      </c>
      <c r="E27" s="26">
        <v>0</v>
      </c>
      <c r="F27" s="27">
        <v>0</v>
      </c>
      <c r="G27" s="25">
        <v>46800</v>
      </c>
      <c r="H27" s="25">
        <v>48415</v>
      </c>
      <c r="I27" s="25">
        <v>204720</v>
      </c>
      <c r="J27" s="25">
        <v>775955</v>
      </c>
      <c r="K27" s="25">
        <v>322058</v>
      </c>
      <c r="L27" s="28">
        <v>1397948</v>
      </c>
      <c r="M27" s="29">
        <v>1397948</v>
      </c>
      <c r="N27" s="24">
        <v>0</v>
      </c>
      <c r="O27" s="25">
        <v>0</v>
      </c>
      <c r="P27" s="26">
        <v>0</v>
      </c>
      <c r="Q27" s="404">
        <v>0</v>
      </c>
      <c r="R27" s="25">
        <v>0</v>
      </c>
      <c r="S27" s="25">
        <v>2635</v>
      </c>
      <c r="T27" s="25">
        <v>128725</v>
      </c>
      <c r="U27" s="25">
        <v>645865</v>
      </c>
      <c r="V27" s="25">
        <v>218245</v>
      </c>
      <c r="W27" s="28">
        <v>995470</v>
      </c>
      <c r="X27" s="29">
        <v>995470</v>
      </c>
      <c r="Y27" s="24">
        <v>0</v>
      </c>
      <c r="Z27" s="25">
        <v>0</v>
      </c>
      <c r="AA27" s="26">
        <v>0</v>
      </c>
      <c r="AB27" s="404">
        <v>0</v>
      </c>
      <c r="AC27" s="25">
        <v>35340</v>
      </c>
      <c r="AD27" s="25">
        <v>45780</v>
      </c>
      <c r="AE27" s="25">
        <v>32720</v>
      </c>
      <c r="AF27" s="25">
        <v>113770</v>
      </c>
      <c r="AG27" s="25">
        <v>58063</v>
      </c>
      <c r="AH27" s="28">
        <v>285673</v>
      </c>
      <c r="AI27" s="29">
        <v>285673</v>
      </c>
      <c r="AJ27" s="24">
        <v>0</v>
      </c>
      <c r="AK27" s="25">
        <v>0</v>
      </c>
      <c r="AL27" s="26">
        <v>0</v>
      </c>
      <c r="AM27" s="404">
        <v>0</v>
      </c>
      <c r="AN27" s="25">
        <v>0</v>
      </c>
      <c r="AO27" s="25">
        <v>0</v>
      </c>
      <c r="AP27" s="25">
        <v>0</v>
      </c>
      <c r="AQ27" s="25">
        <v>0</v>
      </c>
      <c r="AR27" s="25">
        <v>0</v>
      </c>
      <c r="AS27" s="28">
        <v>0</v>
      </c>
      <c r="AT27" s="29">
        <v>0</v>
      </c>
      <c r="AU27" s="24">
        <v>0</v>
      </c>
      <c r="AV27" s="25">
        <v>0</v>
      </c>
      <c r="AW27" s="26">
        <v>0</v>
      </c>
      <c r="AX27" s="404">
        <v>0</v>
      </c>
      <c r="AY27" s="25">
        <v>0</v>
      </c>
      <c r="AZ27" s="25">
        <v>0</v>
      </c>
      <c r="BA27" s="25">
        <v>0</v>
      </c>
      <c r="BB27" s="25">
        <v>0</v>
      </c>
      <c r="BC27" s="25">
        <v>32705</v>
      </c>
      <c r="BD27" s="28">
        <v>32705</v>
      </c>
      <c r="BE27" s="29">
        <v>32705</v>
      </c>
      <c r="BF27" s="24">
        <v>0</v>
      </c>
      <c r="BG27" s="25">
        <v>0</v>
      </c>
      <c r="BH27" s="26">
        <v>0</v>
      </c>
      <c r="BI27" s="404">
        <v>0</v>
      </c>
      <c r="BJ27" s="25">
        <v>0</v>
      </c>
      <c r="BK27" s="25">
        <v>0</v>
      </c>
      <c r="BL27" s="25">
        <v>0</v>
      </c>
      <c r="BM27" s="25">
        <v>0</v>
      </c>
      <c r="BN27" s="25">
        <v>0</v>
      </c>
      <c r="BO27" s="28">
        <v>0</v>
      </c>
      <c r="BP27" s="29">
        <v>0</v>
      </c>
      <c r="BQ27" s="24">
        <v>0</v>
      </c>
      <c r="BR27" s="25">
        <v>0</v>
      </c>
      <c r="BS27" s="26">
        <v>0</v>
      </c>
      <c r="BT27" s="27">
        <v>0</v>
      </c>
      <c r="BU27" s="25">
        <v>10905</v>
      </c>
      <c r="BV27" s="25">
        <v>0</v>
      </c>
      <c r="BW27" s="25">
        <v>43275</v>
      </c>
      <c r="BX27" s="25">
        <v>16320</v>
      </c>
      <c r="BY27" s="25">
        <v>11380</v>
      </c>
      <c r="BZ27" s="28">
        <v>81880</v>
      </c>
      <c r="CA27" s="29">
        <v>81880</v>
      </c>
      <c r="CB27" s="24">
        <v>0</v>
      </c>
      <c r="CC27" s="25">
        <v>0</v>
      </c>
      <c r="CD27" s="26">
        <v>0</v>
      </c>
      <c r="CE27" s="27">
        <v>0</v>
      </c>
      <c r="CF27" s="25">
        <v>555</v>
      </c>
      <c r="CG27" s="25">
        <v>0</v>
      </c>
      <c r="CH27" s="25">
        <v>0</v>
      </c>
      <c r="CI27" s="25">
        <v>0</v>
      </c>
      <c r="CJ27" s="25">
        <v>1665</v>
      </c>
      <c r="CK27" s="28">
        <v>2220</v>
      </c>
      <c r="CL27" s="29">
        <v>2220</v>
      </c>
      <c r="CM27" s="24">
        <v>0</v>
      </c>
      <c r="CN27" s="25">
        <v>0</v>
      </c>
      <c r="CO27" s="26">
        <v>0</v>
      </c>
      <c r="CP27" s="27">
        <v>0</v>
      </c>
      <c r="CQ27" s="25">
        <v>0</v>
      </c>
      <c r="CR27" s="25">
        <v>0</v>
      </c>
      <c r="CS27" s="25">
        <v>0</v>
      </c>
      <c r="CT27" s="25">
        <v>0</v>
      </c>
      <c r="CU27" s="25">
        <v>0</v>
      </c>
      <c r="CV27" s="28">
        <v>0</v>
      </c>
      <c r="CW27" s="29">
        <v>0</v>
      </c>
      <c r="CX27" s="24">
        <v>0</v>
      </c>
      <c r="CY27" s="25">
        <v>0</v>
      </c>
      <c r="CZ27" s="26">
        <v>0</v>
      </c>
      <c r="DA27" s="404">
        <v>0</v>
      </c>
      <c r="DB27" s="25">
        <v>0</v>
      </c>
      <c r="DC27" s="25">
        <v>0</v>
      </c>
      <c r="DD27" s="25">
        <v>0</v>
      </c>
      <c r="DE27" s="25">
        <v>0</v>
      </c>
      <c r="DF27" s="25">
        <v>0</v>
      </c>
      <c r="DG27" s="28">
        <v>0</v>
      </c>
      <c r="DH27" s="29">
        <v>0</v>
      </c>
      <c r="DI27" s="24">
        <v>0</v>
      </c>
      <c r="DJ27" s="25">
        <v>0</v>
      </c>
      <c r="DK27" s="26">
        <v>0</v>
      </c>
      <c r="DL27" s="27">
        <v>0</v>
      </c>
      <c r="DM27" s="25">
        <v>19926</v>
      </c>
      <c r="DN27" s="25">
        <v>46872</v>
      </c>
      <c r="DO27" s="25">
        <v>326878</v>
      </c>
      <c r="DP27" s="25">
        <v>829752</v>
      </c>
      <c r="DQ27" s="25">
        <v>397475</v>
      </c>
      <c r="DR27" s="28">
        <v>1620903</v>
      </c>
      <c r="DS27" s="30">
        <v>1620903</v>
      </c>
      <c r="DT27" s="24">
        <v>0</v>
      </c>
      <c r="DU27" s="25">
        <v>0</v>
      </c>
      <c r="DV27" s="26">
        <v>0</v>
      </c>
      <c r="DW27" s="404">
        <v>0</v>
      </c>
      <c r="DX27" s="25">
        <v>0</v>
      </c>
      <c r="DY27" s="25">
        <v>21576</v>
      </c>
      <c r="DZ27" s="25">
        <v>195982</v>
      </c>
      <c r="EA27" s="25">
        <v>807155</v>
      </c>
      <c r="EB27" s="25">
        <v>346330</v>
      </c>
      <c r="EC27" s="28">
        <v>1371043</v>
      </c>
      <c r="ED27" s="29">
        <v>1371043</v>
      </c>
      <c r="EE27" s="24">
        <v>0</v>
      </c>
      <c r="EF27" s="25">
        <v>0</v>
      </c>
      <c r="EG27" s="26">
        <v>0</v>
      </c>
      <c r="EH27" s="404">
        <v>0</v>
      </c>
      <c r="EI27" s="25">
        <v>434</v>
      </c>
      <c r="EJ27" s="25">
        <v>25296</v>
      </c>
      <c r="EK27" s="25">
        <v>64959</v>
      </c>
      <c r="EL27" s="25">
        <v>1806</v>
      </c>
      <c r="EM27" s="25">
        <v>33959</v>
      </c>
      <c r="EN27" s="28">
        <v>126454</v>
      </c>
      <c r="EO27" s="29">
        <v>126454</v>
      </c>
      <c r="EP27" s="24">
        <v>0</v>
      </c>
      <c r="EQ27" s="25">
        <v>0</v>
      </c>
      <c r="ER27" s="26">
        <v>0</v>
      </c>
      <c r="ES27" s="404">
        <v>0</v>
      </c>
      <c r="ET27" s="25">
        <v>0</v>
      </c>
      <c r="EU27" s="25">
        <v>0</v>
      </c>
      <c r="EV27" s="25">
        <v>0</v>
      </c>
      <c r="EW27" s="25">
        <v>0</v>
      </c>
      <c r="EX27" s="25">
        <v>0</v>
      </c>
      <c r="EY27" s="28">
        <v>0</v>
      </c>
      <c r="EZ27" s="29">
        <v>0</v>
      </c>
      <c r="FA27" s="24">
        <v>0</v>
      </c>
      <c r="FB27" s="25">
        <v>0</v>
      </c>
      <c r="FC27" s="26">
        <v>0</v>
      </c>
      <c r="FD27" s="404">
        <v>0</v>
      </c>
      <c r="FE27" s="25">
        <v>0</v>
      </c>
      <c r="FF27" s="25">
        <v>0</v>
      </c>
      <c r="FG27" s="25">
        <v>0</v>
      </c>
      <c r="FH27" s="25">
        <v>0</v>
      </c>
      <c r="FI27" s="25">
        <v>217</v>
      </c>
      <c r="FJ27" s="28">
        <v>217</v>
      </c>
      <c r="FK27" s="29">
        <v>217</v>
      </c>
      <c r="FL27" s="24">
        <v>0</v>
      </c>
      <c r="FM27" s="25">
        <v>0</v>
      </c>
      <c r="FN27" s="26">
        <v>0</v>
      </c>
      <c r="FO27" s="404">
        <v>0</v>
      </c>
      <c r="FP27" s="25">
        <v>0</v>
      </c>
      <c r="FQ27" s="25">
        <v>0</v>
      </c>
      <c r="FR27" s="25">
        <v>0</v>
      </c>
      <c r="FS27" s="25">
        <v>0</v>
      </c>
      <c r="FT27" s="25">
        <v>0</v>
      </c>
      <c r="FU27" s="28">
        <v>0</v>
      </c>
      <c r="FV27" s="29">
        <v>0</v>
      </c>
      <c r="FW27" s="24">
        <v>0</v>
      </c>
      <c r="FX27" s="25">
        <v>0</v>
      </c>
      <c r="FY27" s="26">
        <v>0</v>
      </c>
      <c r="FZ27" s="27">
        <v>0</v>
      </c>
      <c r="GA27" s="25">
        <v>19457</v>
      </c>
      <c r="GB27" s="25">
        <v>0</v>
      </c>
      <c r="GC27" s="25">
        <v>65937</v>
      </c>
      <c r="GD27" s="25">
        <v>20791</v>
      </c>
      <c r="GE27" s="25">
        <v>16955</v>
      </c>
      <c r="GF27" s="28">
        <v>123140</v>
      </c>
      <c r="GG27" s="29">
        <v>123140</v>
      </c>
      <c r="GH27" s="24">
        <v>0</v>
      </c>
      <c r="GI27" s="25">
        <v>0</v>
      </c>
      <c r="GJ27" s="26">
        <v>0</v>
      </c>
      <c r="GK27" s="27">
        <v>0</v>
      </c>
      <c r="GL27" s="25">
        <v>35</v>
      </c>
      <c r="GM27" s="25">
        <v>0</v>
      </c>
      <c r="GN27" s="25">
        <v>0</v>
      </c>
      <c r="GO27" s="25">
        <v>0</v>
      </c>
      <c r="GP27" s="25">
        <v>14</v>
      </c>
      <c r="GQ27" s="28">
        <v>49</v>
      </c>
      <c r="GR27" s="29">
        <v>49</v>
      </c>
      <c r="GS27" s="24">
        <v>0</v>
      </c>
      <c r="GT27" s="25">
        <v>0</v>
      </c>
      <c r="GU27" s="26">
        <v>0</v>
      </c>
      <c r="GV27" s="27">
        <v>0</v>
      </c>
      <c r="GW27" s="25">
        <v>0</v>
      </c>
      <c r="GX27" s="25">
        <v>0</v>
      </c>
      <c r="GY27" s="25">
        <v>0</v>
      </c>
      <c r="GZ27" s="25">
        <v>0</v>
      </c>
      <c r="HA27" s="25">
        <v>0</v>
      </c>
      <c r="HB27" s="28">
        <v>0</v>
      </c>
      <c r="HC27" s="29">
        <v>0</v>
      </c>
      <c r="HD27" s="24">
        <v>0</v>
      </c>
      <c r="HE27" s="25">
        <v>0</v>
      </c>
      <c r="HF27" s="26">
        <v>0</v>
      </c>
      <c r="HG27" s="404">
        <v>0</v>
      </c>
      <c r="HH27" s="25">
        <v>0</v>
      </c>
      <c r="HI27" s="25">
        <v>0</v>
      </c>
      <c r="HJ27" s="25">
        <v>0</v>
      </c>
      <c r="HK27" s="25">
        <v>0</v>
      </c>
      <c r="HL27" s="25">
        <v>0</v>
      </c>
      <c r="HM27" s="28">
        <v>0</v>
      </c>
      <c r="HN27" s="29">
        <v>0</v>
      </c>
      <c r="HO27" s="24">
        <v>0</v>
      </c>
      <c r="HP27" s="25">
        <v>0</v>
      </c>
      <c r="HQ27" s="26">
        <v>0</v>
      </c>
      <c r="HR27" s="27">
        <v>0</v>
      </c>
      <c r="HS27" s="25">
        <v>66726</v>
      </c>
      <c r="HT27" s="25">
        <v>95287</v>
      </c>
      <c r="HU27" s="25">
        <v>531598</v>
      </c>
      <c r="HV27" s="25">
        <v>1605707</v>
      </c>
      <c r="HW27" s="25">
        <v>719533</v>
      </c>
      <c r="HX27" s="28">
        <v>3018851</v>
      </c>
      <c r="HY27" s="29">
        <v>3018851</v>
      </c>
    </row>
    <row r="28" spans="2:233" ht="21" customHeight="1" x14ac:dyDescent="0.2">
      <c r="B28" s="106" t="s">
        <v>25</v>
      </c>
      <c r="C28" s="24">
        <v>0</v>
      </c>
      <c r="D28" s="25">
        <v>0</v>
      </c>
      <c r="E28" s="26">
        <v>0</v>
      </c>
      <c r="F28" s="27">
        <v>0</v>
      </c>
      <c r="G28" s="25">
        <v>40755</v>
      </c>
      <c r="H28" s="25">
        <v>363584</v>
      </c>
      <c r="I28" s="25">
        <v>703100</v>
      </c>
      <c r="J28" s="25">
        <v>930214</v>
      </c>
      <c r="K28" s="25">
        <v>414275</v>
      </c>
      <c r="L28" s="28">
        <v>2451928</v>
      </c>
      <c r="M28" s="29">
        <v>2451928</v>
      </c>
      <c r="N28" s="24">
        <v>0</v>
      </c>
      <c r="O28" s="25">
        <v>0</v>
      </c>
      <c r="P28" s="26">
        <v>0</v>
      </c>
      <c r="Q28" s="404">
        <v>0</v>
      </c>
      <c r="R28" s="25">
        <v>0</v>
      </c>
      <c r="S28" s="25">
        <v>100650</v>
      </c>
      <c r="T28" s="25">
        <v>522970</v>
      </c>
      <c r="U28" s="25">
        <v>562825</v>
      </c>
      <c r="V28" s="25">
        <v>381145</v>
      </c>
      <c r="W28" s="28">
        <v>1567590</v>
      </c>
      <c r="X28" s="29">
        <v>1567590</v>
      </c>
      <c r="Y28" s="24">
        <v>0</v>
      </c>
      <c r="Z28" s="25">
        <v>0</v>
      </c>
      <c r="AA28" s="26">
        <v>0</v>
      </c>
      <c r="AB28" s="404">
        <v>0</v>
      </c>
      <c r="AC28" s="25">
        <v>34150</v>
      </c>
      <c r="AD28" s="25">
        <v>232765</v>
      </c>
      <c r="AE28" s="25">
        <v>82015</v>
      </c>
      <c r="AF28" s="25">
        <v>354413</v>
      </c>
      <c r="AG28" s="25">
        <v>425</v>
      </c>
      <c r="AH28" s="28">
        <v>703768</v>
      </c>
      <c r="AI28" s="29">
        <v>703768</v>
      </c>
      <c r="AJ28" s="24">
        <v>0</v>
      </c>
      <c r="AK28" s="25">
        <v>0</v>
      </c>
      <c r="AL28" s="26">
        <v>0</v>
      </c>
      <c r="AM28" s="404">
        <v>0</v>
      </c>
      <c r="AN28" s="25">
        <v>0</v>
      </c>
      <c r="AO28" s="25">
        <v>0</v>
      </c>
      <c r="AP28" s="25">
        <v>0</v>
      </c>
      <c r="AQ28" s="25">
        <v>0</v>
      </c>
      <c r="AR28" s="25">
        <v>0</v>
      </c>
      <c r="AS28" s="28">
        <v>0</v>
      </c>
      <c r="AT28" s="29">
        <v>0</v>
      </c>
      <c r="AU28" s="24">
        <v>0</v>
      </c>
      <c r="AV28" s="25">
        <v>0</v>
      </c>
      <c r="AW28" s="26">
        <v>0</v>
      </c>
      <c r="AX28" s="404">
        <v>0</v>
      </c>
      <c r="AY28" s="25">
        <v>0</v>
      </c>
      <c r="AZ28" s="25">
        <v>0</v>
      </c>
      <c r="BA28" s="25">
        <v>0</v>
      </c>
      <c r="BB28" s="25">
        <v>0</v>
      </c>
      <c r="BC28" s="25">
        <v>32705</v>
      </c>
      <c r="BD28" s="28">
        <v>32705</v>
      </c>
      <c r="BE28" s="29">
        <v>32705</v>
      </c>
      <c r="BF28" s="24">
        <v>0</v>
      </c>
      <c r="BG28" s="25">
        <v>0</v>
      </c>
      <c r="BH28" s="26">
        <v>0</v>
      </c>
      <c r="BI28" s="404">
        <v>0</v>
      </c>
      <c r="BJ28" s="25">
        <v>0</v>
      </c>
      <c r="BK28" s="25">
        <v>0</v>
      </c>
      <c r="BL28" s="25">
        <v>0</v>
      </c>
      <c r="BM28" s="25">
        <v>0</v>
      </c>
      <c r="BN28" s="25">
        <v>0</v>
      </c>
      <c r="BO28" s="28">
        <v>0</v>
      </c>
      <c r="BP28" s="29">
        <v>0</v>
      </c>
      <c r="BQ28" s="24">
        <v>0</v>
      </c>
      <c r="BR28" s="25">
        <v>0</v>
      </c>
      <c r="BS28" s="26">
        <v>0</v>
      </c>
      <c r="BT28" s="27">
        <v>0</v>
      </c>
      <c r="BU28" s="25">
        <v>6605</v>
      </c>
      <c r="BV28" s="25">
        <v>30169</v>
      </c>
      <c r="BW28" s="25">
        <v>82050</v>
      </c>
      <c r="BX28" s="25">
        <v>12976</v>
      </c>
      <c r="BY28" s="25">
        <v>0</v>
      </c>
      <c r="BZ28" s="28">
        <v>131800</v>
      </c>
      <c r="CA28" s="29">
        <v>131800</v>
      </c>
      <c r="CB28" s="24">
        <v>0</v>
      </c>
      <c r="CC28" s="25">
        <v>0</v>
      </c>
      <c r="CD28" s="26">
        <v>0</v>
      </c>
      <c r="CE28" s="27">
        <v>0</v>
      </c>
      <c r="CF28" s="25">
        <v>0</v>
      </c>
      <c r="CG28" s="25">
        <v>0</v>
      </c>
      <c r="CH28" s="25">
        <v>16065</v>
      </c>
      <c r="CI28" s="25">
        <v>0</v>
      </c>
      <c r="CJ28" s="25">
        <v>0</v>
      </c>
      <c r="CK28" s="28">
        <v>16065</v>
      </c>
      <c r="CL28" s="29">
        <v>16065</v>
      </c>
      <c r="CM28" s="24">
        <v>0</v>
      </c>
      <c r="CN28" s="25">
        <v>0</v>
      </c>
      <c r="CO28" s="26">
        <v>0</v>
      </c>
      <c r="CP28" s="27">
        <v>0</v>
      </c>
      <c r="CQ28" s="25">
        <v>0</v>
      </c>
      <c r="CR28" s="25">
        <v>0</v>
      </c>
      <c r="CS28" s="25">
        <v>0</v>
      </c>
      <c r="CT28" s="25">
        <v>0</v>
      </c>
      <c r="CU28" s="25">
        <v>0</v>
      </c>
      <c r="CV28" s="28">
        <v>0</v>
      </c>
      <c r="CW28" s="29">
        <v>0</v>
      </c>
      <c r="CX28" s="24">
        <v>0</v>
      </c>
      <c r="CY28" s="25">
        <v>0</v>
      </c>
      <c r="CZ28" s="26">
        <v>0</v>
      </c>
      <c r="DA28" s="404">
        <v>0</v>
      </c>
      <c r="DB28" s="25">
        <v>0</v>
      </c>
      <c r="DC28" s="25">
        <v>0</v>
      </c>
      <c r="DD28" s="25">
        <v>0</v>
      </c>
      <c r="DE28" s="25">
        <v>0</v>
      </c>
      <c r="DF28" s="25">
        <v>0</v>
      </c>
      <c r="DG28" s="28">
        <v>0</v>
      </c>
      <c r="DH28" s="29">
        <v>0</v>
      </c>
      <c r="DI28" s="24">
        <v>0</v>
      </c>
      <c r="DJ28" s="25">
        <v>0</v>
      </c>
      <c r="DK28" s="26">
        <v>0</v>
      </c>
      <c r="DL28" s="27">
        <v>0</v>
      </c>
      <c r="DM28" s="25">
        <v>8603</v>
      </c>
      <c r="DN28" s="25">
        <v>209681</v>
      </c>
      <c r="DO28" s="25">
        <v>833200</v>
      </c>
      <c r="DP28" s="25">
        <v>1109414</v>
      </c>
      <c r="DQ28" s="25">
        <v>402508</v>
      </c>
      <c r="DR28" s="28">
        <v>2563406</v>
      </c>
      <c r="DS28" s="30">
        <v>2563406</v>
      </c>
      <c r="DT28" s="24">
        <v>0</v>
      </c>
      <c r="DU28" s="25">
        <v>0</v>
      </c>
      <c r="DV28" s="26">
        <v>0</v>
      </c>
      <c r="DW28" s="404">
        <v>0</v>
      </c>
      <c r="DX28" s="25">
        <v>0</v>
      </c>
      <c r="DY28" s="25">
        <v>108376</v>
      </c>
      <c r="DZ28" s="25">
        <v>710192</v>
      </c>
      <c r="EA28" s="25">
        <v>997714</v>
      </c>
      <c r="EB28" s="25">
        <v>402256</v>
      </c>
      <c r="EC28" s="28">
        <v>2218538</v>
      </c>
      <c r="ED28" s="29">
        <v>2218538</v>
      </c>
      <c r="EE28" s="24">
        <v>0</v>
      </c>
      <c r="EF28" s="25">
        <v>0</v>
      </c>
      <c r="EG28" s="26">
        <v>0</v>
      </c>
      <c r="EH28" s="404">
        <v>0</v>
      </c>
      <c r="EI28" s="25">
        <v>336</v>
      </c>
      <c r="EJ28" s="25">
        <v>29775</v>
      </c>
      <c r="EK28" s="25">
        <v>25527</v>
      </c>
      <c r="EL28" s="25">
        <v>75670</v>
      </c>
      <c r="EM28" s="25">
        <v>35</v>
      </c>
      <c r="EN28" s="28">
        <v>131343</v>
      </c>
      <c r="EO28" s="29">
        <v>131343</v>
      </c>
      <c r="EP28" s="24">
        <v>0</v>
      </c>
      <c r="EQ28" s="25">
        <v>0</v>
      </c>
      <c r="ER28" s="26">
        <v>0</v>
      </c>
      <c r="ES28" s="404">
        <v>0</v>
      </c>
      <c r="ET28" s="25">
        <v>0</v>
      </c>
      <c r="EU28" s="25">
        <v>0</v>
      </c>
      <c r="EV28" s="25">
        <v>0</v>
      </c>
      <c r="EW28" s="25">
        <v>0</v>
      </c>
      <c r="EX28" s="25">
        <v>0</v>
      </c>
      <c r="EY28" s="28">
        <v>0</v>
      </c>
      <c r="EZ28" s="29">
        <v>0</v>
      </c>
      <c r="FA28" s="24">
        <v>0</v>
      </c>
      <c r="FB28" s="25">
        <v>0</v>
      </c>
      <c r="FC28" s="26">
        <v>0</v>
      </c>
      <c r="FD28" s="404">
        <v>0</v>
      </c>
      <c r="FE28" s="25">
        <v>0</v>
      </c>
      <c r="FF28" s="25">
        <v>0</v>
      </c>
      <c r="FG28" s="25">
        <v>0</v>
      </c>
      <c r="FH28" s="25">
        <v>0</v>
      </c>
      <c r="FI28" s="25">
        <v>217</v>
      </c>
      <c r="FJ28" s="28">
        <v>217</v>
      </c>
      <c r="FK28" s="29">
        <v>217</v>
      </c>
      <c r="FL28" s="24">
        <v>0</v>
      </c>
      <c r="FM28" s="25">
        <v>0</v>
      </c>
      <c r="FN28" s="26">
        <v>0</v>
      </c>
      <c r="FO28" s="404">
        <v>0</v>
      </c>
      <c r="FP28" s="25">
        <v>0</v>
      </c>
      <c r="FQ28" s="25">
        <v>0</v>
      </c>
      <c r="FR28" s="25">
        <v>0</v>
      </c>
      <c r="FS28" s="25">
        <v>0</v>
      </c>
      <c r="FT28" s="25">
        <v>0</v>
      </c>
      <c r="FU28" s="28">
        <v>0</v>
      </c>
      <c r="FV28" s="29">
        <v>0</v>
      </c>
      <c r="FW28" s="24">
        <v>0</v>
      </c>
      <c r="FX28" s="25">
        <v>0</v>
      </c>
      <c r="FY28" s="26">
        <v>0</v>
      </c>
      <c r="FZ28" s="27">
        <v>0</v>
      </c>
      <c r="GA28" s="25">
        <v>8267</v>
      </c>
      <c r="GB28" s="25">
        <v>71530</v>
      </c>
      <c r="GC28" s="25">
        <v>95916</v>
      </c>
      <c r="GD28" s="25">
        <v>36030</v>
      </c>
      <c r="GE28" s="25">
        <v>0</v>
      </c>
      <c r="GF28" s="28">
        <v>211743</v>
      </c>
      <c r="GG28" s="29">
        <v>211743</v>
      </c>
      <c r="GH28" s="24">
        <v>0</v>
      </c>
      <c r="GI28" s="25">
        <v>0</v>
      </c>
      <c r="GJ28" s="26">
        <v>0</v>
      </c>
      <c r="GK28" s="27">
        <v>0</v>
      </c>
      <c r="GL28" s="25">
        <v>0</v>
      </c>
      <c r="GM28" s="25">
        <v>0</v>
      </c>
      <c r="GN28" s="25">
        <v>1565</v>
      </c>
      <c r="GO28" s="25">
        <v>0</v>
      </c>
      <c r="GP28" s="25">
        <v>0</v>
      </c>
      <c r="GQ28" s="28">
        <v>1565</v>
      </c>
      <c r="GR28" s="29">
        <v>1565</v>
      </c>
      <c r="GS28" s="24">
        <v>0</v>
      </c>
      <c r="GT28" s="25">
        <v>0</v>
      </c>
      <c r="GU28" s="26">
        <v>0</v>
      </c>
      <c r="GV28" s="27">
        <v>0</v>
      </c>
      <c r="GW28" s="25">
        <v>0</v>
      </c>
      <c r="GX28" s="25">
        <v>0</v>
      </c>
      <c r="GY28" s="25">
        <v>0</v>
      </c>
      <c r="GZ28" s="25">
        <v>0</v>
      </c>
      <c r="HA28" s="25">
        <v>0</v>
      </c>
      <c r="HB28" s="28">
        <v>0</v>
      </c>
      <c r="HC28" s="29">
        <v>0</v>
      </c>
      <c r="HD28" s="24">
        <v>0</v>
      </c>
      <c r="HE28" s="25">
        <v>0</v>
      </c>
      <c r="HF28" s="26">
        <v>0</v>
      </c>
      <c r="HG28" s="404">
        <v>0</v>
      </c>
      <c r="HH28" s="25">
        <v>0</v>
      </c>
      <c r="HI28" s="25">
        <v>0</v>
      </c>
      <c r="HJ28" s="25">
        <v>0</v>
      </c>
      <c r="HK28" s="25">
        <v>0</v>
      </c>
      <c r="HL28" s="25">
        <v>0</v>
      </c>
      <c r="HM28" s="28">
        <v>0</v>
      </c>
      <c r="HN28" s="29">
        <v>0</v>
      </c>
      <c r="HO28" s="24">
        <v>0</v>
      </c>
      <c r="HP28" s="25">
        <v>0</v>
      </c>
      <c r="HQ28" s="26">
        <v>0</v>
      </c>
      <c r="HR28" s="27">
        <v>0</v>
      </c>
      <c r="HS28" s="25">
        <v>49358</v>
      </c>
      <c r="HT28" s="25">
        <v>573265</v>
      </c>
      <c r="HU28" s="25">
        <v>1536300</v>
      </c>
      <c r="HV28" s="25">
        <v>2039628</v>
      </c>
      <c r="HW28" s="25">
        <v>816783</v>
      </c>
      <c r="HX28" s="28">
        <v>5015334</v>
      </c>
      <c r="HY28" s="29">
        <v>5015334</v>
      </c>
    </row>
    <row r="29" spans="2:233" ht="21" customHeight="1" x14ac:dyDescent="0.2">
      <c r="B29" s="106" t="s">
        <v>26</v>
      </c>
      <c r="C29" s="24">
        <v>0</v>
      </c>
      <c r="D29" s="25">
        <v>0</v>
      </c>
      <c r="E29" s="26">
        <v>0</v>
      </c>
      <c r="F29" s="27">
        <v>0</v>
      </c>
      <c r="G29" s="25">
        <v>66991</v>
      </c>
      <c r="H29" s="25">
        <v>182266</v>
      </c>
      <c r="I29" s="25">
        <v>372113</v>
      </c>
      <c r="J29" s="25">
        <v>655575</v>
      </c>
      <c r="K29" s="25">
        <v>492955</v>
      </c>
      <c r="L29" s="28">
        <v>1769900</v>
      </c>
      <c r="M29" s="29">
        <v>1769900</v>
      </c>
      <c r="N29" s="24">
        <v>0</v>
      </c>
      <c r="O29" s="25">
        <v>0</v>
      </c>
      <c r="P29" s="26">
        <v>0</v>
      </c>
      <c r="Q29" s="404">
        <v>0</v>
      </c>
      <c r="R29" s="25">
        <v>2635</v>
      </c>
      <c r="S29" s="25">
        <v>35340</v>
      </c>
      <c r="T29" s="25">
        <v>182005</v>
      </c>
      <c r="U29" s="25">
        <v>356345</v>
      </c>
      <c r="V29" s="25">
        <v>398780</v>
      </c>
      <c r="W29" s="28">
        <v>975105</v>
      </c>
      <c r="X29" s="29">
        <v>975105</v>
      </c>
      <c r="Y29" s="24">
        <v>0</v>
      </c>
      <c r="Z29" s="25">
        <v>0</v>
      </c>
      <c r="AA29" s="26">
        <v>0</v>
      </c>
      <c r="AB29" s="404">
        <v>0</v>
      </c>
      <c r="AC29" s="25">
        <v>21661</v>
      </c>
      <c r="AD29" s="25">
        <v>132655</v>
      </c>
      <c r="AE29" s="25">
        <v>136748</v>
      </c>
      <c r="AF29" s="25">
        <v>285895</v>
      </c>
      <c r="AG29" s="25">
        <v>21725</v>
      </c>
      <c r="AH29" s="28">
        <v>598684</v>
      </c>
      <c r="AI29" s="29">
        <v>598684</v>
      </c>
      <c r="AJ29" s="24">
        <v>0</v>
      </c>
      <c r="AK29" s="25">
        <v>0</v>
      </c>
      <c r="AL29" s="26">
        <v>0</v>
      </c>
      <c r="AM29" s="404">
        <v>0</v>
      </c>
      <c r="AN29" s="25">
        <v>0</v>
      </c>
      <c r="AO29" s="25">
        <v>0</v>
      </c>
      <c r="AP29" s="25">
        <v>0</v>
      </c>
      <c r="AQ29" s="25">
        <v>0</v>
      </c>
      <c r="AR29" s="25">
        <v>0</v>
      </c>
      <c r="AS29" s="28">
        <v>0</v>
      </c>
      <c r="AT29" s="29">
        <v>0</v>
      </c>
      <c r="AU29" s="24">
        <v>0</v>
      </c>
      <c r="AV29" s="25">
        <v>0</v>
      </c>
      <c r="AW29" s="26">
        <v>0</v>
      </c>
      <c r="AX29" s="404">
        <v>0</v>
      </c>
      <c r="AY29" s="25">
        <v>24645</v>
      </c>
      <c r="AZ29" s="25">
        <v>2635</v>
      </c>
      <c r="BA29" s="25">
        <v>0</v>
      </c>
      <c r="BB29" s="25">
        <v>0</v>
      </c>
      <c r="BC29" s="25">
        <v>1870</v>
      </c>
      <c r="BD29" s="28">
        <v>29150</v>
      </c>
      <c r="BE29" s="29">
        <v>29150</v>
      </c>
      <c r="BF29" s="24">
        <v>0</v>
      </c>
      <c r="BG29" s="25">
        <v>0</v>
      </c>
      <c r="BH29" s="26">
        <v>0</v>
      </c>
      <c r="BI29" s="404">
        <v>0</v>
      </c>
      <c r="BJ29" s="25">
        <v>0</v>
      </c>
      <c r="BK29" s="25">
        <v>0</v>
      </c>
      <c r="BL29" s="25">
        <v>0</v>
      </c>
      <c r="BM29" s="25">
        <v>0</v>
      </c>
      <c r="BN29" s="25">
        <v>0</v>
      </c>
      <c r="BO29" s="28">
        <v>0</v>
      </c>
      <c r="BP29" s="29">
        <v>0</v>
      </c>
      <c r="BQ29" s="24">
        <v>0</v>
      </c>
      <c r="BR29" s="25">
        <v>0</v>
      </c>
      <c r="BS29" s="26">
        <v>0</v>
      </c>
      <c r="BT29" s="27">
        <v>0</v>
      </c>
      <c r="BU29" s="25">
        <v>18050</v>
      </c>
      <c r="BV29" s="25">
        <v>10766</v>
      </c>
      <c r="BW29" s="25">
        <v>53360</v>
      </c>
      <c r="BX29" s="25">
        <v>11305</v>
      </c>
      <c r="BY29" s="25">
        <v>70580</v>
      </c>
      <c r="BZ29" s="28">
        <v>164061</v>
      </c>
      <c r="CA29" s="29">
        <v>164061</v>
      </c>
      <c r="CB29" s="24">
        <v>0</v>
      </c>
      <c r="CC29" s="25">
        <v>0</v>
      </c>
      <c r="CD29" s="26">
        <v>0</v>
      </c>
      <c r="CE29" s="27">
        <v>0</v>
      </c>
      <c r="CF29" s="25">
        <v>0</v>
      </c>
      <c r="CG29" s="25">
        <v>870</v>
      </c>
      <c r="CH29" s="25">
        <v>0</v>
      </c>
      <c r="CI29" s="25">
        <v>2030</v>
      </c>
      <c r="CJ29" s="25">
        <v>0</v>
      </c>
      <c r="CK29" s="28">
        <v>2900</v>
      </c>
      <c r="CL29" s="29">
        <v>2900</v>
      </c>
      <c r="CM29" s="24">
        <v>0</v>
      </c>
      <c r="CN29" s="25">
        <v>0</v>
      </c>
      <c r="CO29" s="26">
        <v>0</v>
      </c>
      <c r="CP29" s="27">
        <v>0</v>
      </c>
      <c r="CQ29" s="25">
        <v>0</v>
      </c>
      <c r="CR29" s="25">
        <v>0</v>
      </c>
      <c r="CS29" s="25">
        <v>0</v>
      </c>
      <c r="CT29" s="25">
        <v>0</v>
      </c>
      <c r="CU29" s="25">
        <v>0</v>
      </c>
      <c r="CV29" s="28">
        <v>0</v>
      </c>
      <c r="CW29" s="29">
        <v>0</v>
      </c>
      <c r="CX29" s="24">
        <v>0</v>
      </c>
      <c r="CY29" s="25">
        <v>0</v>
      </c>
      <c r="CZ29" s="26">
        <v>0</v>
      </c>
      <c r="DA29" s="404">
        <v>0</v>
      </c>
      <c r="DB29" s="25">
        <v>0</v>
      </c>
      <c r="DC29" s="25">
        <v>0</v>
      </c>
      <c r="DD29" s="25">
        <v>0</v>
      </c>
      <c r="DE29" s="25">
        <v>0</v>
      </c>
      <c r="DF29" s="25">
        <v>0</v>
      </c>
      <c r="DG29" s="28">
        <v>0</v>
      </c>
      <c r="DH29" s="29">
        <v>0</v>
      </c>
      <c r="DI29" s="24">
        <v>0</v>
      </c>
      <c r="DJ29" s="25">
        <v>0</v>
      </c>
      <c r="DK29" s="26">
        <v>0</v>
      </c>
      <c r="DL29" s="27">
        <v>0</v>
      </c>
      <c r="DM29" s="25">
        <v>51193</v>
      </c>
      <c r="DN29" s="25">
        <v>91579</v>
      </c>
      <c r="DO29" s="25">
        <v>408219</v>
      </c>
      <c r="DP29" s="25">
        <v>604794</v>
      </c>
      <c r="DQ29" s="25">
        <v>550850</v>
      </c>
      <c r="DR29" s="28">
        <v>1706635</v>
      </c>
      <c r="DS29" s="30">
        <v>1706635</v>
      </c>
      <c r="DT29" s="24">
        <v>0</v>
      </c>
      <c r="DU29" s="25">
        <v>0</v>
      </c>
      <c r="DV29" s="26">
        <v>0</v>
      </c>
      <c r="DW29" s="404">
        <v>0</v>
      </c>
      <c r="DX29" s="25">
        <v>21576</v>
      </c>
      <c r="DY29" s="25">
        <v>51801</v>
      </c>
      <c r="DZ29" s="25">
        <v>332040</v>
      </c>
      <c r="EA29" s="25">
        <v>521513</v>
      </c>
      <c r="EB29" s="25">
        <v>444182</v>
      </c>
      <c r="EC29" s="28">
        <v>1371112</v>
      </c>
      <c r="ED29" s="29">
        <v>1371112</v>
      </c>
      <c r="EE29" s="24">
        <v>0</v>
      </c>
      <c r="EF29" s="25">
        <v>0</v>
      </c>
      <c r="EG29" s="26">
        <v>0</v>
      </c>
      <c r="EH29" s="404">
        <v>0</v>
      </c>
      <c r="EI29" s="25">
        <v>168</v>
      </c>
      <c r="EJ29" s="25">
        <v>1099</v>
      </c>
      <c r="EK29" s="25">
        <v>14499</v>
      </c>
      <c r="EL29" s="25">
        <v>65656</v>
      </c>
      <c r="EM29" s="25">
        <v>623</v>
      </c>
      <c r="EN29" s="28">
        <v>82045</v>
      </c>
      <c r="EO29" s="29">
        <v>82045</v>
      </c>
      <c r="EP29" s="24">
        <v>0</v>
      </c>
      <c r="EQ29" s="25">
        <v>0</v>
      </c>
      <c r="ER29" s="26">
        <v>0</v>
      </c>
      <c r="ES29" s="404">
        <v>0</v>
      </c>
      <c r="ET29" s="25">
        <v>0</v>
      </c>
      <c r="EU29" s="25">
        <v>0</v>
      </c>
      <c r="EV29" s="25">
        <v>0</v>
      </c>
      <c r="EW29" s="25">
        <v>0</v>
      </c>
      <c r="EX29" s="25">
        <v>0</v>
      </c>
      <c r="EY29" s="28">
        <v>0</v>
      </c>
      <c r="EZ29" s="29">
        <v>0</v>
      </c>
      <c r="FA29" s="24">
        <v>0</v>
      </c>
      <c r="FB29" s="25">
        <v>0</v>
      </c>
      <c r="FC29" s="26">
        <v>0</v>
      </c>
      <c r="FD29" s="404">
        <v>0</v>
      </c>
      <c r="FE29" s="25">
        <v>217</v>
      </c>
      <c r="FF29" s="25">
        <v>217</v>
      </c>
      <c r="FG29" s="25">
        <v>0</v>
      </c>
      <c r="FH29" s="25">
        <v>0</v>
      </c>
      <c r="FI29" s="25">
        <v>343</v>
      </c>
      <c r="FJ29" s="28">
        <v>777</v>
      </c>
      <c r="FK29" s="29">
        <v>777</v>
      </c>
      <c r="FL29" s="24">
        <v>0</v>
      </c>
      <c r="FM29" s="25">
        <v>0</v>
      </c>
      <c r="FN29" s="26">
        <v>0</v>
      </c>
      <c r="FO29" s="404">
        <v>0</v>
      </c>
      <c r="FP29" s="25">
        <v>0</v>
      </c>
      <c r="FQ29" s="25">
        <v>0</v>
      </c>
      <c r="FR29" s="25">
        <v>0</v>
      </c>
      <c r="FS29" s="25">
        <v>0</v>
      </c>
      <c r="FT29" s="25">
        <v>0</v>
      </c>
      <c r="FU29" s="28">
        <v>0</v>
      </c>
      <c r="FV29" s="29">
        <v>0</v>
      </c>
      <c r="FW29" s="24">
        <v>0</v>
      </c>
      <c r="FX29" s="25">
        <v>0</v>
      </c>
      <c r="FY29" s="26">
        <v>0</v>
      </c>
      <c r="FZ29" s="27">
        <v>0</v>
      </c>
      <c r="GA29" s="25">
        <v>29232</v>
      </c>
      <c r="GB29" s="25">
        <v>37367</v>
      </c>
      <c r="GC29" s="25">
        <v>61680</v>
      </c>
      <c r="GD29" s="25">
        <v>15772</v>
      </c>
      <c r="GE29" s="25">
        <v>105702</v>
      </c>
      <c r="GF29" s="28">
        <v>249753</v>
      </c>
      <c r="GG29" s="29">
        <v>249753</v>
      </c>
      <c r="GH29" s="24">
        <v>0</v>
      </c>
      <c r="GI29" s="25">
        <v>0</v>
      </c>
      <c r="GJ29" s="26">
        <v>0</v>
      </c>
      <c r="GK29" s="27">
        <v>0</v>
      </c>
      <c r="GL29" s="25">
        <v>0</v>
      </c>
      <c r="GM29" s="25">
        <v>1095</v>
      </c>
      <c r="GN29" s="25">
        <v>0</v>
      </c>
      <c r="GO29" s="25">
        <v>1853</v>
      </c>
      <c r="GP29" s="25">
        <v>0</v>
      </c>
      <c r="GQ29" s="28">
        <v>2948</v>
      </c>
      <c r="GR29" s="29">
        <v>2948</v>
      </c>
      <c r="GS29" s="24">
        <v>0</v>
      </c>
      <c r="GT29" s="25">
        <v>0</v>
      </c>
      <c r="GU29" s="26">
        <v>0</v>
      </c>
      <c r="GV29" s="27">
        <v>0</v>
      </c>
      <c r="GW29" s="25">
        <v>0</v>
      </c>
      <c r="GX29" s="25">
        <v>0</v>
      </c>
      <c r="GY29" s="25">
        <v>0</v>
      </c>
      <c r="GZ29" s="25">
        <v>0</v>
      </c>
      <c r="HA29" s="25">
        <v>0</v>
      </c>
      <c r="HB29" s="28">
        <v>0</v>
      </c>
      <c r="HC29" s="29">
        <v>0</v>
      </c>
      <c r="HD29" s="24">
        <v>0</v>
      </c>
      <c r="HE29" s="25">
        <v>0</v>
      </c>
      <c r="HF29" s="26">
        <v>0</v>
      </c>
      <c r="HG29" s="404">
        <v>0</v>
      </c>
      <c r="HH29" s="25">
        <v>0</v>
      </c>
      <c r="HI29" s="25">
        <v>0</v>
      </c>
      <c r="HJ29" s="25">
        <v>0</v>
      </c>
      <c r="HK29" s="25">
        <v>0</v>
      </c>
      <c r="HL29" s="25">
        <v>0</v>
      </c>
      <c r="HM29" s="28">
        <v>0</v>
      </c>
      <c r="HN29" s="29">
        <v>0</v>
      </c>
      <c r="HO29" s="24">
        <v>0</v>
      </c>
      <c r="HP29" s="25">
        <v>0</v>
      </c>
      <c r="HQ29" s="26">
        <v>0</v>
      </c>
      <c r="HR29" s="27">
        <v>0</v>
      </c>
      <c r="HS29" s="25">
        <v>118184</v>
      </c>
      <c r="HT29" s="25">
        <v>273845</v>
      </c>
      <c r="HU29" s="25">
        <v>780332</v>
      </c>
      <c r="HV29" s="25">
        <v>1260369</v>
      </c>
      <c r="HW29" s="25">
        <v>1043805</v>
      </c>
      <c r="HX29" s="28">
        <v>3476535</v>
      </c>
      <c r="HY29" s="29">
        <v>3476535</v>
      </c>
    </row>
    <row r="30" spans="2:233" ht="21" customHeight="1" x14ac:dyDescent="0.2">
      <c r="B30" s="106" t="s">
        <v>27</v>
      </c>
      <c r="C30" s="24">
        <v>0</v>
      </c>
      <c r="D30" s="25">
        <v>0</v>
      </c>
      <c r="E30" s="26">
        <v>0</v>
      </c>
      <c r="F30" s="27">
        <v>0</v>
      </c>
      <c r="G30" s="25">
        <v>104690</v>
      </c>
      <c r="H30" s="25">
        <v>123305</v>
      </c>
      <c r="I30" s="25">
        <v>366142</v>
      </c>
      <c r="J30" s="25">
        <v>793264</v>
      </c>
      <c r="K30" s="25">
        <v>297675</v>
      </c>
      <c r="L30" s="28">
        <v>1685076</v>
      </c>
      <c r="M30" s="29">
        <v>1685076</v>
      </c>
      <c r="N30" s="24">
        <v>0</v>
      </c>
      <c r="O30" s="25">
        <v>0</v>
      </c>
      <c r="P30" s="26">
        <v>0</v>
      </c>
      <c r="Q30" s="404">
        <v>0</v>
      </c>
      <c r="R30" s="25">
        <v>65410</v>
      </c>
      <c r="S30" s="25">
        <v>2635</v>
      </c>
      <c r="T30" s="25">
        <v>217790</v>
      </c>
      <c r="U30" s="25">
        <v>461315</v>
      </c>
      <c r="V30" s="25">
        <v>287470</v>
      </c>
      <c r="W30" s="28">
        <v>1034620</v>
      </c>
      <c r="X30" s="29">
        <v>1034620</v>
      </c>
      <c r="Y30" s="24">
        <v>0</v>
      </c>
      <c r="Z30" s="25">
        <v>0</v>
      </c>
      <c r="AA30" s="26">
        <v>0</v>
      </c>
      <c r="AB30" s="404">
        <v>0</v>
      </c>
      <c r="AC30" s="25">
        <v>37975</v>
      </c>
      <c r="AD30" s="25">
        <v>117335</v>
      </c>
      <c r="AE30" s="25">
        <v>67890</v>
      </c>
      <c r="AF30" s="25">
        <v>188120</v>
      </c>
      <c r="AG30" s="25">
        <v>6290</v>
      </c>
      <c r="AH30" s="28">
        <v>417610</v>
      </c>
      <c r="AI30" s="29">
        <v>417610</v>
      </c>
      <c r="AJ30" s="24">
        <v>0</v>
      </c>
      <c r="AK30" s="25">
        <v>0</v>
      </c>
      <c r="AL30" s="26">
        <v>0</v>
      </c>
      <c r="AM30" s="404">
        <v>0</v>
      </c>
      <c r="AN30" s="25">
        <v>0</v>
      </c>
      <c r="AO30" s="25">
        <v>0</v>
      </c>
      <c r="AP30" s="25">
        <v>0</v>
      </c>
      <c r="AQ30" s="25">
        <v>0</v>
      </c>
      <c r="AR30" s="25">
        <v>0</v>
      </c>
      <c r="AS30" s="28">
        <v>0</v>
      </c>
      <c r="AT30" s="29">
        <v>0</v>
      </c>
      <c r="AU30" s="24">
        <v>0</v>
      </c>
      <c r="AV30" s="25">
        <v>0</v>
      </c>
      <c r="AW30" s="26">
        <v>0</v>
      </c>
      <c r="AX30" s="404">
        <v>0</v>
      </c>
      <c r="AY30" s="25">
        <v>0</v>
      </c>
      <c r="AZ30" s="25">
        <v>0</v>
      </c>
      <c r="BA30" s="25">
        <v>0</v>
      </c>
      <c r="BB30" s="25">
        <v>0</v>
      </c>
      <c r="BC30" s="25">
        <v>0</v>
      </c>
      <c r="BD30" s="28">
        <v>0</v>
      </c>
      <c r="BE30" s="29">
        <v>0</v>
      </c>
      <c r="BF30" s="24">
        <v>0</v>
      </c>
      <c r="BG30" s="25">
        <v>0</v>
      </c>
      <c r="BH30" s="26">
        <v>0</v>
      </c>
      <c r="BI30" s="404">
        <v>0</v>
      </c>
      <c r="BJ30" s="25">
        <v>0</v>
      </c>
      <c r="BK30" s="25">
        <v>0</v>
      </c>
      <c r="BL30" s="25">
        <v>59985</v>
      </c>
      <c r="BM30" s="25">
        <v>37975</v>
      </c>
      <c r="BN30" s="25">
        <v>0</v>
      </c>
      <c r="BO30" s="28">
        <v>97960</v>
      </c>
      <c r="BP30" s="29">
        <v>97960</v>
      </c>
      <c r="BQ30" s="24">
        <v>0</v>
      </c>
      <c r="BR30" s="25">
        <v>0</v>
      </c>
      <c r="BS30" s="26">
        <v>0</v>
      </c>
      <c r="BT30" s="27">
        <v>0</v>
      </c>
      <c r="BU30" s="25">
        <v>1305</v>
      </c>
      <c r="BV30" s="25">
        <v>3335</v>
      </c>
      <c r="BW30" s="25">
        <v>20477</v>
      </c>
      <c r="BX30" s="25">
        <v>105854</v>
      </c>
      <c r="BY30" s="25">
        <v>3915</v>
      </c>
      <c r="BZ30" s="28">
        <v>134886</v>
      </c>
      <c r="CA30" s="29">
        <v>134886</v>
      </c>
      <c r="CB30" s="24">
        <v>0</v>
      </c>
      <c r="CC30" s="25">
        <v>0</v>
      </c>
      <c r="CD30" s="26">
        <v>0</v>
      </c>
      <c r="CE30" s="27">
        <v>0</v>
      </c>
      <c r="CF30" s="25">
        <v>0</v>
      </c>
      <c r="CG30" s="25">
        <v>0</v>
      </c>
      <c r="CH30" s="25">
        <v>0</v>
      </c>
      <c r="CI30" s="25">
        <v>0</v>
      </c>
      <c r="CJ30" s="25">
        <v>0</v>
      </c>
      <c r="CK30" s="28">
        <v>0</v>
      </c>
      <c r="CL30" s="29">
        <v>0</v>
      </c>
      <c r="CM30" s="24">
        <v>0</v>
      </c>
      <c r="CN30" s="25">
        <v>0</v>
      </c>
      <c r="CO30" s="26">
        <v>0</v>
      </c>
      <c r="CP30" s="27">
        <v>0</v>
      </c>
      <c r="CQ30" s="25">
        <v>0</v>
      </c>
      <c r="CR30" s="25">
        <v>0</v>
      </c>
      <c r="CS30" s="25">
        <v>0</v>
      </c>
      <c r="CT30" s="25">
        <v>0</v>
      </c>
      <c r="CU30" s="25">
        <v>0</v>
      </c>
      <c r="CV30" s="28">
        <v>0</v>
      </c>
      <c r="CW30" s="29">
        <v>0</v>
      </c>
      <c r="CX30" s="24">
        <v>0</v>
      </c>
      <c r="CY30" s="25">
        <v>0</v>
      </c>
      <c r="CZ30" s="26">
        <v>0</v>
      </c>
      <c r="DA30" s="404">
        <v>0</v>
      </c>
      <c r="DB30" s="25">
        <v>0</v>
      </c>
      <c r="DC30" s="25">
        <v>0</v>
      </c>
      <c r="DD30" s="25">
        <v>0</v>
      </c>
      <c r="DE30" s="25">
        <v>0</v>
      </c>
      <c r="DF30" s="25">
        <v>0</v>
      </c>
      <c r="DG30" s="28">
        <v>0</v>
      </c>
      <c r="DH30" s="29">
        <v>0</v>
      </c>
      <c r="DI30" s="24">
        <v>0</v>
      </c>
      <c r="DJ30" s="25">
        <v>0</v>
      </c>
      <c r="DK30" s="26">
        <v>0</v>
      </c>
      <c r="DL30" s="27">
        <v>0</v>
      </c>
      <c r="DM30" s="25">
        <v>56705</v>
      </c>
      <c r="DN30" s="25">
        <v>59943</v>
      </c>
      <c r="DO30" s="25">
        <v>365676</v>
      </c>
      <c r="DP30" s="25">
        <v>639753</v>
      </c>
      <c r="DQ30" s="25">
        <v>253804</v>
      </c>
      <c r="DR30" s="28">
        <v>1375881</v>
      </c>
      <c r="DS30" s="30">
        <v>1375881</v>
      </c>
      <c r="DT30" s="24">
        <v>0</v>
      </c>
      <c r="DU30" s="25">
        <v>0</v>
      </c>
      <c r="DV30" s="26">
        <v>0</v>
      </c>
      <c r="DW30" s="404">
        <v>0</v>
      </c>
      <c r="DX30" s="25">
        <v>49476</v>
      </c>
      <c r="DY30" s="25">
        <v>15035</v>
      </c>
      <c r="DZ30" s="25">
        <v>226158</v>
      </c>
      <c r="EA30" s="25">
        <v>412728</v>
      </c>
      <c r="EB30" s="25">
        <v>233737</v>
      </c>
      <c r="EC30" s="28">
        <v>937134</v>
      </c>
      <c r="ED30" s="29">
        <v>937134</v>
      </c>
      <c r="EE30" s="24">
        <v>0</v>
      </c>
      <c r="EF30" s="25">
        <v>0</v>
      </c>
      <c r="EG30" s="26">
        <v>0</v>
      </c>
      <c r="EH30" s="404">
        <v>0</v>
      </c>
      <c r="EI30" s="25">
        <v>651</v>
      </c>
      <c r="EJ30" s="25">
        <v>34658</v>
      </c>
      <c r="EK30" s="25">
        <v>38185</v>
      </c>
      <c r="EL30" s="25">
        <v>51698</v>
      </c>
      <c r="EM30" s="25">
        <v>8587</v>
      </c>
      <c r="EN30" s="28">
        <v>133779</v>
      </c>
      <c r="EO30" s="29">
        <v>133779</v>
      </c>
      <c r="EP30" s="24">
        <v>0</v>
      </c>
      <c r="EQ30" s="25">
        <v>0</v>
      </c>
      <c r="ER30" s="26">
        <v>0</v>
      </c>
      <c r="ES30" s="404">
        <v>0</v>
      </c>
      <c r="ET30" s="25">
        <v>0</v>
      </c>
      <c r="EU30" s="25">
        <v>0</v>
      </c>
      <c r="EV30" s="25">
        <v>0</v>
      </c>
      <c r="EW30" s="25">
        <v>0</v>
      </c>
      <c r="EX30" s="25">
        <v>0</v>
      </c>
      <c r="EY30" s="28">
        <v>0</v>
      </c>
      <c r="EZ30" s="29">
        <v>0</v>
      </c>
      <c r="FA30" s="24">
        <v>0</v>
      </c>
      <c r="FB30" s="25">
        <v>0</v>
      </c>
      <c r="FC30" s="26">
        <v>0</v>
      </c>
      <c r="FD30" s="404">
        <v>0</v>
      </c>
      <c r="FE30" s="25">
        <v>0</v>
      </c>
      <c r="FF30" s="25">
        <v>0</v>
      </c>
      <c r="FG30" s="25">
        <v>0</v>
      </c>
      <c r="FH30" s="25">
        <v>0</v>
      </c>
      <c r="FI30" s="25">
        <v>0</v>
      </c>
      <c r="FJ30" s="28">
        <v>0</v>
      </c>
      <c r="FK30" s="29">
        <v>0</v>
      </c>
      <c r="FL30" s="24">
        <v>0</v>
      </c>
      <c r="FM30" s="25">
        <v>0</v>
      </c>
      <c r="FN30" s="26">
        <v>0</v>
      </c>
      <c r="FO30" s="404">
        <v>0</v>
      </c>
      <c r="FP30" s="25">
        <v>0</v>
      </c>
      <c r="FQ30" s="25">
        <v>0</v>
      </c>
      <c r="FR30" s="25">
        <v>79918</v>
      </c>
      <c r="FS30" s="25">
        <v>79918</v>
      </c>
      <c r="FT30" s="25">
        <v>0</v>
      </c>
      <c r="FU30" s="28">
        <v>159836</v>
      </c>
      <c r="FV30" s="29">
        <v>159836</v>
      </c>
      <c r="FW30" s="24">
        <v>0</v>
      </c>
      <c r="FX30" s="25">
        <v>0</v>
      </c>
      <c r="FY30" s="26">
        <v>0</v>
      </c>
      <c r="FZ30" s="27">
        <v>0</v>
      </c>
      <c r="GA30" s="25">
        <v>6578</v>
      </c>
      <c r="GB30" s="25">
        <v>10250</v>
      </c>
      <c r="GC30" s="25">
        <v>21415</v>
      </c>
      <c r="GD30" s="25">
        <v>95409</v>
      </c>
      <c r="GE30" s="25">
        <v>11480</v>
      </c>
      <c r="GF30" s="28">
        <v>145132</v>
      </c>
      <c r="GG30" s="29">
        <v>145132</v>
      </c>
      <c r="GH30" s="24">
        <v>0</v>
      </c>
      <c r="GI30" s="25">
        <v>0</v>
      </c>
      <c r="GJ30" s="26">
        <v>0</v>
      </c>
      <c r="GK30" s="27">
        <v>0</v>
      </c>
      <c r="GL30" s="25">
        <v>0</v>
      </c>
      <c r="GM30" s="25">
        <v>0</v>
      </c>
      <c r="GN30" s="25">
        <v>0</v>
      </c>
      <c r="GO30" s="25">
        <v>0</v>
      </c>
      <c r="GP30" s="25">
        <v>0</v>
      </c>
      <c r="GQ30" s="28">
        <v>0</v>
      </c>
      <c r="GR30" s="29">
        <v>0</v>
      </c>
      <c r="GS30" s="24">
        <v>0</v>
      </c>
      <c r="GT30" s="25">
        <v>0</v>
      </c>
      <c r="GU30" s="26">
        <v>0</v>
      </c>
      <c r="GV30" s="27">
        <v>0</v>
      </c>
      <c r="GW30" s="25">
        <v>0</v>
      </c>
      <c r="GX30" s="25">
        <v>0</v>
      </c>
      <c r="GY30" s="25">
        <v>0</v>
      </c>
      <c r="GZ30" s="25">
        <v>0</v>
      </c>
      <c r="HA30" s="25">
        <v>0</v>
      </c>
      <c r="HB30" s="28">
        <v>0</v>
      </c>
      <c r="HC30" s="29">
        <v>0</v>
      </c>
      <c r="HD30" s="24">
        <v>0</v>
      </c>
      <c r="HE30" s="25">
        <v>0</v>
      </c>
      <c r="HF30" s="26">
        <v>0</v>
      </c>
      <c r="HG30" s="404">
        <v>0</v>
      </c>
      <c r="HH30" s="25">
        <v>0</v>
      </c>
      <c r="HI30" s="25">
        <v>0</v>
      </c>
      <c r="HJ30" s="25">
        <v>0</v>
      </c>
      <c r="HK30" s="25">
        <v>0</v>
      </c>
      <c r="HL30" s="25">
        <v>0</v>
      </c>
      <c r="HM30" s="28">
        <v>0</v>
      </c>
      <c r="HN30" s="29">
        <v>0</v>
      </c>
      <c r="HO30" s="24">
        <v>0</v>
      </c>
      <c r="HP30" s="25">
        <v>0</v>
      </c>
      <c r="HQ30" s="26">
        <v>0</v>
      </c>
      <c r="HR30" s="27">
        <v>0</v>
      </c>
      <c r="HS30" s="25">
        <v>161395</v>
      </c>
      <c r="HT30" s="25">
        <v>183248</v>
      </c>
      <c r="HU30" s="25">
        <v>731818</v>
      </c>
      <c r="HV30" s="25">
        <v>1433017</v>
      </c>
      <c r="HW30" s="25">
        <v>551479</v>
      </c>
      <c r="HX30" s="28">
        <v>3060957</v>
      </c>
      <c r="HY30" s="29">
        <v>3060957</v>
      </c>
    </row>
    <row r="31" spans="2:233" ht="21" customHeight="1" x14ac:dyDescent="0.2">
      <c r="B31" s="106" t="s">
        <v>28</v>
      </c>
      <c r="C31" s="24">
        <v>0</v>
      </c>
      <c r="D31" s="25">
        <v>0</v>
      </c>
      <c r="E31" s="26">
        <v>0</v>
      </c>
      <c r="F31" s="27">
        <v>0</v>
      </c>
      <c r="G31" s="25">
        <v>0</v>
      </c>
      <c r="H31" s="25">
        <v>24645</v>
      </c>
      <c r="I31" s="25">
        <v>163420</v>
      </c>
      <c r="J31" s="25">
        <v>222020</v>
      </c>
      <c r="K31" s="25">
        <v>80870</v>
      </c>
      <c r="L31" s="28">
        <v>490955</v>
      </c>
      <c r="M31" s="29">
        <v>490955</v>
      </c>
      <c r="N31" s="24">
        <v>0</v>
      </c>
      <c r="O31" s="25">
        <v>0</v>
      </c>
      <c r="P31" s="26">
        <v>0</v>
      </c>
      <c r="Q31" s="404">
        <v>0</v>
      </c>
      <c r="R31" s="25">
        <v>0</v>
      </c>
      <c r="S31" s="25">
        <v>0</v>
      </c>
      <c r="T31" s="25">
        <v>125395</v>
      </c>
      <c r="U31" s="25">
        <v>211990</v>
      </c>
      <c r="V31" s="25">
        <v>54985</v>
      </c>
      <c r="W31" s="28">
        <v>392370</v>
      </c>
      <c r="X31" s="29">
        <v>392370</v>
      </c>
      <c r="Y31" s="24">
        <v>0</v>
      </c>
      <c r="Z31" s="25">
        <v>0</v>
      </c>
      <c r="AA31" s="26">
        <v>0</v>
      </c>
      <c r="AB31" s="404">
        <v>0</v>
      </c>
      <c r="AC31" s="25">
        <v>0</v>
      </c>
      <c r="AD31" s="25">
        <v>24645</v>
      </c>
      <c r="AE31" s="25">
        <v>37880</v>
      </c>
      <c r="AF31" s="25">
        <v>10030</v>
      </c>
      <c r="AG31" s="25">
        <v>24645</v>
      </c>
      <c r="AH31" s="28">
        <v>97200</v>
      </c>
      <c r="AI31" s="29">
        <v>97200</v>
      </c>
      <c r="AJ31" s="24">
        <v>0</v>
      </c>
      <c r="AK31" s="25">
        <v>0</v>
      </c>
      <c r="AL31" s="26">
        <v>0</v>
      </c>
      <c r="AM31" s="404">
        <v>0</v>
      </c>
      <c r="AN31" s="25">
        <v>0</v>
      </c>
      <c r="AO31" s="25">
        <v>0</v>
      </c>
      <c r="AP31" s="25">
        <v>0</v>
      </c>
      <c r="AQ31" s="25">
        <v>0</v>
      </c>
      <c r="AR31" s="25">
        <v>0</v>
      </c>
      <c r="AS31" s="28">
        <v>0</v>
      </c>
      <c r="AT31" s="29">
        <v>0</v>
      </c>
      <c r="AU31" s="24">
        <v>0</v>
      </c>
      <c r="AV31" s="25">
        <v>0</v>
      </c>
      <c r="AW31" s="26">
        <v>0</v>
      </c>
      <c r="AX31" s="404">
        <v>0</v>
      </c>
      <c r="AY31" s="25">
        <v>0</v>
      </c>
      <c r="AZ31" s="25">
        <v>0</v>
      </c>
      <c r="BA31" s="25">
        <v>0</v>
      </c>
      <c r="BB31" s="25">
        <v>0</v>
      </c>
      <c r="BC31" s="25">
        <v>0</v>
      </c>
      <c r="BD31" s="28">
        <v>0</v>
      </c>
      <c r="BE31" s="29">
        <v>0</v>
      </c>
      <c r="BF31" s="24">
        <v>0</v>
      </c>
      <c r="BG31" s="25">
        <v>0</v>
      </c>
      <c r="BH31" s="26">
        <v>0</v>
      </c>
      <c r="BI31" s="404">
        <v>0</v>
      </c>
      <c r="BJ31" s="25">
        <v>0</v>
      </c>
      <c r="BK31" s="25">
        <v>0</v>
      </c>
      <c r="BL31" s="25">
        <v>0</v>
      </c>
      <c r="BM31" s="25">
        <v>0</v>
      </c>
      <c r="BN31" s="25">
        <v>0</v>
      </c>
      <c r="BO31" s="28">
        <v>0</v>
      </c>
      <c r="BP31" s="29">
        <v>0</v>
      </c>
      <c r="BQ31" s="24">
        <v>0</v>
      </c>
      <c r="BR31" s="25">
        <v>0</v>
      </c>
      <c r="BS31" s="26">
        <v>0</v>
      </c>
      <c r="BT31" s="27">
        <v>0</v>
      </c>
      <c r="BU31" s="25">
        <v>0</v>
      </c>
      <c r="BV31" s="25">
        <v>0</v>
      </c>
      <c r="BW31" s="25">
        <v>145</v>
      </c>
      <c r="BX31" s="25">
        <v>0</v>
      </c>
      <c r="BY31" s="25">
        <v>0</v>
      </c>
      <c r="BZ31" s="28">
        <v>145</v>
      </c>
      <c r="CA31" s="29">
        <v>145</v>
      </c>
      <c r="CB31" s="24">
        <v>0</v>
      </c>
      <c r="CC31" s="25">
        <v>0</v>
      </c>
      <c r="CD31" s="26">
        <v>0</v>
      </c>
      <c r="CE31" s="27">
        <v>0</v>
      </c>
      <c r="CF31" s="25">
        <v>0</v>
      </c>
      <c r="CG31" s="25">
        <v>0</v>
      </c>
      <c r="CH31" s="25">
        <v>0</v>
      </c>
      <c r="CI31" s="25">
        <v>0</v>
      </c>
      <c r="CJ31" s="25">
        <v>1240</v>
      </c>
      <c r="CK31" s="28">
        <v>1240</v>
      </c>
      <c r="CL31" s="29">
        <v>1240</v>
      </c>
      <c r="CM31" s="24">
        <v>0</v>
      </c>
      <c r="CN31" s="25">
        <v>0</v>
      </c>
      <c r="CO31" s="26">
        <v>0</v>
      </c>
      <c r="CP31" s="27">
        <v>0</v>
      </c>
      <c r="CQ31" s="25">
        <v>0</v>
      </c>
      <c r="CR31" s="25">
        <v>0</v>
      </c>
      <c r="CS31" s="25">
        <v>0</v>
      </c>
      <c r="CT31" s="25">
        <v>0</v>
      </c>
      <c r="CU31" s="25">
        <v>0</v>
      </c>
      <c r="CV31" s="28">
        <v>0</v>
      </c>
      <c r="CW31" s="29">
        <v>0</v>
      </c>
      <c r="CX31" s="24">
        <v>0</v>
      </c>
      <c r="CY31" s="25">
        <v>0</v>
      </c>
      <c r="CZ31" s="26">
        <v>0</v>
      </c>
      <c r="DA31" s="404">
        <v>0</v>
      </c>
      <c r="DB31" s="25">
        <v>0</v>
      </c>
      <c r="DC31" s="25">
        <v>0</v>
      </c>
      <c r="DD31" s="25">
        <v>0</v>
      </c>
      <c r="DE31" s="25">
        <v>0</v>
      </c>
      <c r="DF31" s="25">
        <v>0</v>
      </c>
      <c r="DG31" s="28">
        <v>0</v>
      </c>
      <c r="DH31" s="29">
        <v>0</v>
      </c>
      <c r="DI31" s="24">
        <v>0</v>
      </c>
      <c r="DJ31" s="25">
        <v>0</v>
      </c>
      <c r="DK31" s="26">
        <v>0</v>
      </c>
      <c r="DL31" s="27">
        <v>0</v>
      </c>
      <c r="DM31" s="25">
        <v>0</v>
      </c>
      <c r="DN31" s="25">
        <v>217</v>
      </c>
      <c r="DO31" s="25">
        <v>122590</v>
      </c>
      <c r="DP31" s="25">
        <v>201158</v>
      </c>
      <c r="DQ31" s="25">
        <v>63433</v>
      </c>
      <c r="DR31" s="28">
        <v>387398</v>
      </c>
      <c r="DS31" s="30">
        <v>387398</v>
      </c>
      <c r="DT31" s="24">
        <v>0</v>
      </c>
      <c r="DU31" s="25">
        <v>0</v>
      </c>
      <c r="DV31" s="26">
        <v>0</v>
      </c>
      <c r="DW31" s="404">
        <v>0</v>
      </c>
      <c r="DX31" s="25">
        <v>0</v>
      </c>
      <c r="DY31" s="25">
        <v>0</v>
      </c>
      <c r="DZ31" s="25">
        <v>121032</v>
      </c>
      <c r="EA31" s="25">
        <v>168085</v>
      </c>
      <c r="EB31" s="25">
        <v>62406</v>
      </c>
      <c r="EC31" s="28">
        <v>351523</v>
      </c>
      <c r="ED31" s="29">
        <v>351523</v>
      </c>
      <c r="EE31" s="24">
        <v>0</v>
      </c>
      <c r="EF31" s="25">
        <v>0</v>
      </c>
      <c r="EG31" s="26">
        <v>0</v>
      </c>
      <c r="EH31" s="404">
        <v>0</v>
      </c>
      <c r="EI31" s="25">
        <v>0</v>
      </c>
      <c r="EJ31" s="25">
        <v>217</v>
      </c>
      <c r="EK31" s="25">
        <v>658</v>
      </c>
      <c r="EL31" s="25">
        <v>33073</v>
      </c>
      <c r="EM31" s="25">
        <v>217</v>
      </c>
      <c r="EN31" s="28">
        <v>34165</v>
      </c>
      <c r="EO31" s="29">
        <v>34165</v>
      </c>
      <c r="EP31" s="24">
        <v>0</v>
      </c>
      <c r="EQ31" s="25">
        <v>0</v>
      </c>
      <c r="ER31" s="26">
        <v>0</v>
      </c>
      <c r="ES31" s="404">
        <v>0</v>
      </c>
      <c r="ET31" s="25">
        <v>0</v>
      </c>
      <c r="EU31" s="25">
        <v>0</v>
      </c>
      <c r="EV31" s="25">
        <v>0</v>
      </c>
      <c r="EW31" s="25">
        <v>0</v>
      </c>
      <c r="EX31" s="25">
        <v>0</v>
      </c>
      <c r="EY31" s="28">
        <v>0</v>
      </c>
      <c r="EZ31" s="29">
        <v>0</v>
      </c>
      <c r="FA31" s="24">
        <v>0</v>
      </c>
      <c r="FB31" s="25">
        <v>0</v>
      </c>
      <c r="FC31" s="26">
        <v>0</v>
      </c>
      <c r="FD31" s="404">
        <v>0</v>
      </c>
      <c r="FE31" s="25">
        <v>0</v>
      </c>
      <c r="FF31" s="25">
        <v>0</v>
      </c>
      <c r="FG31" s="25">
        <v>0</v>
      </c>
      <c r="FH31" s="25">
        <v>0</v>
      </c>
      <c r="FI31" s="25">
        <v>0</v>
      </c>
      <c r="FJ31" s="28">
        <v>0</v>
      </c>
      <c r="FK31" s="29">
        <v>0</v>
      </c>
      <c r="FL31" s="24">
        <v>0</v>
      </c>
      <c r="FM31" s="25">
        <v>0</v>
      </c>
      <c r="FN31" s="26">
        <v>0</v>
      </c>
      <c r="FO31" s="404">
        <v>0</v>
      </c>
      <c r="FP31" s="25">
        <v>0</v>
      </c>
      <c r="FQ31" s="25">
        <v>0</v>
      </c>
      <c r="FR31" s="25">
        <v>0</v>
      </c>
      <c r="FS31" s="25">
        <v>0</v>
      </c>
      <c r="FT31" s="25">
        <v>0</v>
      </c>
      <c r="FU31" s="28">
        <v>0</v>
      </c>
      <c r="FV31" s="29">
        <v>0</v>
      </c>
      <c r="FW31" s="24">
        <v>0</v>
      </c>
      <c r="FX31" s="25">
        <v>0</v>
      </c>
      <c r="FY31" s="26">
        <v>0</v>
      </c>
      <c r="FZ31" s="27">
        <v>0</v>
      </c>
      <c r="GA31" s="25">
        <v>0</v>
      </c>
      <c r="GB31" s="25">
        <v>0</v>
      </c>
      <c r="GC31" s="25">
        <v>900</v>
      </c>
      <c r="GD31" s="25">
        <v>0</v>
      </c>
      <c r="GE31" s="25">
        <v>0</v>
      </c>
      <c r="GF31" s="28">
        <v>900</v>
      </c>
      <c r="GG31" s="29">
        <v>900</v>
      </c>
      <c r="GH31" s="24">
        <v>0</v>
      </c>
      <c r="GI31" s="25">
        <v>0</v>
      </c>
      <c r="GJ31" s="26">
        <v>0</v>
      </c>
      <c r="GK31" s="27">
        <v>0</v>
      </c>
      <c r="GL31" s="25">
        <v>0</v>
      </c>
      <c r="GM31" s="25">
        <v>0</v>
      </c>
      <c r="GN31" s="25">
        <v>0</v>
      </c>
      <c r="GO31" s="25">
        <v>0</v>
      </c>
      <c r="GP31" s="25">
        <v>810</v>
      </c>
      <c r="GQ31" s="28">
        <v>810</v>
      </c>
      <c r="GR31" s="29">
        <v>810</v>
      </c>
      <c r="GS31" s="24">
        <v>0</v>
      </c>
      <c r="GT31" s="25">
        <v>0</v>
      </c>
      <c r="GU31" s="26">
        <v>0</v>
      </c>
      <c r="GV31" s="27">
        <v>0</v>
      </c>
      <c r="GW31" s="25">
        <v>0</v>
      </c>
      <c r="GX31" s="25">
        <v>0</v>
      </c>
      <c r="GY31" s="25">
        <v>0</v>
      </c>
      <c r="GZ31" s="25">
        <v>0</v>
      </c>
      <c r="HA31" s="25">
        <v>0</v>
      </c>
      <c r="HB31" s="28">
        <v>0</v>
      </c>
      <c r="HC31" s="29">
        <v>0</v>
      </c>
      <c r="HD31" s="24">
        <v>0</v>
      </c>
      <c r="HE31" s="25">
        <v>0</v>
      </c>
      <c r="HF31" s="26">
        <v>0</v>
      </c>
      <c r="HG31" s="404">
        <v>0</v>
      </c>
      <c r="HH31" s="25">
        <v>0</v>
      </c>
      <c r="HI31" s="25">
        <v>0</v>
      </c>
      <c r="HJ31" s="25">
        <v>0</v>
      </c>
      <c r="HK31" s="25">
        <v>0</v>
      </c>
      <c r="HL31" s="25">
        <v>0</v>
      </c>
      <c r="HM31" s="28">
        <v>0</v>
      </c>
      <c r="HN31" s="29">
        <v>0</v>
      </c>
      <c r="HO31" s="24">
        <v>0</v>
      </c>
      <c r="HP31" s="25">
        <v>0</v>
      </c>
      <c r="HQ31" s="26">
        <v>0</v>
      </c>
      <c r="HR31" s="27">
        <v>0</v>
      </c>
      <c r="HS31" s="25">
        <v>0</v>
      </c>
      <c r="HT31" s="25">
        <v>24862</v>
      </c>
      <c r="HU31" s="25">
        <v>286010</v>
      </c>
      <c r="HV31" s="25">
        <v>423178</v>
      </c>
      <c r="HW31" s="25">
        <v>144303</v>
      </c>
      <c r="HX31" s="28">
        <v>878353</v>
      </c>
      <c r="HY31" s="29">
        <v>878353</v>
      </c>
    </row>
    <row r="32" spans="2:233" ht="21" customHeight="1" x14ac:dyDescent="0.2">
      <c r="B32" s="106" t="s">
        <v>29</v>
      </c>
      <c r="C32" s="24">
        <v>0</v>
      </c>
      <c r="D32" s="25">
        <v>0</v>
      </c>
      <c r="E32" s="26">
        <v>0</v>
      </c>
      <c r="F32" s="27">
        <v>0</v>
      </c>
      <c r="G32" s="25">
        <v>24645</v>
      </c>
      <c r="H32" s="25">
        <v>64360</v>
      </c>
      <c r="I32" s="25">
        <v>280390</v>
      </c>
      <c r="J32" s="25">
        <v>291560</v>
      </c>
      <c r="K32" s="25">
        <v>192545</v>
      </c>
      <c r="L32" s="28">
        <v>853500</v>
      </c>
      <c r="M32" s="29">
        <v>853500</v>
      </c>
      <c r="N32" s="24">
        <v>0</v>
      </c>
      <c r="O32" s="25">
        <v>0</v>
      </c>
      <c r="P32" s="26">
        <v>0</v>
      </c>
      <c r="Q32" s="404">
        <v>0</v>
      </c>
      <c r="R32" s="25">
        <v>0</v>
      </c>
      <c r="S32" s="25">
        <v>32705</v>
      </c>
      <c r="T32" s="25">
        <v>90055</v>
      </c>
      <c r="U32" s="25">
        <v>176700</v>
      </c>
      <c r="V32" s="25">
        <v>155465</v>
      </c>
      <c r="W32" s="28">
        <v>454925</v>
      </c>
      <c r="X32" s="29">
        <v>454925</v>
      </c>
      <c r="Y32" s="24">
        <v>0</v>
      </c>
      <c r="Z32" s="25">
        <v>0</v>
      </c>
      <c r="AA32" s="26">
        <v>0</v>
      </c>
      <c r="AB32" s="404">
        <v>0</v>
      </c>
      <c r="AC32" s="25">
        <v>24645</v>
      </c>
      <c r="AD32" s="25">
        <v>29915</v>
      </c>
      <c r="AE32" s="25">
        <v>107935</v>
      </c>
      <c r="AF32" s="25">
        <v>38910</v>
      </c>
      <c r="AG32" s="25">
        <v>32705</v>
      </c>
      <c r="AH32" s="28">
        <v>234110</v>
      </c>
      <c r="AI32" s="29">
        <v>234110</v>
      </c>
      <c r="AJ32" s="24">
        <v>0</v>
      </c>
      <c r="AK32" s="25">
        <v>0</v>
      </c>
      <c r="AL32" s="26">
        <v>0</v>
      </c>
      <c r="AM32" s="404">
        <v>0</v>
      </c>
      <c r="AN32" s="25">
        <v>0</v>
      </c>
      <c r="AO32" s="25">
        <v>0</v>
      </c>
      <c r="AP32" s="25">
        <v>0</v>
      </c>
      <c r="AQ32" s="25">
        <v>0</v>
      </c>
      <c r="AR32" s="25">
        <v>0</v>
      </c>
      <c r="AS32" s="28">
        <v>0</v>
      </c>
      <c r="AT32" s="29">
        <v>0</v>
      </c>
      <c r="AU32" s="24">
        <v>0</v>
      </c>
      <c r="AV32" s="25">
        <v>0</v>
      </c>
      <c r="AW32" s="26">
        <v>0</v>
      </c>
      <c r="AX32" s="404">
        <v>0</v>
      </c>
      <c r="AY32" s="25">
        <v>0</v>
      </c>
      <c r="AZ32" s="25">
        <v>0</v>
      </c>
      <c r="BA32" s="25">
        <v>0</v>
      </c>
      <c r="BB32" s="25">
        <v>0</v>
      </c>
      <c r="BC32" s="25">
        <v>0</v>
      </c>
      <c r="BD32" s="28">
        <v>0</v>
      </c>
      <c r="BE32" s="29">
        <v>0</v>
      </c>
      <c r="BF32" s="24">
        <v>0</v>
      </c>
      <c r="BG32" s="25">
        <v>0</v>
      </c>
      <c r="BH32" s="26">
        <v>0</v>
      </c>
      <c r="BI32" s="404">
        <v>0</v>
      </c>
      <c r="BJ32" s="25">
        <v>0</v>
      </c>
      <c r="BK32" s="25">
        <v>0</v>
      </c>
      <c r="BL32" s="25">
        <v>70835</v>
      </c>
      <c r="BM32" s="25">
        <v>75950</v>
      </c>
      <c r="BN32" s="25">
        <v>2635</v>
      </c>
      <c r="BO32" s="28">
        <v>149420</v>
      </c>
      <c r="BP32" s="29">
        <v>149420</v>
      </c>
      <c r="BQ32" s="24">
        <v>0</v>
      </c>
      <c r="BR32" s="25">
        <v>0</v>
      </c>
      <c r="BS32" s="26">
        <v>0</v>
      </c>
      <c r="BT32" s="27">
        <v>0</v>
      </c>
      <c r="BU32" s="25">
        <v>0</v>
      </c>
      <c r="BV32" s="25">
        <v>1740</v>
      </c>
      <c r="BW32" s="25">
        <v>11565</v>
      </c>
      <c r="BX32" s="25">
        <v>0</v>
      </c>
      <c r="BY32" s="25">
        <v>1740</v>
      </c>
      <c r="BZ32" s="28">
        <v>15045</v>
      </c>
      <c r="CA32" s="29">
        <v>15045</v>
      </c>
      <c r="CB32" s="24">
        <v>0</v>
      </c>
      <c r="CC32" s="25">
        <v>0</v>
      </c>
      <c r="CD32" s="26">
        <v>0</v>
      </c>
      <c r="CE32" s="27">
        <v>0</v>
      </c>
      <c r="CF32" s="25">
        <v>0</v>
      </c>
      <c r="CG32" s="25">
        <v>0</v>
      </c>
      <c r="CH32" s="25">
        <v>0</v>
      </c>
      <c r="CI32" s="25">
        <v>0</v>
      </c>
      <c r="CJ32" s="25">
        <v>0</v>
      </c>
      <c r="CK32" s="28">
        <v>0</v>
      </c>
      <c r="CL32" s="29">
        <v>0</v>
      </c>
      <c r="CM32" s="24">
        <v>0</v>
      </c>
      <c r="CN32" s="25">
        <v>0</v>
      </c>
      <c r="CO32" s="26">
        <v>0</v>
      </c>
      <c r="CP32" s="27">
        <v>0</v>
      </c>
      <c r="CQ32" s="25">
        <v>0</v>
      </c>
      <c r="CR32" s="25">
        <v>0</v>
      </c>
      <c r="CS32" s="25">
        <v>0</v>
      </c>
      <c r="CT32" s="25">
        <v>0</v>
      </c>
      <c r="CU32" s="25">
        <v>0</v>
      </c>
      <c r="CV32" s="28">
        <v>0</v>
      </c>
      <c r="CW32" s="29">
        <v>0</v>
      </c>
      <c r="CX32" s="24">
        <v>0</v>
      </c>
      <c r="CY32" s="25">
        <v>0</v>
      </c>
      <c r="CZ32" s="26">
        <v>0</v>
      </c>
      <c r="DA32" s="404">
        <v>0</v>
      </c>
      <c r="DB32" s="25">
        <v>0</v>
      </c>
      <c r="DC32" s="25">
        <v>0</v>
      </c>
      <c r="DD32" s="25">
        <v>0</v>
      </c>
      <c r="DE32" s="25">
        <v>0</v>
      </c>
      <c r="DF32" s="25">
        <v>0</v>
      </c>
      <c r="DG32" s="28">
        <v>0</v>
      </c>
      <c r="DH32" s="29">
        <v>0</v>
      </c>
      <c r="DI32" s="24">
        <v>0</v>
      </c>
      <c r="DJ32" s="25">
        <v>0</v>
      </c>
      <c r="DK32" s="26">
        <v>0</v>
      </c>
      <c r="DL32" s="27">
        <v>0</v>
      </c>
      <c r="DM32" s="25">
        <v>217</v>
      </c>
      <c r="DN32" s="25">
        <v>31832</v>
      </c>
      <c r="DO32" s="25">
        <v>170763</v>
      </c>
      <c r="DP32" s="25">
        <v>366311</v>
      </c>
      <c r="DQ32" s="25">
        <v>147508</v>
      </c>
      <c r="DR32" s="28">
        <v>716631</v>
      </c>
      <c r="DS32" s="30">
        <v>716631</v>
      </c>
      <c r="DT32" s="24">
        <v>0</v>
      </c>
      <c r="DU32" s="25">
        <v>0</v>
      </c>
      <c r="DV32" s="26">
        <v>0</v>
      </c>
      <c r="DW32" s="404">
        <v>0</v>
      </c>
      <c r="DX32" s="25">
        <v>0</v>
      </c>
      <c r="DY32" s="25">
        <v>15035</v>
      </c>
      <c r="DZ32" s="25">
        <v>51646</v>
      </c>
      <c r="EA32" s="25">
        <v>205747</v>
      </c>
      <c r="EB32" s="25">
        <v>131847</v>
      </c>
      <c r="EC32" s="28">
        <v>404275</v>
      </c>
      <c r="ED32" s="29">
        <v>404275</v>
      </c>
      <c r="EE32" s="24">
        <v>0</v>
      </c>
      <c r="EF32" s="25">
        <v>0</v>
      </c>
      <c r="EG32" s="26">
        <v>0</v>
      </c>
      <c r="EH32" s="404">
        <v>0</v>
      </c>
      <c r="EI32" s="25">
        <v>217</v>
      </c>
      <c r="EJ32" s="25">
        <v>11532</v>
      </c>
      <c r="EK32" s="25">
        <v>8375</v>
      </c>
      <c r="EL32" s="25">
        <v>728</v>
      </c>
      <c r="EM32" s="25">
        <v>217</v>
      </c>
      <c r="EN32" s="28">
        <v>21069</v>
      </c>
      <c r="EO32" s="29">
        <v>21069</v>
      </c>
      <c r="EP32" s="24">
        <v>0</v>
      </c>
      <c r="EQ32" s="25">
        <v>0</v>
      </c>
      <c r="ER32" s="26">
        <v>0</v>
      </c>
      <c r="ES32" s="404">
        <v>0</v>
      </c>
      <c r="ET32" s="25">
        <v>0</v>
      </c>
      <c r="EU32" s="25">
        <v>0</v>
      </c>
      <c r="EV32" s="25">
        <v>0</v>
      </c>
      <c r="EW32" s="25">
        <v>0</v>
      </c>
      <c r="EX32" s="25">
        <v>0</v>
      </c>
      <c r="EY32" s="28">
        <v>0</v>
      </c>
      <c r="EZ32" s="29">
        <v>0</v>
      </c>
      <c r="FA32" s="24">
        <v>0</v>
      </c>
      <c r="FB32" s="25">
        <v>0</v>
      </c>
      <c r="FC32" s="26">
        <v>0</v>
      </c>
      <c r="FD32" s="404">
        <v>0</v>
      </c>
      <c r="FE32" s="25">
        <v>0</v>
      </c>
      <c r="FF32" s="25">
        <v>0</v>
      </c>
      <c r="FG32" s="25">
        <v>0</v>
      </c>
      <c r="FH32" s="25">
        <v>0</v>
      </c>
      <c r="FI32" s="25">
        <v>0</v>
      </c>
      <c r="FJ32" s="28">
        <v>0</v>
      </c>
      <c r="FK32" s="29">
        <v>0</v>
      </c>
      <c r="FL32" s="24">
        <v>0</v>
      </c>
      <c r="FM32" s="25">
        <v>0</v>
      </c>
      <c r="FN32" s="26">
        <v>0</v>
      </c>
      <c r="FO32" s="404">
        <v>0</v>
      </c>
      <c r="FP32" s="25">
        <v>0</v>
      </c>
      <c r="FQ32" s="25">
        <v>0</v>
      </c>
      <c r="FR32" s="25">
        <v>95108</v>
      </c>
      <c r="FS32" s="25">
        <v>159836</v>
      </c>
      <c r="FT32" s="25">
        <v>10881</v>
      </c>
      <c r="FU32" s="28">
        <v>265825</v>
      </c>
      <c r="FV32" s="29">
        <v>265825</v>
      </c>
      <c r="FW32" s="24">
        <v>0</v>
      </c>
      <c r="FX32" s="25">
        <v>0</v>
      </c>
      <c r="FY32" s="26">
        <v>0</v>
      </c>
      <c r="FZ32" s="27">
        <v>0</v>
      </c>
      <c r="GA32" s="25">
        <v>0</v>
      </c>
      <c r="GB32" s="25">
        <v>5265</v>
      </c>
      <c r="GC32" s="25">
        <v>15634</v>
      </c>
      <c r="GD32" s="25">
        <v>0</v>
      </c>
      <c r="GE32" s="25">
        <v>4563</v>
      </c>
      <c r="GF32" s="28">
        <v>25462</v>
      </c>
      <c r="GG32" s="29">
        <v>25462</v>
      </c>
      <c r="GH32" s="24">
        <v>0</v>
      </c>
      <c r="GI32" s="25">
        <v>0</v>
      </c>
      <c r="GJ32" s="26">
        <v>0</v>
      </c>
      <c r="GK32" s="27">
        <v>0</v>
      </c>
      <c r="GL32" s="25">
        <v>0</v>
      </c>
      <c r="GM32" s="25">
        <v>0</v>
      </c>
      <c r="GN32" s="25">
        <v>0</v>
      </c>
      <c r="GO32" s="25">
        <v>0</v>
      </c>
      <c r="GP32" s="25">
        <v>0</v>
      </c>
      <c r="GQ32" s="28">
        <v>0</v>
      </c>
      <c r="GR32" s="29">
        <v>0</v>
      </c>
      <c r="GS32" s="24">
        <v>0</v>
      </c>
      <c r="GT32" s="25">
        <v>0</v>
      </c>
      <c r="GU32" s="26">
        <v>0</v>
      </c>
      <c r="GV32" s="27">
        <v>0</v>
      </c>
      <c r="GW32" s="25">
        <v>0</v>
      </c>
      <c r="GX32" s="25">
        <v>0</v>
      </c>
      <c r="GY32" s="25">
        <v>0</v>
      </c>
      <c r="GZ32" s="25">
        <v>0</v>
      </c>
      <c r="HA32" s="25">
        <v>0</v>
      </c>
      <c r="HB32" s="28">
        <v>0</v>
      </c>
      <c r="HC32" s="29">
        <v>0</v>
      </c>
      <c r="HD32" s="24">
        <v>0</v>
      </c>
      <c r="HE32" s="25">
        <v>0</v>
      </c>
      <c r="HF32" s="26">
        <v>0</v>
      </c>
      <c r="HG32" s="404">
        <v>0</v>
      </c>
      <c r="HH32" s="25">
        <v>0</v>
      </c>
      <c r="HI32" s="25">
        <v>0</v>
      </c>
      <c r="HJ32" s="25">
        <v>0</v>
      </c>
      <c r="HK32" s="25">
        <v>0</v>
      </c>
      <c r="HL32" s="25">
        <v>0</v>
      </c>
      <c r="HM32" s="28">
        <v>0</v>
      </c>
      <c r="HN32" s="29">
        <v>0</v>
      </c>
      <c r="HO32" s="24">
        <v>0</v>
      </c>
      <c r="HP32" s="25">
        <v>0</v>
      </c>
      <c r="HQ32" s="26">
        <v>0</v>
      </c>
      <c r="HR32" s="27">
        <v>0</v>
      </c>
      <c r="HS32" s="25">
        <v>24862</v>
      </c>
      <c r="HT32" s="25">
        <v>96192</v>
      </c>
      <c r="HU32" s="25">
        <v>451153</v>
      </c>
      <c r="HV32" s="25">
        <v>657871</v>
      </c>
      <c r="HW32" s="25">
        <v>340053</v>
      </c>
      <c r="HX32" s="28">
        <v>1570131</v>
      </c>
      <c r="HY32" s="29">
        <v>1570131</v>
      </c>
    </row>
    <row r="33" spans="2:233" ht="21" customHeight="1" x14ac:dyDescent="0.2">
      <c r="B33" s="106" t="s">
        <v>30</v>
      </c>
      <c r="C33" s="24">
        <v>0</v>
      </c>
      <c r="D33" s="25">
        <v>0</v>
      </c>
      <c r="E33" s="26">
        <v>0</v>
      </c>
      <c r="F33" s="27">
        <v>0</v>
      </c>
      <c r="G33" s="25">
        <v>66130</v>
      </c>
      <c r="H33" s="25">
        <v>32550</v>
      </c>
      <c r="I33" s="25">
        <v>300405</v>
      </c>
      <c r="J33" s="25">
        <v>325175</v>
      </c>
      <c r="K33" s="25">
        <v>209425</v>
      </c>
      <c r="L33" s="28">
        <v>933685</v>
      </c>
      <c r="M33" s="29">
        <v>933685</v>
      </c>
      <c r="N33" s="24">
        <v>0</v>
      </c>
      <c r="O33" s="25">
        <v>0</v>
      </c>
      <c r="P33" s="26">
        <v>0</v>
      </c>
      <c r="Q33" s="404">
        <v>0</v>
      </c>
      <c r="R33" s="25">
        <v>0</v>
      </c>
      <c r="S33" s="25">
        <v>2635</v>
      </c>
      <c r="T33" s="25">
        <v>223355</v>
      </c>
      <c r="U33" s="25">
        <v>290850</v>
      </c>
      <c r="V33" s="25">
        <v>160580</v>
      </c>
      <c r="W33" s="28">
        <v>677420</v>
      </c>
      <c r="X33" s="29">
        <v>677420</v>
      </c>
      <c r="Y33" s="24">
        <v>0</v>
      </c>
      <c r="Z33" s="25">
        <v>0</v>
      </c>
      <c r="AA33" s="26">
        <v>0</v>
      </c>
      <c r="AB33" s="404">
        <v>0</v>
      </c>
      <c r="AC33" s="25">
        <v>65255</v>
      </c>
      <c r="AD33" s="25">
        <v>29915</v>
      </c>
      <c r="AE33" s="25">
        <v>72265</v>
      </c>
      <c r="AF33" s="25">
        <v>34325</v>
      </c>
      <c r="AG33" s="25">
        <v>0</v>
      </c>
      <c r="AH33" s="28">
        <v>201760</v>
      </c>
      <c r="AI33" s="29">
        <v>201760</v>
      </c>
      <c r="AJ33" s="24">
        <v>0</v>
      </c>
      <c r="AK33" s="25">
        <v>0</v>
      </c>
      <c r="AL33" s="26">
        <v>0</v>
      </c>
      <c r="AM33" s="404">
        <v>0</v>
      </c>
      <c r="AN33" s="25">
        <v>0</v>
      </c>
      <c r="AO33" s="25">
        <v>0</v>
      </c>
      <c r="AP33" s="25">
        <v>0</v>
      </c>
      <c r="AQ33" s="25">
        <v>0</v>
      </c>
      <c r="AR33" s="25">
        <v>0</v>
      </c>
      <c r="AS33" s="28">
        <v>0</v>
      </c>
      <c r="AT33" s="29">
        <v>0</v>
      </c>
      <c r="AU33" s="24">
        <v>0</v>
      </c>
      <c r="AV33" s="25">
        <v>0</v>
      </c>
      <c r="AW33" s="26">
        <v>0</v>
      </c>
      <c r="AX33" s="404">
        <v>0</v>
      </c>
      <c r="AY33" s="25">
        <v>0</v>
      </c>
      <c r="AZ33" s="25">
        <v>0</v>
      </c>
      <c r="BA33" s="25">
        <v>0</v>
      </c>
      <c r="BB33" s="25">
        <v>0</v>
      </c>
      <c r="BC33" s="25">
        <v>35495</v>
      </c>
      <c r="BD33" s="28">
        <v>35495</v>
      </c>
      <c r="BE33" s="29">
        <v>35495</v>
      </c>
      <c r="BF33" s="24">
        <v>0</v>
      </c>
      <c r="BG33" s="25">
        <v>0</v>
      </c>
      <c r="BH33" s="26">
        <v>0</v>
      </c>
      <c r="BI33" s="404">
        <v>0</v>
      </c>
      <c r="BJ33" s="25">
        <v>0</v>
      </c>
      <c r="BK33" s="25">
        <v>0</v>
      </c>
      <c r="BL33" s="25">
        <v>0</v>
      </c>
      <c r="BM33" s="25">
        <v>0</v>
      </c>
      <c r="BN33" s="25">
        <v>0</v>
      </c>
      <c r="BO33" s="28">
        <v>0</v>
      </c>
      <c r="BP33" s="29">
        <v>0</v>
      </c>
      <c r="BQ33" s="24">
        <v>0</v>
      </c>
      <c r="BR33" s="25">
        <v>0</v>
      </c>
      <c r="BS33" s="26">
        <v>0</v>
      </c>
      <c r="BT33" s="27">
        <v>0</v>
      </c>
      <c r="BU33" s="25">
        <v>875</v>
      </c>
      <c r="BV33" s="25">
        <v>0</v>
      </c>
      <c r="BW33" s="25">
        <v>4785</v>
      </c>
      <c r="BX33" s="25">
        <v>0</v>
      </c>
      <c r="BY33" s="25">
        <v>13350</v>
      </c>
      <c r="BZ33" s="28">
        <v>19010</v>
      </c>
      <c r="CA33" s="29">
        <v>19010</v>
      </c>
      <c r="CB33" s="24">
        <v>0</v>
      </c>
      <c r="CC33" s="25">
        <v>0</v>
      </c>
      <c r="CD33" s="26">
        <v>0</v>
      </c>
      <c r="CE33" s="27">
        <v>0</v>
      </c>
      <c r="CF33" s="25">
        <v>0</v>
      </c>
      <c r="CG33" s="25">
        <v>0</v>
      </c>
      <c r="CH33" s="25">
        <v>0</v>
      </c>
      <c r="CI33" s="25">
        <v>0</v>
      </c>
      <c r="CJ33" s="25">
        <v>0</v>
      </c>
      <c r="CK33" s="28">
        <v>0</v>
      </c>
      <c r="CL33" s="29">
        <v>0</v>
      </c>
      <c r="CM33" s="24">
        <v>0</v>
      </c>
      <c r="CN33" s="25">
        <v>0</v>
      </c>
      <c r="CO33" s="26">
        <v>0</v>
      </c>
      <c r="CP33" s="27">
        <v>0</v>
      </c>
      <c r="CQ33" s="25">
        <v>0</v>
      </c>
      <c r="CR33" s="25">
        <v>0</v>
      </c>
      <c r="CS33" s="25">
        <v>0</v>
      </c>
      <c r="CT33" s="25">
        <v>0</v>
      </c>
      <c r="CU33" s="25">
        <v>0</v>
      </c>
      <c r="CV33" s="28">
        <v>0</v>
      </c>
      <c r="CW33" s="29">
        <v>0</v>
      </c>
      <c r="CX33" s="24">
        <v>0</v>
      </c>
      <c r="CY33" s="25">
        <v>0</v>
      </c>
      <c r="CZ33" s="26">
        <v>0</v>
      </c>
      <c r="DA33" s="404">
        <v>0</v>
      </c>
      <c r="DB33" s="25">
        <v>0</v>
      </c>
      <c r="DC33" s="25">
        <v>0</v>
      </c>
      <c r="DD33" s="25">
        <v>0</v>
      </c>
      <c r="DE33" s="25">
        <v>0</v>
      </c>
      <c r="DF33" s="25">
        <v>0</v>
      </c>
      <c r="DG33" s="28">
        <v>0</v>
      </c>
      <c r="DH33" s="29">
        <v>0</v>
      </c>
      <c r="DI33" s="24">
        <v>0</v>
      </c>
      <c r="DJ33" s="25">
        <v>0</v>
      </c>
      <c r="DK33" s="26">
        <v>0</v>
      </c>
      <c r="DL33" s="27">
        <v>0</v>
      </c>
      <c r="DM33" s="25">
        <v>37030</v>
      </c>
      <c r="DN33" s="25">
        <v>32240</v>
      </c>
      <c r="DO33" s="25">
        <v>340159</v>
      </c>
      <c r="DP33" s="25">
        <v>362512</v>
      </c>
      <c r="DQ33" s="25">
        <v>212175</v>
      </c>
      <c r="DR33" s="28">
        <v>984116</v>
      </c>
      <c r="DS33" s="30">
        <v>984116</v>
      </c>
      <c r="DT33" s="24">
        <v>0</v>
      </c>
      <c r="DU33" s="25">
        <v>0</v>
      </c>
      <c r="DV33" s="26">
        <v>0</v>
      </c>
      <c r="DW33" s="404">
        <v>0</v>
      </c>
      <c r="DX33" s="25">
        <v>0</v>
      </c>
      <c r="DY33" s="25">
        <v>21576</v>
      </c>
      <c r="DZ33" s="25">
        <v>317781</v>
      </c>
      <c r="EA33" s="25">
        <v>362267</v>
      </c>
      <c r="EB33" s="25">
        <v>184078</v>
      </c>
      <c r="EC33" s="28">
        <v>885702</v>
      </c>
      <c r="ED33" s="29">
        <v>885702</v>
      </c>
      <c r="EE33" s="24">
        <v>0</v>
      </c>
      <c r="EF33" s="25">
        <v>0</v>
      </c>
      <c r="EG33" s="26">
        <v>0</v>
      </c>
      <c r="EH33" s="404">
        <v>0</v>
      </c>
      <c r="EI33" s="25">
        <v>34658</v>
      </c>
      <c r="EJ33" s="25">
        <v>10664</v>
      </c>
      <c r="EK33" s="25">
        <v>679</v>
      </c>
      <c r="EL33" s="25">
        <v>245</v>
      </c>
      <c r="EM33" s="25">
        <v>0</v>
      </c>
      <c r="EN33" s="28">
        <v>46246</v>
      </c>
      <c r="EO33" s="29">
        <v>46246</v>
      </c>
      <c r="EP33" s="24">
        <v>0</v>
      </c>
      <c r="EQ33" s="25">
        <v>0</v>
      </c>
      <c r="ER33" s="26">
        <v>0</v>
      </c>
      <c r="ES33" s="404">
        <v>0</v>
      </c>
      <c r="ET33" s="25">
        <v>0</v>
      </c>
      <c r="EU33" s="25">
        <v>0</v>
      </c>
      <c r="EV33" s="25">
        <v>0</v>
      </c>
      <c r="EW33" s="25">
        <v>0</v>
      </c>
      <c r="EX33" s="25">
        <v>0</v>
      </c>
      <c r="EY33" s="28">
        <v>0</v>
      </c>
      <c r="EZ33" s="29">
        <v>0</v>
      </c>
      <c r="FA33" s="24">
        <v>0</v>
      </c>
      <c r="FB33" s="25">
        <v>0</v>
      </c>
      <c r="FC33" s="26">
        <v>0</v>
      </c>
      <c r="FD33" s="404">
        <v>0</v>
      </c>
      <c r="FE33" s="25">
        <v>0</v>
      </c>
      <c r="FF33" s="25">
        <v>0</v>
      </c>
      <c r="FG33" s="25">
        <v>0</v>
      </c>
      <c r="FH33" s="25">
        <v>0</v>
      </c>
      <c r="FI33" s="25">
        <v>13547</v>
      </c>
      <c r="FJ33" s="28">
        <v>13547</v>
      </c>
      <c r="FK33" s="29">
        <v>13547</v>
      </c>
      <c r="FL33" s="24">
        <v>0</v>
      </c>
      <c r="FM33" s="25">
        <v>0</v>
      </c>
      <c r="FN33" s="26">
        <v>0</v>
      </c>
      <c r="FO33" s="404">
        <v>0</v>
      </c>
      <c r="FP33" s="25">
        <v>0</v>
      </c>
      <c r="FQ33" s="25">
        <v>0</v>
      </c>
      <c r="FR33" s="25">
        <v>0</v>
      </c>
      <c r="FS33" s="25">
        <v>0</v>
      </c>
      <c r="FT33" s="25">
        <v>0</v>
      </c>
      <c r="FU33" s="28">
        <v>0</v>
      </c>
      <c r="FV33" s="29">
        <v>0</v>
      </c>
      <c r="FW33" s="24">
        <v>0</v>
      </c>
      <c r="FX33" s="25">
        <v>0</v>
      </c>
      <c r="FY33" s="26">
        <v>0</v>
      </c>
      <c r="FZ33" s="27">
        <v>0</v>
      </c>
      <c r="GA33" s="25">
        <v>2372</v>
      </c>
      <c r="GB33" s="25">
        <v>0</v>
      </c>
      <c r="GC33" s="25">
        <v>21699</v>
      </c>
      <c r="GD33" s="25">
        <v>0</v>
      </c>
      <c r="GE33" s="25">
        <v>14550</v>
      </c>
      <c r="GF33" s="28">
        <v>38621</v>
      </c>
      <c r="GG33" s="29">
        <v>38621</v>
      </c>
      <c r="GH33" s="24">
        <v>0</v>
      </c>
      <c r="GI33" s="25">
        <v>0</v>
      </c>
      <c r="GJ33" s="26">
        <v>0</v>
      </c>
      <c r="GK33" s="27">
        <v>0</v>
      </c>
      <c r="GL33" s="25">
        <v>0</v>
      </c>
      <c r="GM33" s="25">
        <v>0</v>
      </c>
      <c r="GN33" s="25">
        <v>0</v>
      </c>
      <c r="GO33" s="25">
        <v>0</v>
      </c>
      <c r="GP33" s="25">
        <v>0</v>
      </c>
      <c r="GQ33" s="28">
        <v>0</v>
      </c>
      <c r="GR33" s="29">
        <v>0</v>
      </c>
      <c r="GS33" s="24">
        <v>0</v>
      </c>
      <c r="GT33" s="25">
        <v>0</v>
      </c>
      <c r="GU33" s="26">
        <v>0</v>
      </c>
      <c r="GV33" s="27">
        <v>0</v>
      </c>
      <c r="GW33" s="25">
        <v>0</v>
      </c>
      <c r="GX33" s="25">
        <v>0</v>
      </c>
      <c r="GY33" s="25">
        <v>0</v>
      </c>
      <c r="GZ33" s="25">
        <v>0</v>
      </c>
      <c r="HA33" s="25">
        <v>0</v>
      </c>
      <c r="HB33" s="28">
        <v>0</v>
      </c>
      <c r="HC33" s="29">
        <v>0</v>
      </c>
      <c r="HD33" s="24">
        <v>0</v>
      </c>
      <c r="HE33" s="25">
        <v>0</v>
      </c>
      <c r="HF33" s="26">
        <v>0</v>
      </c>
      <c r="HG33" s="404">
        <v>0</v>
      </c>
      <c r="HH33" s="25">
        <v>0</v>
      </c>
      <c r="HI33" s="25">
        <v>0</v>
      </c>
      <c r="HJ33" s="25">
        <v>0</v>
      </c>
      <c r="HK33" s="25">
        <v>0</v>
      </c>
      <c r="HL33" s="25">
        <v>0</v>
      </c>
      <c r="HM33" s="28">
        <v>0</v>
      </c>
      <c r="HN33" s="29">
        <v>0</v>
      </c>
      <c r="HO33" s="24">
        <v>0</v>
      </c>
      <c r="HP33" s="25">
        <v>0</v>
      </c>
      <c r="HQ33" s="26">
        <v>0</v>
      </c>
      <c r="HR33" s="27">
        <v>0</v>
      </c>
      <c r="HS33" s="25">
        <v>103160</v>
      </c>
      <c r="HT33" s="25">
        <v>64790</v>
      </c>
      <c r="HU33" s="25">
        <v>640564</v>
      </c>
      <c r="HV33" s="25">
        <v>687687</v>
      </c>
      <c r="HW33" s="25">
        <v>421600</v>
      </c>
      <c r="HX33" s="28">
        <v>1917801</v>
      </c>
      <c r="HY33" s="29">
        <v>1917801</v>
      </c>
    </row>
    <row r="34" spans="2:233" ht="21" customHeight="1" x14ac:dyDescent="0.2">
      <c r="B34" s="106" t="s">
        <v>31</v>
      </c>
      <c r="C34" s="24">
        <v>0</v>
      </c>
      <c r="D34" s="25">
        <v>0</v>
      </c>
      <c r="E34" s="26">
        <v>0</v>
      </c>
      <c r="F34" s="27">
        <v>0</v>
      </c>
      <c r="G34" s="25">
        <v>38265</v>
      </c>
      <c r="H34" s="25">
        <v>99005</v>
      </c>
      <c r="I34" s="25">
        <v>178130</v>
      </c>
      <c r="J34" s="25">
        <v>163021</v>
      </c>
      <c r="K34" s="25">
        <v>213930</v>
      </c>
      <c r="L34" s="28">
        <v>692351</v>
      </c>
      <c r="M34" s="29">
        <v>692351</v>
      </c>
      <c r="N34" s="24">
        <v>0</v>
      </c>
      <c r="O34" s="25">
        <v>0</v>
      </c>
      <c r="P34" s="26">
        <v>0</v>
      </c>
      <c r="Q34" s="404">
        <v>0</v>
      </c>
      <c r="R34" s="25">
        <v>2635</v>
      </c>
      <c r="S34" s="25">
        <v>2635</v>
      </c>
      <c r="T34" s="25">
        <v>170225</v>
      </c>
      <c r="U34" s="25">
        <v>120866</v>
      </c>
      <c r="V34" s="25">
        <v>122035</v>
      </c>
      <c r="W34" s="28">
        <v>418396</v>
      </c>
      <c r="X34" s="29">
        <v>418396</v>
      </c>
      <c r="Y34" s="24">
        <v>0</v>
      </c>
      <c r="Z34" s="25">
        <v>0</v>
      </c>
      <c r="AA34" s="26">
        <v>0</v>
      </c>
      <c r="AB34" s="404">
        <v>0</v>
      </c>
      <c r="AC34" s="25">
        <v>2635</v>
      </c>
      <c r="AD34" s="25">
        <v>51925</v>
      </c>
      <c r="AE34" s="25">
        <v>7905</v>
      </c>
      <c r="AF34" s="25">
        <v>35340</v>
      </c>
      <c r="AG34" s="25">
        <v>59190</v>
      </c>
      <c r="AH34" s="28">
        <v>156995</v>
      </c>
      <c r="AI34" s="29">
        <v>156995</v>
      </c>
      <c r="AJ34" s="24">
        <v>0</v>
      </c>
      <c r="AK34" s="25">
        <v>0</v>
      </c>
      <c r="AL34" s="26">
        <v>0</v>
      </c>
      <c r="AM34" s="404">
        <v>0</v>
      </c>
      <c r="AN34" s="25">
        <v>0</v>
      </c>
      <c r="AO34" s="25">
        <v>0</v>
      </c>
      <c r="AP34" s="25">
        <v>0</v>
      </c>
      <c r="AQ34" s="25">
        <v>0</v>
      </c>
      <c r="AR34" s="25">
        <v>0</v>
      </c>
      <c r="AS34" s="28">
        <v>0</v>
      </c>
      <c r="AT34" s="29">
        <v>0</v>
      </c>
      <c r="AU34" s="24">
        <v>0</v>
      </c>
      <c r="AV34" s="25">
        <v>0</v>
      </c>
      <c r="AW34" s="26">
        <v>0</v>
      </c>
      <c r="AX34" s="404">
        <v>0</v>
      </c>
      <c r="AY34" s="25">
        <v>32705</v>
      </c>
      <c r="AZ34" s="25">
        <v>0</v>
      </c>
      <c r="BA34" s="25">
        <v>0</v>
      </c>
      <c r="BB34" s="25">
        <v>0</v>
      </c>
      <c r="BC34" s="25">
        <v>32705</v>
      </c>
      <c r="BD34" s="28">
        <v>65410</v>
      </c>
      <c r="BE34" s="29">
        <v>65410</v>
      </c>
      <c r="BF34" s="24">
        <v>0</v>
      </c>
      <c r="BG34" s="25">
        <v>0</v>
      </c>
      <c r="BH34" s="26">
        <v>0</v>
      </c>
      <c r="BI34" s="404">
        <v>0</v>
      </c>
      <c r="BJ34" s="25">
        <v>0</v>
      </c>
      <c r="BK34" s="25">
        <v>0</v>
      </c>
      <c r="BL34" s="25">
        <v>0</v>
      </c>
      <c r="BM34" s="25">
        <v>0</v>
      </c>
      <c r="BN34" s="25">
        <v>0</v>
      </c>
      <c r="BO34" s="28">
        <v>0</v>
      </c>
      <c r="BP34" s="29">
        <v>0</v>
      </c>
      <c r="BQ34" s="24">
        <v>0</v>
      </c>
      <c r="BR34" s="25">
        <v>0</v>
      </c>
      <c r="BS34" s="26">
        <v>0</v>
      </c>
      <c r="BT34" s="27">
        <v>0</v>
      </c>
      <c r="BU34" s="25">
        <v>290</v>
      </c>
      <c r="BV34" s="25">
        <v>44445</v>
      </c>
      <c r="BW34" s="25">
        <v>0</v>
      </c>
      <c r="BX34" s="25">
        <v>5510</v>
      </c>
      <c r="BY34" s="25">
        <v>0</v>
      </c>
      <c r="BZ34" s="28">
        <v>50245</v>
      </c>
      <c r="CA34" s="29">
        <v>50245</v>
      </c>
      <c r="CB34" s="24">
        <v>0</v>
      </c>
      <c r="CC34" s="25">
        <v>0</v>
      </c>
      <c r="CD34" s="26">
        <v>0</v>
      </c>
      <c r="CE34" s="27">
        <v>0</v>
      </c>
      <c r="CF34" s="25">
        <v>0</v>
      </c>
      <c r="CG34" s="25">
        <v>0</v>
      </c>
      <c r="CH34" s="25">
        <v>0</v>
      </c>
      <c r="CI34" s="25">
        <v>1305</v>
      </c>
      <c r="CJ34" s="25">
        <v>0</v>
      </c>
      <c r="CK34" s="28">
        <v>1305</v>
      </c>
      <c r="CL34" s="29">
        <v>1305</v>
      </c>
      <c r="CM34" s="24">
        <v>0</v>
      </c>
      <c r="CN34" s="25">
        <v>0</v>
      </c>
      <c r="CO34" s="26">
        <v>0</v>
      </c>
      <c r="CP34" s="27">
        <v>0</v>
      </c>
      <c r="CQ34" s="25">
        <v>0</v>
      </c>
      <c r="CR34" s="25">
        <v>0</v>
      </c>
      <c r="CS34" s="25">
        <v>0</v>
      </c>
      <c r="CT34" s="25">
        <v>0</v>
      </c>
      <c r="CU34" s="25">
        <v>0</v>
      </c>
      <c r="CV34" s="28">
        <v>0</v>
      </c>
      <c r="CW34" s="29">
        <v>0</v>
      </c>
      <c r="CX34" s="24">
        <v>0</v>
      </c>
      <c r="CY34" s="25">
        <v>0</v>
      </c>
      <c r="CZ34" s="26">
        <v>0</v>
      </c>
      <c r="DA34" s="404">
        <v>0</v>
      </c>
      <c r="DB34" s="25">
        <v>0</v>
      </c>
      <c r="DC34" s="25">
        <v>0</v>
      </c>
      <c r="DD34" s="25">
        <v>0</v>
      </c>
      <c r="DE34" s="25">
        <v>0</v>
      </c>
      <c r="DF34" s="25">
        <v>0</v>
      </c>
      <c r="DG34" s="28">
        <v>0</v>
      </c>
      <c r="DH34" s="29">
        <v>0</v>
      </c>
      <c r="DI34" s="24">
        <v>0</v>
      </c>
      <c r="DJ34" s="25">
        <v>0</v>
      </c>
      <c r="DK34" s="26">
        <v>0</v>
      </c>
      <c r="DL34" s="27">
        <v>0</v>
      </c>
      <c r="DM34" s="25">
        <v>16522</v>
      </c>
      <c r="DN34" s="25">
        <v>50951</v>
      </c>
      <c r="DO34" s="25">
        <v>222660</v>
      </c>
      <c r="DP34" s="25">
        <v>228008</v>
      </c>
      <c r="DQ34" s="25">
        <v>213635</v>
      </c>
      <c r="DR34" s="28">
        <v>731776</v>
      </c>
      <c r="DS34" s="30">
        <v>731776</v>
      </c>
      <c r="DT34" s="24">
        <v>0</v>
      </c>
      <c r="DU34" s="25">
        <v>0</v>
      </c>
      <c r="DV34" s="26">
        <v>0</v>
      </c>
      <c r="DW34" s="404">
        <v>0</v>
      </c>
      <c r="DX34" s="25">
        <v>15035</v>
      </c>
      <c r="DY34" s="25">
        <v>15035</v>
      </c>
      <c r="DZ34" s="25">
        <v>222009</v>
      </c>
      <c r="EA34" s="25">
        <v>211327</v>
      </c>
      <c r="EB34" s="25">
        <v>212774</v>
      </c>
      <c r="EC34" s="28">
        <v>676180</v>
      </c>
      <c r="ED34" s="29">
        <v>676180</v>
      </c>
      <c r="EE34" s="24">
        <v>0</v>
      </c>
      <c r="EF34" s="25">
        <v>0</v>
      </c>
      <c r="EG34" s="26">
        <v>0</v>
      </c>
      <c r="EH34" s="404">
        <v>0</v>
      </c>
      <c r="EI34" s="25">
        <v>217</v>
      </c>
      <c r="EJ34" s="25">
        <v>651</v>
      </c>
      <c r="EK34" s="25">
        <v>651</v>
      </c>
      <c r="EL34" s="25">
        <v>434</v>
      </c>
      <c r="EM34" s="25">
        <v>644</v>
      </c>
      <c r="EN34" s="28">
        <v>2597</v>
      </c>
      <c r="EO34" s="29">
        <v>2597</v>
      </c>
      <c r="EP34" s="24">
        <v>0</v>
      </c>
      <c r="EQ34" s="25">
        <v>0</v>
      </c>
      <c r="ER34" s="26">
        <v>0</v>
      </c>
      <c r="ES34" s="404">
        <v>0</v>
      </c>
      <c r="ET34" s="25">
        <v>0</v>
      </c>
      <c r="EU34" s="25">
        <v>0</v>
      </c>
      <c r="EV34" s="25">
        <v>0</v>
      </c>
      <c r="EW34" s="25">
        <v>0</v>
      </c>
      <c r="EX34" s="25">
        <v>0</v>
      </c>
      <c r="EY34" s="28">
        <v>0</v>
      </c>
      <c r="EZ34" s="29">
        <v>0</v>
      </c>
      <c r="FA34" s="24">
        <v>0</v>
      </c>
      <c r="FB34" s="25">
        <v>0</v>
      </c>
      <c r="FC34" s="26">
        <v>0</v>
      </c>
      <c r="FD34" s="404">
        <v>0</v>
      </c>
      <c r="FE34" s="25">
        <v>217</v>
      </c>
      <c r="FF34" s="25">
        <v>0</v>
      </c>
      <c r="FG34" s="25">
        <v>0</v>
      </c>
      <c r="FH34" s="25">
        <v>0</v>
      </c>
      <c r="FI34" s="25">
        <v>217</v>
      </c>
      <c r="FJ34" s="28">
        <v>434</v>
      </c>
      <c r="FK34" s="29">
        <v>434</v>
      </c>
      <c r="FL34" s="24">
        <v>0</v>
      </c>
      <c r="FM34" s="25">
        <v>0</v>
      </c>
      <c r="FN34" s="26">
        <v>0</v>
      </c>
      <c r="FO34" s="404">
        <v>0</v>
      </c>
      <c r="FP34" s="25">
        <v>0</v>
      </c>
      <c r="FQ34" s="25">
        <v>0</v>
      </c>
      <c r="FR34" s="25">
        <v>0</v>
      </c>
      <c r="FS34" s="25">
        <v>0</v>
      </c>
      <c r="FT34" s="25">
        <v>0</v>
      </c>
      <c r="FU34" s="28">
        <v>0</v>
      </c>
      <c r="FV34" s="29">
        <v>0</v>
      </c>
      <c r="FW34" s="24">
        <v>0</v>
      </c>
      <c r="FX34" s="25">
        <v>0</v>
      </c>
      <c r="FY34" s="26">
        <v>0</v>
      </c>
      <c r="FZ34" s="27">
        <v>0</v>
      </c>
      <c r="GA34" s="25">
        <v>1053</v>
      </c>
      <c r="GB34" s="25">
        <v>35265</v>
      </c>
      <c r="GC34" s="25">
        <v>0</v>
      </c>
      <c r="GD34" s="25">
        <v>16184</v>
      </c>
      <c r="GE34" s="25">
        <v>0</v>
      </c>
      <c r="GF34" s="28">
        <v>52502</v>
      </c>
      <c r="GG34" s="29">
        <v>52502</v>
      </c>
      <c r="GH34" s="24">
        <v>0</v>
      </c>
      <c r="GI34" s="25">
        <v>0</v>
      </c>
      <c r="GJ34" s="26">
        <v>0</v>
      </c>
      <c r="GK34" s="27">
        <v>0</v>
      </c>
      <c r="GL34" s="25">
        <v>0</v>
      </c>
      <c r="GM34" s="25">
        <v>0</v>
      </c>
      <c r="GN34" s="25">
        <v>0</v>
      </c>
      <c r="GO34" s="25">
        <v>63</v>
      </c>
      <c r="GP34" s="25">
        <v>0</v>
      </c>
      <c r="GQ34" s="28">
        <v>63</v>
      </c>
      <c r="GR34" s="29">
        <v>63</v>
      </c>
      <c r="GS34" s="24">
        <v>0</v>
      </c>
      <c r="GT34" s="25">
        <v>0</v>
      </c>
      <c r="GU34" s="26">
        <v>0</v>
      </c>
      <c r="GV34" s="27">
        <v>0</v>
      </c>
      <c r="GW34" s="25">
        <v>0</v>
      </c>
      <c r="GX34" s="25">
        <v>0</v>
      </c>
      <c r="GY34" s="25">
        <v>0</v>
      </c>
      <c r="GZ34" s="25">
        <v>0</v>
      </c>
      <c r="HA34" s="25">
        <v>0</v>
      </c>
      <c r="HB34" s="28">
        <v>0</v>
      </c>
      <c r="HC34" s="29">
        <v>0</v>
      </c>
      <c r="HD34" s="24">
        <v>0</v>
      </c>
      <c r="HE34" s="25">
        <v>0</v>
      </c>
      <c r="HF34" s="26">
        <v>0</v>
      </c>
      <c r="HG34" s="404">
        <v>0</v>
      </c>
      <c r="HH34" s="25">
        <v>0</v>
      </c>
      <c r="HI34" s="25">
        <v>0</v>
      </c>
      <c r="HJ34" s="25">
        <v>0</v>
      </c>
      <c r="HK34" s="25">
        <v>0</v>
      </c>
      <c r="HL34" s="25">
        <v>0</v>
      </c>
      <c r="HM34" s="28">
        <v>0</v>
      </c>
      <c r="HN34" s="29">
        <v>0</v>
      </c>
      <c r="HO34" s="24">
        <v>0</v>
      </c>
      <c r="HP34" s="25">
        <v>0</v>
      </c>
      <c r="HQ34" s="26">
        <v>0</v>
      </c>
      <c r="HR34" s="27">
        <v>0</v>
      </c>
      <c r="HS34" s="25">
        <v>54787</v>
      </c>
      <c r="HT34" s="25">
        <v>149956</v>
      </c>
      <c r="HU34" s="25">
        <v>400790</v>
      </c>
      <c r="HV34" s="25">
        <v>391029</v>
      </c>
      <c r="HW34" s="25">
        <v>427565</v>
      </c>
      <c r="HX34" s="28">
        <v>1424127</v>
      </c>
      <c r="HY34" s="29">
        <v>1424127</v>
      </c>
    </row>
    <row r="35" spans="2:233" ht="21" customHeight="1" x14ac:dyDescent="0.2">
      <c r="B35" s="106" t="s">
        <v>32</v>
      </c>
      <c r="C35" s="24">
        <v>0</v>
      </c>
      <c r="D35" s="25">
        <v>0</v>
      </c>
      <c r="E35" s="26">
        <v>0</v>
      </c>
      <c r="F35" s="27">
        <v>0</v>
      </c>
      <c r="G35" s="25">
        <v>32705</v>
      </c>
      <c r="H35" s="25">
        <v>125830</v>
      </c>
      <c r="I35" s="25">
        <v>215295</v>
      </c>
      <c r="J35" s="25">
        <v>443278</v>
      </c>
      <c r="K35" s="25">
        <v>168485</v>
      </c>
      <c r="L35" s="28">
        <v>985593</v>
      </c>
      <c r="M35" s="29">
        <v>985593</v>
      </c>
      <c r="N35" s="24">
        <v>0</v>
      </c>
      <c r="O35" s="25">
        <v>0</v>
      </c>
      <c r="P35" s="26">
        <v>0</v>
      </c>
      <c r="Q35" s="404">
        <v>0</v>
      </c>
      <c r="R35" s="25">
        <v>0</v>
      </c>
      <c r="S35" s="25">
        <v>0</v>
      </c>
      <c r="T35" s="25">
        <v>103370</v>
      </c>
      <c r="U35" s="25">
        <v>277118</v>
      </c>
      <c r="V35" s="25">
        <v>103230</v>
      </c>
      <c r="W35" s="28">
        <v>483718</v>
      </c>
      <c r="X35" s="29">
        <v>483718</v>
      </c>
      <c r="Y35" s="24">
        <v>0</v>
      </c>
      <c r="Z35" s="25">
        <v>0</v>
      </c>
      <c r="AA35" s="26">
        <v>0</v>
      </c>
      <c r="AB35" s="404">
        <v>0</v>
      </c>
      <c r="AC35" s="25">
        <v>32705</v>
      </c>
      <c r="AD35" s="25">
        <v>125395</v>
      </c>
      <c r="AE35" s="25">
        <v>5270</v>
      </c>
      <c r="AF35" s="25">
        <v>106175</v>
      </c>
      <c r="AG35" s="25">
        <v>2635</v>
      </c>
      <c r="AH35" s="28">
        <v>272180</v>
      </c>
      <c r="AI35" s="29">
        <v>272180</v>
      </c>
      <c r="AJ35" s="24">
        <v>0</v>
      </c>
      <c r="AK35" s="25">
        <v>0</v>
      </c>
      <c r="AL35" s="26">
        <v>0</v>
      </c>
      <c r="AM35" s="404">
        <v>0</v>
      </c>
      <c r="AN35" s="25">
        <v>0</v>
      </c>
      <c r="AO35" s="25">
        <v>0</v>
      </c>
      <c r="AP35" s="25">
        <v>0</v>
      </c>
      <c r="AQ35" s="25">
        <v>0</v>
      </c>
      <c r="AR35" s="25">
        <v>0</v>
      </c>
      <c r="AS35" s="28">
        <v>0</v>
      </c>
      <c r="AT35" s="29">
        <v>0</v>
      </c>
      <c r="AU35" s="24">
        <v>0</v>
      </c>
      <c r="AV35" s="25">
        <v>0</v>
      </c>
      <c r="AW35" s="26">
        <v>0</v>
      </c>
      <c r="AX35" s="404">
        <v>0</v>
      </c>
      <c r="AY35" s="25">
        <v>0</v>
      </c>
      <c r="AZ35" s="25">
        <v>0</v>
      </c>
      <c r="BA35" s="25">
        <v>0</v>
      </c>
      <c r="BB35" s="25">
        <v>0</v>
      </c>
      <c r="BC35" s="25">
        <v>32705</v>
      </c>
      <c r="BD35" s="28">
        <v>32705</v>
      </c>
      <c r="BE35" s="29">
        <v>32705</v>
      </c>
      <c r="BF35" s="24">
        <v>0</v>
      </c>
      <c r="BG35" s="25">
        <v>0</v>
      </c>
      <c r="BH35" s="26">
        <v>0</v>
      </c>
      <c r="BI35" s="404">
        <v>0</v>
      </c>
      <c r="BJ35" s="25">
        <v>0</v>
      </c>
      <c r="BK35" s="25">
        <v>0</v>
      </c>
      <c r="BL35" s="25">
        <v>100905</v>
      </c>
      <c r="BM35" s="25">
        <v>59985</v>
      </c>
      <c r="BN35" s="25">
        <v>29915</v>
      </c>
      <c r="BO35" s="28">
        <v>190805</v>
      </c>
      <c r="BP35" s="29">
        <v>190805</v>
      </c>
      <c r="BQ35" s="24">
        <v>0</v>
      </c>
      <c r="BR35" s="25">
        <v>0</v>
      </c>
      <c r="BS35" s="26">
        <v>0</v>
      </c>
      <c r="BT35" s="27">
        <v>0</v>
      </c>
      <c r="BU35" s="25">
        <v>0</v>
      </c>
      <c r="BV35" s="25">
        <v>0</v>
      </c>
      <c r="BW35" s="25">
        <v>5750</v>
      </c>
      <c r="BX35" s="25">
        <v>0</v>
      </c>
      <c r="BY35" s="25">
        <v>0</v>
      </c>
      <c r="BZ35" s="28">
        <v>5750</v>
      </c>
      <c r="CA35" s="29">
        <v>5750</v>
      </c>
      <c r="CB35" s="24">
        <v>0</v>
      </c>
      <c r="CC35" s="25">
        <v>0</v>
      </c>
      <c r="CD35" s="26">
        <v>0</v>
      </c>
      <c r="CE35" s="27">
        <v>0</v>
      </c>
      <c r="CF35" s="25">
        <v>0</v>
      </c>
      <c r="CG35" s="25">
        <v>435</v>
      </c>
      <c r="CH35" s="25">
        <v>0</v>
      </c>
      <c r="CI35" s="25">
        <v>0</v>
      </c>
      <c r="CJ35" s="25">
        <v>0</v>
      </c>
      <c r="CK35" s="28">
        <v>435</v>
      </c>
      <c r="CL35" s="29">
        <v>435</v>
      </c>
      <c r="CM35" s="24">
        <v>0</v>
      </c>
      <c r="CN35" s="25">
        <v>0</v>
      </c>
      <c r="CO35" s="26">
        <v>0</v>
      </c>
      <c r="CP35" s="27">
        <v>0</v>
      </c>
      <c r="CQ35" s="25">
        <v>0</v>
      </c>
      <c r="CR35" s="25">
        <v>0</v>
      </c>
      <c r="CS35" s="25">
        <v>0</v>
      </c>
      <c r="CT35" s="25">
        <v>0</v>
      </c>
      <c r="CU35" s="25">
        <v>0</v>
      </c>
      <c r="CV35" s="28">
        <v>0</v>
      </c>
      <c r="CW35" s="29">
        <v>0</v>
      </c>
      <c r="CX35" s="24">
        <v>0</v>
      </c>
      <c r="CY35" s="25">
        <v>0</v>
      </c>
      <c r="CZ35" s="26">
        <v>0</v>
      </c>
      <c r="DA35" s="404">
        <v>0</v>
      </c>
      <c r="DB35" s="25">
        <v>0</v>
      </c>
      <c r="DC35" s="25">
        <v>0</v>
      </c>
      <c r="DD35" s="25">
        <v>0</v>
      </c>
      <c r="DE35" s="25">
        <v>0</v>
      </c>
      <c r="DF35" s="25">
        <v>0</v>
      </c>
      <c r="DG35" s="28">
        <v>0</v>
      </c>
      <c r="DH35" s="29">
        <v>0</v>
      </c>
      <c r="DI35" s="24">
        <v>0</v>
      </c>
      <c r="DJ35" s="25">
        <v>0</v>
      </c>
      <c r="DK35" s="26">
        <v>0</v>
      </c>
      <c r="DL35" s="27">
        <v>0</v>
      </c>
      <c r="DM35" s="25">
        <v>2323</v>
      </c>
      <c r="DN35" s="25">
        <v>2735</v>
      </c>
      <c r="DO35" s="25">
        <v>230190</v>
      </c>
      <c r="DP35" s="25">
        <v>508392</v>
      </c>
      <c r="DQ35" s="25">
        <v>183861</v>
      </c>
      <c r="DR35" s="28">
        <v>927501</v>
      </c>
      <c r="DS35" s="30">
        <v>927501</v>
      </c>
      <c r="DT35" s="24">
        <v>0</v>
      </c>
      <c r="DU35" s="25">
        <v>0</v>
      </c>
      <c r="DV35" s="26">
        <v>0</v>
      </c>
      <c r="DW35" s="404">
        <v>0</v>
      </c>
      <c r="DX35" s="25">
        <v>0</v>
      </c>
      <c r="DY35" s="25">
        <v>0</v>
      </c>
      <c r="DZ35" s="25">
        <v>116870</v>
      </c>
      <c r="EA35" s="25">
        <v>415361</v>
      </c>
      <c r="EB35" s="25">
        <v>139903</v>
      </c>
      <c r="EC35" s="28">
        <v>672134</v>
      </c>
      <c r="ED35" s="29">
        <v>672134</v>
      </c>
      <c r="EE35" s="24">
        <v>0</v>
      </c>
      <c r="EF35" s="25">
        <v>0</v>
      </c>
      <c r="EG35" s="26">
        <v>0</v>
      </c>
      <c r="EH35" s="404">
        <v>0</v>
      </c>
      <c r="EI35" s="25">
        <v>217</v>
      </c>
      <c r="EJ35" s="25">
        <v>1085</v>
      </c>
      <c r="EK35" s="25">
        <v>434</v>
      </c>
      <c r="EL35" s="25">
        <v>47988</v>
      </c>
      <c r="EM35" s="25">
        <v>11098</v>
      </c>
      <c r="EN35" s="28">
        <v>60822</v>
      </c>
      <c r="EO35" s="29">
        <v>60822</v>
      </c>
      <c r="EP35" s="24">
        <v>0</v>
      </c>
      <c r="EQ35" s="25">
        <v>0</v>
      </c>
      <c r="ER35" s="26">
        <v>0</v>
      </c>
      <c r="ES35" s="404">
        <v>0</v>
      </c>
      <c r="ET35" s="25">
        <v>0</v>
      </c>
      <c r="EU35" s="25">
        <v>0</v>
      </c>
      <c r="EV35" s="25">
        <v>0</v>
      </c>
      <c r="EW35" s="25">
        <v>0</v>
      </c>
      <c r="EX35" s="25">
        <v>0</v>
      </c>
      <c r="EY35" s="28">
        <v>0</v>
      </c>
      <c r="EZ35" s="29">
        <v>0</v>
      </c>
      <c r="FA35" s="24">
        <v>0</v>
      </c>
      <c r="FB35" s="25">
        <v>0</v>
      </c>
      <c r="FC35" s="26">
        <v>0</v>
      </c>
      <c r="FD35" s="404">
        <v>0</v>
      </c>
      <c r="FE35" s="25">
        <v>0</v>
      </c>
      <c r="FF35" s="25">
        <v>0</v>
      </c>
      <c r="FG35" s="25">
        <v>0</v>
      </c>
      <c r="FH35" s="25">
        <v>0</v>
      </c>
      <c r="FI35" s="25">
        <v>217</v>
      </c>
      <c r="FJ35" s="28">
        <v>217</v>
      </c>
      <c r="FK35" s="29">
        <v>217</v>
      </c>
      <c r="FL35" s="24">
        <v>0</v>
      </c>
      <c r="FM35" s="25">
        <v>0</v>
      </c>
      <c r="FN35" s="26">
        <v>0</v>
      </c>
      <c r="FO35" s="404">
        <v>0</v>
      </c>
      <c r="FP35" s="25">
        <v>0</v>
      </c>
      <c r="FQ35" s="25">
        <v>0</v>
      </c>
      <c r="FR35" s="25">
        <v>96100</v>
      </c>
      <c r="FS35" s="25">
        <v>45043</v>
      </c>
      <c r="FT35" s="25">
        <v>32643</v>
      </c>
      <c r="FU35" s="28">
        <v>173786</v>
      </c>
      <c r="FV35" s="29">
        <v>173786</v>
      </c>
      <c r="FW35" s="24">
        <v>0</v>
      </c>
      <c r="FX35" s="25">
        <v>0</v>
      </c>
      <c r="FY35" s="26">
        <v>0</v>
      </c>
      <c r="FZ35" s="27">
        <v>0</v>
      </c>
      <c r="GA35" s="25">
        <v>2106</v>
      </c>
      <c r="GB35" s="25">
        <v>0</v>
      </c>
      <c r="GC35" s="25">
        <v>16786</v>
      </c>
      <c r="GD35" s="25">
        <v>0</v>
      </c>
      <c r="GE35" s="25">
        <v>0</v>
      </c>
      <c r="GF35" s="28">
        <v>18892</v>
      </c>
      <c r="GG35" s="29">
        <v>18892</v>
      </c>
      <c r="GH35" s="24">
        <v>0</v>
      </c>
      <c r="GI35" s="25">
        <v>0</v>
      </c>
      <c r="GJ35" s="26">
        <v>0</v>
      </c>
      <c r="GK35" s="27">
        <v>0</v>
      </c>
      <c r="GL35" s="25">
        <v>0</v>
      </c>
      <c r="GM35" s="25">
        <v>1650</v>
      </c>
      <c r="GN35" s="25">
        <v>0</v>
      </c>
      <c r="GO35" s="25">
        <v>0</v>
      </c>
      <c r="GP35" s="25">
        <v>0</v>
      </c>
      <c r="GQ35" s="28">
        <v>1650</v>
      </c>
      <c r="GR35" s="29">
        <v>1650</v>
      </c>
      <c r="GS35" s="24">
        <v>0</v>
      </c>
      <c r="GT35" s="25">
        <v>0</v>
      </c>
      <c r="GU35" s="26">
        <v>0</v>
      </c>
      <c r="GV35" s="27">
        <v>0</v>
      </c>
      <c r="GW35" s="25">
        <v>0</v>
      </c>
      <c r="GX35" s="25">
        <v>0</v>
      </c>
      <c r="GY35" s="25">
        <v>0</v>
      </c>
      <c r="GZ35" s="25">
        <v>0</v>
      </c>
      <c r="HA35" s="25">
        <v>0</v>
      </c>
      <c r="HB35" s="28">
        <v>0</v>
      </c>
      <c r="HC35" s="29">
        <v>0</v>
      </c>
      <c r="HD35" s="24">
        <v>0</v>
      </c>
      <c r="HE35" s="25">
        <v>0</v>
      </c>
      <c r="HF35" s="26">
        <v>0</v>
      </c>
      <c r="HG35" s="404">
        <v>0</v>
      </c>
      <c r="HH35" s="25">
        <v>0</v>
      </c>
      <c r="HI35" s="25">
        <v>0</v>
      </c>
      <c r="HJ35" s="25">
        <v>0</v>
      </c>
      <c r="HK35" s="25">
        <v>0</v>
      </c>
      <c r="HL35" s="25">
        <v>0</v>
      </c>
      <c r="HM35" s="28">
        <v>0</v>
      </c>
      <c r="HN35" s="29">
        <v>0</v>
      </c>
      <c r="HO35" s="24">
        <v>0</v>
      </c>
      <c r="HP35" s="25">
        <v>0</v>
      </c>
      <c r="HQ35" s="26">
        <v>0</v>
      </c>
      <c r="HR35" s="27">
        <v>0</v>
      </c>
      <c r="HS35" s="25">
        <v>35028</v>
      </c>
      <c r="HT35" s="25">
        <v>128565</v>
      </c>
      <c r="HU35" s="25">
        <v>445485</v>
      </c>
      <c r="HV35" s="25">
        <v>951670</v>
      </c>
      <c r="HW35" s="25">
        <v>352346</v>
      </c>
      <c r="HX35" s="28">
        <v>1913094</v>
      </c>
      <c r="HY35" s="29">
        <v>1913094</v>
      </c>
    </row>
    <row r="36" spans="2:233" ht="21" customHeight="1" x14ac:dyDescent="0.2">
      <c r="B36" s="106" t="s">
        <v>33</v>
      </c>
      <c r="C36" s="24">
        <v>0</v>
      </c>
      <c r="D36" s="25">
        <v>0</v>
      </c>
      <c r="E36" s="26">
        <v>0</v>
      </c>
      <c r="F36" s="27">
        <v>0</v>
      </c>
      <c r="G36" s="25">
        <v>48300</v>
      </c>
      <c r="H36" s="25">
        <v>260675</v>
      </c>
      <c r="I36" s="25">
        <v>499155</v>
      </c>
      <c r="J36" s="25">
        <v>643000</v>
      </c>
      <c r="K36" s="25">
        <v>166360</v>
      </c>
      <c r="L36" s="28">
        <v>1617490</v>
      </c>
      <c r="M36" s="29">
        <v>1617490</v>
      </c>
      <c r="N36" s="24">
        <v>0</v>
      </c>
      <c r="O36" s="25">
        <v>0</v>
      </c>
      <c r="P36" s="26">
        <v>0</v>
      </c>
      <c r="Q36" s="404">
        <v>0</v>
      </c>
      <c r="R36" s="25">
        <v>2635</v>
      </c>
      <c r="S36" s="25">
        <v>59985</v>
      </c>
      <c r="T36" s="25">
        <v>373240</v>
      </c>
      <c r="U36" s="25">
        <v>416545</v>
      </c>
      <c r="V36" s="25">
        <v>123115</v>
      </c>
      <c r="W36" s="28">
        <v>975520</v>
      </c>
      <c r="X36" s="29">
        <v>975520</v>
      </c>
      <c r="Y36" s="24">
        <v>0</v>
      </c>
      <c r="Z36" s="25">
        <v>0</v>
      </c>
      <c r="AA36" s="26">
        <v>0</v>
      </c>
      <c r="AB36" s="404">
        <v>0</v>
      </c>
      <c r="AC36" s="25">
        <v>37975</v>
      </c>
      <c r="AD36" s="25">
        <v>120125</v>
      </c>
      <c r="AE36" s="25">
        <v>68565</v>
      </c>
      <c r="AF36" s="25">
        <v>125550</v>
      </c>
      <c r="AG36" s="25">
        <v>2635</v>
      </c>
      <c r="AH36" s="28">
        <v>354850</v>
      </c>
      <c r="AI36" s="29">
        <v>354850</v>
      </c>
      <c r="AJ36" s="24">
        <v>0</v>
      </c>
      <c r="AK36" s="25">
        <v>0</v>
      </c>
      <c r="AL36" s="26">
        <v>0</v>
      </c>
      <c r="AM36" s="404">
        <v>0</v>
      </c>
      <c r="AN36" s="25">
        <v>0</v>
      </c>
      <c r="AO36" s="25">
        <v>0</v>
      </c>
      <c r="AP36" s="25">
        <v>0</v>
      </c>
      <c r="AQ36" s="25">
        <v>0</v>
      </c>
      <c r="AR36" s="25">
        <v>0</v>
      </c>
      <c r="AS36" s="28">
        <v>0</v>
      </c>
      <c r="AT36" s="29">
        <v>0</v>
      </c>
      <c r="AU36" s="24">
        <v>0</v>
      </c>
      <c r="AV36" s="25">
        <v>0</v>
      </c>
      <c r="AW36" s="26">
        <v>0</v>
      </c>
      <c r="AX36" s="404">
        <v>0</v>
      </c>
      <c r="AY36" s="25">
        <v>0</v>
      </c>
      <c r="AZ36" s="25">
        <v>60140</v>
      </c>
      <c r="BA36" s="25">
        <v>57350</v>
      </c>
      <c r="BB36" s="25">
        <v>100905</v>
      </c>
      <c r="BC36" s="25">
        <v>40610</v>
      </c>
      <c r="BD36" s="28">
        <v>259005</v>
      </c>
      <c r="BE36" s="29">
        <v>259005</v>
      </c>
      <c r="BF36" s="24">
        <v>0</v>
      </c>
      <c r="BG36" s="25">
        <v>0</v>
      </c>
      <c r="BH36" s="26">
        <v>0</v>
      </c>
      <c r="BI36" s="404">
        <v>0</v>
      </c>
      <c r="BJ36" s="25">
        <v>0</v>
      </c>
      <c r="BK36" s="25">
        <v>0</v>
      </c>
      <c r="BL36" s="25">
        <v>0</v>
      </c>
      <c r="BM36" s="25">
        <v>0</v>
      </c>
      <c r="BN36" s="25">
        <v>0</v>
      </c>
      <c r="BO36" s="28">
        <v>0</v>
      </c>
      <c r="BP36" s="29">
        <v>0</v>
      </c>
      <c r="BQ36" s="24">
        <v>0</v>
      </c>
      <c r="BR36" s="25">
        <v>0</v>
      </c>
      <c r="BS36" s="26">
        <v>0</v>
      </c>
      <c r="BT36" s="27">
        <v>0</v>
      </c>
      <c r="BU36" s="25">
        <v>6295</v>
      </c>
      <c r="BV36" s="25">
        <v>20425</v>
      </c>
      <c r="BW36" s="25">
        <v>0</v>
      </c>
      <c r="BX36" s="25">
        <v>0</v>
      </c>
      <c r="BY36" s="25">
        <v>0</v>
      </c>
      <c r="BZ36" s="28">
        <v>26720</v>
      </c>
      <c r="CA36" s="29">
        <v>26720</v>
      </c>
      <c r="CB36" s="24">
        <v>0</v>
      </c>
      <c r="CC36" s="25">
        <v>0</v>
      </c>
      <c r="CD36" s="26">
        <v>0</v>
      </c>
      <c r="CE36" s="27">
        <v>0</v>
      </c>
      <c r="CF36" s="25">
        <v>1395</v>
      </c>
      <c r="CG36" s="25">
        <v>0</v>
      </c>
      <c r="CH36" s="25">
        <v>0</v>
      </c>
      <c r="CI36" s="25">
        <v>0</v>
      </c>
      <c r="CJ36" s="25">
        <v>0</v>
      </c>
      <c r="CK36" s="28">
        <v>1395</v>
      </c>
      <c r="CL36" s="29">
        <v>1395</v>
      </c>
      <c r="CM36" s="24">
        <v>0</v>
      </c>
      <c r="CN36" s="25">
        <v>0</v>
      </c>
      <c r="CO36" s="26">
        <v>0</v>
      </c>
      <c r="CP36" s="27">
        <v>0</v>
      </c>
      <c r="CQ36" s="25">
        <v>0</v>
      </c>
      <c r="CR36" s="25">
        <v>0</v>
      </c>
      <c r="CS36" s="25">
        <v>0</v>
      </c>
      <c r="CT36" s="25">
        <v>0</v>
      </c>
      <c r="CU36" s="25">
        <v>0</v>
      </c>
      <c r="CV36" s="28">
        <v>0</v>
      </c>
      <c r="CW36" s="29">
        <v>0</v>
      </c>
      <c r="CX36" s="24">
        <v>0</v>
      </c>
      <c r="CY36" s="25">
        <v>0</v>
      </c>
      <c r="CZ36" s="26">
        <v>0</v>
      </c>
      <c r="DA36" s="404">
        <v>0</v>
      </c>
      <c r="DB36" s="25">
        <v>0</v>
      </c>
      <c r="DC36" s="25">
        <v>0</v>
      </c>
      <c r="DD36" s="25">
        <v>0</v>
      </c>
      <c r="DE36" s="25">
        <v>0</v>
      </c>
      <c r="DF36" s="25">
        <v>0</v>
      </c>
      <c r="DG36" s="28">
        <v>0</v>
      </c>
      <c r="DH36" s="29">
        <v>0</v>
      </c>
      <c r="DI36" s="24">
        <v>0</v>
      </c>
      <c r="DJ36" s="25">
        <v>0</v>
      </c>
      <c r="DK36" s="26">
        <v>0</v>
      </c>
      <c r="DL36" s="27">
        <v>0</v>
      </c>
      <c r="DM36" s="25">
        <v>29953</v>
      </c>
      <c r="DN36" s="25">
        <v>95095</v>
      </c>
      <c r="DO36" s="25">
        <v>443862</v>
      </c>
      <c r="DP36" s="25">
        <v>410754</v>
      </c>
      <c r="DQ36" s="25">
        <v>125982</v>
      </c>
      <c r="DR36" s="28">
        <v>1105646</v>
      </c>
      <c r="DS36" s="30">
        <v>1105646</v>
      </c>
      <c r="DT36" s="24">
        <v>0</v>
      </c>
      <c r="DU36" s="25">
        <v>0</v>
      </c>
      <c r="DV36" s="26">
        <v>0</v>
      </c>
      <c r="DW36" s="404">
        <v>0</v>
      </c>
      <c r="DX36" s="25">
        <v>21576</v>
      </c>
      <c r="DY36" s="25">
        <v>51646</v>
      </c>
      <c r="DZ36" s="25">
        <v>427624</v>
      </c>
      <c r="EA36" s="25">
        <v>382575</v>
      </c>
      <c r="EB36" s="25">
        <v>124897</v>
      </c>
      <c r="EC36" s="28">
        <v>1008318</v>
      </c>
      <c r="ED36" s="29">
        <v>1008318</v>
      </c>
      <c r="EE36" s="24">
        <v>0</v>
      </c>
      <c r="EF36" s="25">
        <v>0</v>
      </c>
      <c r="EG36" s="26">
        <v>0</v>
      </c>
      <c r="EH36" s="404">
        <v>0</v>
      </c>
      <c r="EI36" s="25">
        <v>651</v>
      </c>
      <c r="EJ36" s="25">
        <v>14415</v>
      </c>
      <c r="EK36" s="25">
        <v>15319</v>
      </c>
      <c r="EL36" s="25">
        <v>14198</v>
      </c>
      <c r="EM36" s="25">
        <v>217</v>
      </c>
      <c r="EN36" s="28">
        <v>44800</v>
      </c>
      <c r="EO36" s="29">
        <v>44800</v>
      </c>
      <c r="EP36" s="24">
        <v>0</v>
      </c>
      <c r="EQ36" s="25">
        <v>0</v>
      </c>
      <c r="ER36" s="26">
        <v>0</v>
      </c>
      <c r="ES36" s="404">
        <v>0</v>
      </c>
      <c r="ET36" s="25">
        <v>0</v>
      </c>
      <c r="EU36" s="25">
        <v>0</v>
      </c>
      <c r="EV36" s="25">
        <v>0</v>
      </c>
      <c r="EW36" s="25">
        <v>0</v>
      </c>
      <c r="EX36" s="25">
        <v>0</v>
      </c>
      <c r="EY36" s="28">
        <v>0</v>
      </c>
      <c r="EZ36" s="29">
        <v>0</v>
      </c>
      <c r="FA36" s="24">
        <v>0</v>
      </c>
      <c r="FB36" s="25">
        <v>0</v>
      </c>
      <c r="FC36" s="26">
        <v>0</v>
      </c>
      <c r="FD36" s="404">
        <v>0</v>
      </c>
      <c r="FE36" s="25">
        <v>0</v>
      </c>
      <c r="FF36" s="25">
        <v>13764</v>
      </c>
      <c r="FG36" s="25">
        <v>434</v>
      </c>
      <c r="FH36" s="25">
        <v>13981</v>
      </c>
      <c r="FI36" s="25">
        <v>868</v>
      </c>
      <c r="FJ36" s="28">
        <v>29047</v>
      </c>
      <c r="FK36" s="29">
        <v>29047</v>
      </c>
      <c r="FL36" s="24">
        <v>0</v>
      </c>
      <c r="FM36" s="25">
        <v>0</v>
      </c>
      <c r="FN36" s="26">
        <v>0</v>
      </c>
      <c r="FO36" s="404">
        <v>0</v>
      </c>
      <c r="FP36" s="25">
        <v>0</v>
      </c>
      <c r="FQ36" s="25">
        <v>0</v>
      </c>
      <c r="FR36" s="25">
        <v>0</v>
      </c>
      <c r="FS36" s="25">
        <v>0</v>
      </c>
      <c r="FT36" s="25">
        <v>0</v>
      </c>
      <c r="FU36" s="28">
        <v>0</v>
      </c>
      <c r="FV36" s="29">
        <v>0</v>
      </c>
      <c r="FW36" s="24">
        <v>0</v>
      </c>
      <c r="FX36" s="25">
        <v>0</v>
      </c>
      <c r="FY36" s="26">
        <v>0</v>
      </c>
      <c r="FZ36" s="27">
        <v>0</v>
      </c>
      <c r="GA36" s="25">
        <v>7698</v>
      </c>
      <c r="GB36" s="25">
        <v>15270</v>
      </c>
      <c r="GC36" s="25">
        <v>485</v>
      </c>
      <c r="GD36" s="25">
        <v>0</v>
      </c>
      <c r="GE36" s="25">
        <v>0</v>
      </c>
      <c r="GF36" s="28">
        <v>23453</v>
      </c>
      <c r="GG36" s="29">
        <v>23453</v>
      </c>
      <c r="GH36" s="24">
        <v>0</v>
      </c>
      <c r="GI36" s="25">
        <v>0</v>
      </c>
      <c r="GJ36" s="26">
        <v>0</v>
      </c>
      <c r="GK36" s="27">
        <v>0</v>
      </c>
      <c r="GL36" s="25">
        <v>28</v>
      </c>
      <c r="GM36" s="25">
        <v>0</v>
      </c>
      <c r="GN36" s="25">
        <v>0</v>
      </c>
      <c r="GO36" s="25">
        <v>0</v>
      </c>
      <c r="GP36" s="25">
        <v>0</v>
      </c>
      <c r="GQ36" s="28">
        <v>28</v>
      </c>
      <c r="GR36" s="29">
        <v>28</v>
      </c>
      <c r="GS36" s="24">
        <v>0</v>
      </c>
      <c r="GT36" s="25">
        <v>0</v>
      </c>
      <c r="GU36" s="26">
        <v>0</v>
      </c>
      <c r="GV36" s="27">
        <v>0</v>
      </c>
      <c r="GW36" s="25">
        <v>0</v>
      </c>
      <c r="GX36" s="25">
        <v>0</v>
      </c>
      <c r="GY36" s="25">
        <v>0</v>
      </c>
      <c r="GZ36" s="25">
        <v>0</v>
      </c>
      <c r="HA36" s="25">
        <v>0</v>
      </c>
      <c r="HB36" s="28">
        <v>0</v>
      </c>
      <c r="HC36" s="29">
        <v>0</v>
      </c>
      <c r="HD36" s="24">
        <v>0</v>
      </c>
      <c r="HE36" s="25">
        <v>0</v>
      </c>
      <c r="HF36" s="26">
        <v>0</v>
      </c>
      <c r="HG36" s="404">
        <v>0</v>
      </c>
      <c r="HH36" s="25">
        <v>0</v>
      </c>
      <c r="HI36" s="25">
        <v>0</v>
      </c>
      <c r="HJ36" s="25">
        <v>0</v>
      </c>
      <c r="HK36" s="25">
        <v>0</v>
      </c>
      <c r="HL36" s="25">
        <v>0</v>
      </c>
      <c r="HM36" s="28">
        <v>0</v>
      </c>
      <c r="HN36" s="29">
        <v>0</v>
      </c>
      <c r="HO36" s="24">
        <v>0</v>
      </c>
      <c r="HP36" s="25">
        <v>0</v>
      </c>
      <c r="HQ36" s="26">
        <v>0</v>
      </c>
      <c r="HR36" s="27">
        <v>0</v>
      </c>
      <c r="HS36" s="25">
        <v>78253</v>
      </c>
      <c r="HT36" s="25">
        <v>355770</v>
      </c>
      <c r="HU36" s="25">
        <v>943017</v>
      </c>
      <c r="HV36" s="25">
        <v>1053754</v>
      </c>
      <c r="HW36" s="25">
        <v>292342</v>
      </c>
      <c r="HX36" s="28">
        <v>2723136</v>
      </c>
      <c r="HY36" s="29">
        <v>2723136</v>
      </c>
    </row>
    <row r="37" spans="2:233" ht="21" customHeight="1" x14ac:dyDescent="0.2">
      <c r="B37" s="106" t="s">
        <v>34</v>
      </c>
      <c r="C37" s="24">
        <v>0</v>
      </c>
      <c r="D37" s="25">
        <v>0</v>
      </c>
      <c r="E37" s="26">
        <v>0</v>
      </c>
      <c r="F37" s="27">
        <v>0</v>
      </c>
      <c r="G37" s="25">
        <v>95480</v>
      </c>
      <c r="H37" s="25">
        <v>128367</v>
      </c>
      <c r="I37" s="25">
        <v>176577</v>
      </c>
      <c r="J37" s="25">
        <v>496523</v>
      </c>
      <c r="K37" s="25">
        <v>130820</v>
      </c>
      <c r="L37" s="28">
        <v>1027767</v>
      </c>
      <c r="M37" s="29">
        <v>1027767</v>
      </c>
      <c r="N37" s="24">
        <v>0</v>
      </c>
      <c r="O37" s="25">
        <v>0</v>
      </c>
      <c r="P37" s="26">
        <v>0</v>
      </c>
      <c r="Q37" s="404">
        <v>0</v>
      </c>
      <c r="R37" s="25">
        <v>0</v>
      </c>
      <c r="S37" s="25">
        <v>0</v>
      </c>
      <c r="T37" s="25">
        <v>116400</v>
      </c>
      <c r="U37" s="25">
        <v>429845</v>
      </c>
      <c r="V37" s="25">
        <v>98115</v>
      </c>
      <c r="W37" s="28">
        <v>644360</v>
      </c>
      <c r="X37" s="29">
        <v>644360</v>
      </c>
      <c r="Y37" s="24">
        <v>0</v>
      </c>
      <c r="Z37" s="25">
        <v>0</v>
      </c>
      <c r="AA37" s="26">
        <v>0</v>
      </c>
      <c r="AB37" s="404">
        <v>0</v>
      </c>
      <c r="AC37" s="25">
        <v>95480</v>
      </c>
      <c r="AD37" s="25">
        <v>128030</v>
      </c>
      <c r="AE37" s="25">
        <v>57350</v>
      </c>
      <c r="AF37" s="25">
        <v>65410</v>
      </c>
      <c r="AG37" s="25">
        <v>0</v>
      </c>
      <c r="AH37" s="28">
        <v>346270</v>
      </c>
      <c r="AI37" s="29">
        <v>346270</v>
      </c>
      <c r="AJ37" s="24">
        <v>0</v>
      </c>
      <c r="AK37" s="25">
        <v>0</v>
      </c>
      <c r="AL37" s="26">
        <v>0</v>
      </c>
      <c r="AM37" s="404">
        <v>0</v>
      </c>
      <c r="AN37" s="25">
        <v>0</v>
      </c>
      <c r="AO37" s="25">
        <v>0</v>
      </c>
      <c r="AP37" s="25">
        <v>0</v>
      </c>
      <c r="AQ37" s="25">
        <v>0</v>
      </c>
      <c r="AR37" s="25">
        <v>0</v>
      </c>
      <c r="AS37" s="28">
        <v>0</v>
      </c>
      <c r="AT37" s="29">
        <v>0</v>
      </c>
      <c r="AU37" s="24">
        <v>0</v>
      </c>
      <c r="AV37" s="25">
        <v>0</v>
      </c>
      <c r="AW37" s="26">
        <v>0</v>
      </c>
      <c r="AX37" s="404">
        <v>0</v>
      </c>
      <c r="AY37" s="25">
        <v>0</v>
      </c>
      <c r="AZ37" s="25">
        <v>0</v>
      </c>
      <c r="BA37" s="25">
        <v>0</v>
      </c>
      <c r="BB37" s="25">
        <v>0</v>
      </c>
      <c r="BC37" s="25">
        <v>32705</v>
      </c>
      <c r="BD37" s="28">
        <v>32705</v>
      </c>
      <c r="BE37" s="29">
        <v>32705</v>
      </c>
      <c r="BF37" s="24">
        <v>0</v>
      </c>
      <c r="BG37" s="25">
        <v>0</v>
      </c>
      <c r="BH37" s="26">
        <v>0</v>
      </c>
      <c r="BI37" s="404">
        <v>0</v>
      </c>
      <c r="BJ37" s="25">
        <v>0</v>
      </c>
      <c r="BK37" s="25">
        <v>0</v>
      </c>
      <c r="BL37" s="25">
        <v>0</v>
      </c>
      <c r="BM37" s="25">
        <v>0</v>
      </c>
      <c r="BN37" s="25">
        <v>0</v>
      </c>
      <c r="BO37" s="28">
        <v>0</v>
      </c>
      <c r="BP37" s="29">
        <v>0</v>
      </c>
      <c r="BQ37" s="24">
        <v>0</v>
      </c>
      <c r="BR37" s="25">
        <v>0</v>
      </c>
      <c r="BS37" s="26">
        <v>0</v>
      </c>
      <c r="BT37" s="27">
        <v>0</v>
      </c>
      <c r="BU37" s="25">
        <v>0</v>
      </c>
      <c r="BV37" s="25">
        <v>337</v>
      </c>
      <c r="BW37" s="25">
        <v>2827</v>
      </c>
      <c r="BX37" s="25">
        <v>1268</v>
      </c>
      <c r="BY37" s="25">
        <v>0</v>
      </c>
      <c r="BZ37" s="28">
        <v>4432</v>
      </c>
      <c r="CA37" s="29">
        <v>4432</v>
      </c>
      <c r="CB37" s="24">
        <v>0</v>
      </c>
      <c r="CC37" s="25">
        <v>0</v>
      </c>
      <c r="CD37" s="26">
        <v>0</v>
      </c>
      <c r="CE37" s="27">
        <v>0</v>
      </c>
      <c r="CF37" s="25">
        <v>0</v>
      </c>
      <c r="CG37" s="25">
        <v>0</v>
      </c>
      <c r="CH37" s="25">
        <v>0</v>
      </c>
      <c r="CI37" s="25">
        <v>0</v>
      </c>
      <c r="CJ37" s="25">
        <v>0</v>
      </c>
      <c r="CK37" s="28">
        <v>0</v>
      </c>
      <c r="CL37" s="29">
        <v>0</v>
      </c>
      <c r="CM37" s="24">
        <v>0</v>
      </c>
      <c r="CN37" s="25">
        <v>0</v>
      </c>
      <c r="CO37" s="26">
        <v>0</v>
      </c>
      <c r="CP37" s="27">
        <v>0</v>
      </c>
      <c r="CQ37" s="25">
        <v>0</v>
      </c>
      <c r="CR37" s="25">
        <v>0</v>
      </c>
      <c r="CS37" s="25">
        <v>0</v>
      </c>
      <c r="CT37" s="25">
        <v>0</v>
      </c>
      <c r="CU37" s="25">
        <v>0</v>
      </c>
      <c r="CV37" s="28">
        <v>0</v>
      </c>
      <c r="CW37" s="29">
        <v>0</v>
      </c>
      <c r="CX37" s="24">
        <v>0</v>
      </c>
      <c r="CY37" s="25">
        <v>0</v>
      </c>
      <c r="CZ37" s="26">
        <v>0</v>
      </c>
      <c r="DA37" s="404">
        <v>0</v>
      </c>
      <c r="DB37" s="25">
        <v>0</v>
      </c>
      <c r="DC37" s="25">
        <v>0</v>
      </c>
      <c r="DD37" s="25">
        <v>0</v>
      </c>
      <c r="DE37" s="25">
        <v>0</v>
      </c>
      <c r="DF37" s="25">
        <v>0</v>
      </c>
      <c r="DG37" s="28">
        <v>0</v>
      </c>
      <c r="DH37" s="29">
        <v>0</v>
      </c>
      <c r="DI37" s="24">
        <v>0</v>
      </c>
      <c r="DJ37" s="25">
        <v>0</v>
      </c>
      <c r="DK37" s="26">
        <v>0</v>
      </c>
      <c r="DL37" s="27">
        <v>0</v>
      </c>
      <c r="DM37" s="25">
        <v>14198</v>
      </c>
      <c r="DN37" s="25">
        <v>2477</v>
      </c>
      <c r="DO37" s="25">
        <v>104900</v>
      </c>
      <c r="DP37" s="25">
        <v>363533</v>
      </c>
      <c r="DQ37" s="25">
        <v>74328</v>
      </c>
      <c r="DR37" s="28">
        <v>559436</v>
      </c>
      <c r="DS37" s="30">
        <v>559436</v>
      </c>
      <c r="DT37" s="24">
        <v>0</v>
      </c>
      <c r="DU37" s="25">
        <v>0</v>
      </c>
      <c r="DV37" s="26">
        <v>0</v>
      </c>
      <c r="DW37" s="404">
        <v>0</v>
      </c>
      <c r="DX37" s="25">
        <v>0</v>
      </c>
      <c r="DY37" s="25">
        <v>0</v>
      </c>
      <c r="DZ37" s="25">
        <v>99722</v>
      </c>
      <c r="EA37" s="25">
        <v>361159</v>
      </c>
      <c r="EB37" s="25">
        <v>74111</v>
      </c>
      <c r="EC37" s="28">
        <v>534992</v>
      </c>
      <c r="ED37" s="29">
        <v>534992</v>
      </c>
      <c r="EE37" s="24">
        <v>0</v>
      </c>
      <c r="EF37" s="25">
        <v>0</v>
      </c>
      <c r="EG37" s="26">
        <v>0</v>
      </c>
      <c r="EH37" s="404">
        <v>0</v>
      </c>
      <c r="EI37" s="25">
        <v>14198</v>
      </c>
      <c r="EJ37" s="25">
        <v>1085</v>
      </c>
      <c r="EK37" s="25">
        <v>434</v>
      </c>
      <c r="EL37" s="25">
        <v>434</v>
      </c>
      <c r="EM37" s="25">
        <v>0</v>
      </c>
      <c r="EN37" s="28">
        <v>16151</v>
      </c>
      <c r="EO37" s="29">
        <v>16151</v>
      </c>
      <c r="EP37" s="24">
        <v>0</v>
      </c>
      <c r="EQ37" s="25">
        <v>0</v>
      </c>
      <c r="ER37" s="26">
        <v>0</v>
      </c>
      <c r="ES37" s="404">
        <v>0</v>
      </c>
      <c r="ET37" s="25">
        <v>0</v>
      </c>
      <c r="EU37" s="25">
        <v>0</v>
      </c>
      <c r="EV37" s="25">
        <v>0</v>
      </c>
      <c r="EW37" s="25">
        <v>0</v>
      </c>
      <c r="EX37" s="25">
        <v>0</v>
      </c>
      <c r="EY37" s="28">
        <v>0</v>
      </c>
      <c r="EZ37" s="29">
        <v>0</v>
      </c>
      <c r="FA37" s="24">
        <v>0</v>
      </c>
      <c r="FB37" s="25">
        <v>0</v>
      </c>
      <c r="FC37" s="26">
        <v>0</v>
      </c>
      <c r="FD37" s="404">
        <v>0</v>
      </c>
      <c r="FE37" s="25">
        <v>0</v>
      </c>
      <c r="FF37" s="25">
        <v>0</v>
      </c>
      <c r="FG37" s="25">
        <v>0</v>
      </c>
      <c r="FH37" s="25">
        <v>0</v>
      </c>
      <c r="FI37" s="25">
        <v>217</v>
      </c>
      <c r="FJ37" s="28">
        <v>217</v>
      </c>
      <c r="FK37" s="29">
        <v>217</v>
      </c>
      <c r="FL37" s="24">
        <v>0</v>
      </c>
      <c r="FM37" s="25">
        <v>0</v>
      </c>
      <c r="FN37" s="26">
        <v>0</v>
      </c>
      <c r="FO37" s="404">
        <v>0</v>
      </c>
      <c r="FP37" s="25">
        <v>0</v>
      </c>
      <c r="FQ37" s="25">
        <v>0</v>
      </c>
      <c r="FR37" s="25">
        <v>0</v>
      </c>
      <c r="FS37" s="25">
        <v>0</v>
      </c>
      <c r="FT37" s="25">
        <v>0</v>
      </c>
      <c r="FU37" s="28">
        <v>0</v>
      </c>
      <c r="FV37" s="29">
        <v>0</v>
      </c>
      <c r="FW37" s="24">
        <v>0</v>
      </c>
      <c r="FX37" s="25">
        <v>0</v>
      </c>
      <c r="FY37" s="26">
        <v>0</v>
      </c>
      <c r="FZ37" s="27">
        <v>0</v>
      </c>
      <c r="GA37" s="25">
        <v>0</v>
      </c>
      <c r="GB37" s="25">
        <v>1392</v>
      </c>
      <c r="GC37" s="25">
        <v>4744</v>
      </c>
      <c r="GD37" s="25">
        <v>1940</v>
      </c>
      <c r="GE37" s="25">
        <v>0</v>
      </c>
      <c r="GF37" s="28">
        <v>8076</v>
      </c>
      <c r="GG37" s="29">
        <v>8076</v>
      </c>
      <c r="GH37" s="24">
        <v>0</v>
      </c>
      <c r="GI37" s="25">
        <v>0</v>
      </c>
      <c r="GJ37" s="26">
        <v>0</v>
      </c>
      <c r="GK37" s="27">
        <v>0</v>
      </c>
      <c r="GL37" s="25">
        <v>0</v>
      </c>
      <c r="GM37" s="25">
        <v>0</v>
      </c>
      <c r="GN37" s="25">
        <v>0</v>
      </c>
      <c r="GO37" s="25">
        <v>0</v>
      </c>
      <c r="GP37" s="25">
        <v>0</v>
      </c>
      <c r="GQ37" s="28">
        <v>0</v>
      </c>
      <c r="GR37" s="29">
        <v>0</v>
      </c>
      <c r="GS37" s="24">
        <v>0</v>
      </c>
      <c r="GT37" s="25">
        <v>0</v>
      </c>
      <c r="GU37" s="26">
        <v>0</v>
      </c>
      <c r="GV37" s="27">
        <v>0</v>
      </c>
      <c r="GW37" s="25">
        <v>0</v>
      </c>
      <c r="GX37" s="25">
        <v>0</v>
      </c>
      <c r="GY37" s="25">
        <v>0</v>
      </c>
      <c r="GZ37" s="25">
        <v>0</v>
      </c>
      <c r="HA37" s="25">
        <v>0</v>
      </c>
      <c r="HB37" s="28">
        <v>0</v>
      </c>
      <c r="HC37" s="29">
        <v>0</v>
      </c>
      <c r="HD37" s="24">
        <v>0</v>
      </c>
      <c r="HE37" s="25">
        <v>0</v>
      </c>
      <c r="HF37" s="26">
        <v>0</v>
      </c>
      <c r="HG37" s="404">
        <v>0</v>
      </c>
      <c r="HH37" s="25">
        <v>0</v>
      </c>
      <c r="HI37" s="25">
        <v>0</v>
      </c>
      <c r="HJ37" s="25">
        <v>0</v>
      </c>
      <c r="HK37" s="25">
        <v>0</v>
      </c>
      <c r="HL37" s="25">
        <v>0</v>
      </c>
      <c r="HM37" s="28">
        <v>0</v>
      </c>
      <c r="HN37" s="29">
        <v>0</v>
      </c>
      <c r="HO37" s="24">
        <v>0</v>
      </c>
      <c r="HP37" s="25">
        <v>0</v>
      </c>
      <c r="HQ37" s="26">
        <v>0</v>
      </c>
      <c r="HR37" s="27">
        <v>0</v>
      </c>
      <c r="HS37" s="25">
        <v>109678</v>
      </c>
      <c r="HT37" s="25">
        <v>130844</v>
      </c>
      <c r="HU37" s="25">
        <v>281477</v>
      </c>
      <c r="HV37" s="25">
        <v>860056</v>
      </c>
      <c r="HW37" s="25">
        <v>205148</v>
      </c>
      <c r="HX37" s="28">
        <v>1587203</v>
      </c>
      <c r="HY37" s="29">
        <v>1587203</v>
      </c>
    </row>
    <row r="38" spans="2:233" ht="21" customHeight="1" x14ac:dyDescent="0.2">
      <c r="B38" s="106" t="s">
        <v>35</v>
      </c>
      <c r="C38" s="24">
        <v>0</v>
      </c>
      <c r="D38" s="25">
        <v>0</v>
      </c>
      <c r="E38" s="26">
        <v>0</v>
      </c>
      <c r="F38" s="27">
        <v>0</v>
      </c>
      <c r="G38" s="25">
        <v>155432</v>
      </c>
      <c r="H38" s="25">
        <v>340750</v>
      </c>
      <c r="I38" s="25">
        <v>731782</v>
      </c>
      <c r="J38" s="25">
        <v>784863</v>
      </c>
      <c r="K38" s="25">
        <v>312939</v>
      </c>
      <c r="L38" s="28">
        <v>2325766</v>
      </c>
      <c r="M38" s="29">
        <v>2325766</v>
      </c>
      <c r="N38" s="24">
        <v>0</v>
      </c>
      <c r="O38" s="25">
        <v>0</v>
      </c>
      <c r="P38" s="26">
        <v>0</v>
      </c>
      <c r="Q38" s="404">
        <v>0</v>
      </c>
      <c r="R38" s="25">
        <v>2635</v>
      </c>
      <c r="S38" s="25">
        <v>2635</v>
      </c>
      <c r="T38" s="25">
        <v>265170</v>
      </c>
      <c r="U38" s="25">
        <v>587445</v>
      </c>
      <c r="V38" s="25">
        <v>197565</v>
      </c>
      <c r="W38" s="28">
        <v>1055450</v>
      </c>
      <c r="X38" s="29">
        <v>1055450</v>
      </c>
      <c r="Y38" s="24">
        <v>0</v>
      </c>
      <c r="Z38" s="25">
        <v>0</v>
      </c>
      <c r="AA38" s="26">
        <v>0</v>
      </c>
      <c r="AB38" s="404">
        <v>0</v>
      </c>
      <c r="AC38" s="25">
        <v>141015</v>
      </c>
      <c r="AD38" s="25">
        <v>248400</v>
      </c>
      <c r="AE38" s="25">
        <v>300105</v>
      </c>
      <c r="AF38" s="25">
        <v>106020</v>
      </c>
      <c r="AG38" s="25">
        <v>2635</v>
      </c>
      <c r="AH38" s="28">
        <v>798175</v>
      </c>
      <c r="AI38" s="29">
        <v>798175</v>
      </c>
      <c r="AJ38" s="24">
        <v>0</v>
      </c>
      <c r="AK38" s="25">
        <v>0</v>
      </c>
      <c r="AL38" s="26">
        <v>0</v>
      </c>
      <c r="AM38" s="404">
        <v>0</v>
      </c>
      <c r="AN38" s="25">
        <v>0</v>
      </c>
      <c r="AO38" s="25">
        <v>0</v>
      </c>
      <c r="AP38" s="25">
        <v>0</v>
      </c>
      <c r="AQ38" s="25">
        <v>0</v>
      </c>
      <c r="AR38" s="25">
        <v>0</v>
      </c>
      <c r="AS38" s="28">
        <v>0</v>
      </c>
      <c r="AT38" s="29">
        <v>0</v>
      </c>
      <c r="AU38" s="24">
        <v>0</v>
      </c>
      <c r="AV38" s="25">
        <v>0</v>
      </c>
      <c r="AW38" s="26">
        <v>0</v>
      </c>
      <c r="AX38" s="404">
        <v>0</v>
      </c>
      <c r="AY38" s="25">
        <v>0</v>
      </c>
      <c r="AZ38" s="25">
        <v>65410</v>
      </c>
      <c r="BA38" s="25">
        <v>106485</v>
      </c>
      <c r="BB38" s="25">
        <v>70990</v>
      </c>
      <c r="BC38" s="25">
        <v>70990</v>
      </c>
      <c r="BD38" s="28">
        <v>313875</v>
      </c>
      <c r="BE38" s="29">
        <v>313875</v>
      </c>
      <c r="BF38" s="24">
        <v>0</v>
      </c>
      <c r="BG38" s="25">
        <v>0</v>
      </c>
      <c r="BH38" s="26">
        <v>0</v>
      </c>
      <c r="BI38" s="404">
        <v>0</v>
      </c>
      <c r="BJ38" s="25">
        <v>0</v>
      </c>
      <c r="BK38" s="25">
        <v>0</v>
      </c>
      <c r="BL38" s="25">
        <v>0</v>
      </c>
      <c r="BM38" s="25">
        <v>0</v>
      </c>
      <c r="BN38" s="25">
        <v>0</v>
      </c>
      <c r="BO38" s="28">
        <v>0</v>
      </c>
      <c r="BP38" s="29">
        <v>0</v>
      </c>
      <c r="BQ38" s="24">
        <v>0</v>
      </c>
      <c r="BR38" s="25">
        <v>0</v>
      </c>
      <c r="BS38" s="26">
        <v>0</v>
      </c>
      <c r="BT38" s="27">
        <v>0</v>
      </c>
      <c r="BU38" s="25">
        <v>11782</v>
      </c>
      <c r="BV38" s="25">
        <v>24305</v>
      </c>
      <c r="BW38" s="25">
        <v>60022</v>
      </c>
      <c r="BX38" s="25">
        <v>20408</v>
      </c>
      <c r="BY38" s="25">
        <v>40734</v>
      </c>
      <c r="BZ38" s="28">
        <v>157251</v>
      </c>
      <c r="CA38" s="29">
        <v>157251</v>
      </c>
      <c r="CB38" s="24">
        <v>0</v>
      </c>
      <c r="CC38" s="25">
        <v>0</v>
      </c>
      <c r="CD38" s="26">
        <v>0</v>
      </c>
      <c r="CE38" s="27">
        <v>0</v>
      </c>
      <c r="CF38" s="25">
        <v>0</v>
      </c>
      <c r="CG38" s="25">
        <v>0</v>
      </c>
      <c r="CH38" s="25">
        <v>0</v>
      </c>
      <c r="CI38" s="25">
        <v>0</v>
      </c>
      <c r="CJ38" s="25">
        <v>1015</v>
      </c>
      <c r="CK38" s="28">
        <v>1015</v>
      </c>
      <c r="CL38" s="29">
        <v>1015</v>
      </c>
      <c r="CM38" s="24">
        <v>0</v>
      </c>
      <c r="CN38" s="25">
        <v>0</v>
      </c>
      <c r="CO38" s="26">
        <v>0</v>
      </c>
      <c r="CP38" s="27">
        <v>0</v>
      </c>
      <c r="CQ38" s="25">
        <v>0</v>
      </c>
      <c r="CR38" s="25">
        <v>0</v>
      </c>
      <c r="CS38" s="25">
        <v>0</v>
      </c>
      <c r="CT38" s="25">
        <v>0</v>
      </c>
      <c r="CU38" s="25">
        <v>0</v>
      </c>
      <c r="CV38" s="28">
        <v>0</v>
      </c>
      <c r="CW38" s="29">
        <v>0</v>
      </c>
      <c r="CX38" s="24">
        <v>0</v>
      </c>
      <c r="CY38" s="25">
        <v>0</v>
      </c>
      <c r="CZ38" s="26">
        <v>0</v>
      </c>
      <c r="DA38" s="404">
        <v>0</v>
      </c>
      <c r="DB38" s="25">
        <v>0</v>
      </c>
      <c r="DC38" s="25">
        <v>0</v>
      </c>
      <c r="DD38" s="25">
        <v>0</v>
      </c>
      <c r="DE38" s="25">
        <v>0</v>
      </c>
      <c r="DF38" s="25">
        <v>0</v>
      </c>
      <c r="DG38" s="28">
        <v>0</v>
      </c>
      <c r="DH38" s="29">
        <v>0</v>
      </c>
      <c r="DI38" s="24">
        <v>0</v>
      </c>
      <c r="DJ38" s="25">
        <v>0</v>
      </c>
      <c r="DK38" s="26">
        <v>0</v>
      </c>
      <c r="DL38" s="27">
        <v>0</v>
      </c>
      <c r="DM38" s="25">
        <v>62917</v>
      </c>
      <c r="DN38" s="25">
        <v>46506</v>
      </c>
      <c r="DO38" s="25">
        <v>414685</v>
      </c>
      <c r="DP38" s="25">
        <v>702936</v>
      </c>
      <c r="DQ38" s="25">
        <v>300334</v>
      </c>
      <c r="DR38" s="28">
        <v>1527378</v>
      </c>
      <c r="DS38" s="30">
        <v>1527378</v>
      </c>
      <c r="DT38" s="24">
        <v>0</v>
      </c>
      <c r="DU38" s="25">
        <v>0</v>
      </c>
      <c r="DV38" s="26">
        <v>0</v>
      </c>
      <c r="DW38" s="404">
        <v>0</v>
      </c>
      <c r="DX38" s="25">
        <v>15035</v>
      </c>
      <c r="DY38" s="25">
        <v>21576</v>
      </c>
      <c r="DZ38" s="25">
        <v>280054</v>
      </c>
      <c r="EA38" s="25">
        <v>639673</v>
      </c>
      <c r="EB38" s="25">
        <v>238135</v>
      </c>
      <c r="EC38" s="28">
        <v>1194473</v>
      </c>
      <c r="ED38" s="29">
        <v>1194473</v>
      </c>
      <c r="EE38" s="24">
        <v>0</v>
      </c>
      <c r="EF38" s="25">
        <v>0</v>
      </c>
      <c r="EG38" s="26">
        <v>0</v>
      </c>
      <c r="EH38" s="404">
        <v>0</v>
      </c>
      <c r="EI38" s="25">
        <v>35757</v>
      </c>
      <c r="EJ38" s="25">
        <v>2667</v>
      </c>
      <c r="EK38" s="25">
        <v>22762</v>
      </c>
      <c r="EL38" s="25">
        <v>1302</v>
      </c>
      <c r="EM38" s="25">
        <v>217</v>
      </c>
      <c r="EN38" s="28">
        <v>62705</v>
      </c>
      <c r="EO38" s="29">
        <v>62705</v>
      </c>
      <c r="EP38" s="24">
        <v>0</v>
      </c>
      <c r="EQ38" s="25">
        <v>0</v>
      </c>
      <c r="ER38" s="26">
        <v>0</v>
      </c>
      <c r="ES38" s="404">
        <v>0</v>
      </c>
      <c r="ET38" s="25">
        <v>0</v>
      </c>
      <c r="EU38" s="25">
        <v>0</v>
      </c>
      <c r="EV38" s="25">
        <v>0</v>
      </c>
      <c r="EW38" s="25">
        <v>0</v>
      </c>
      <c r="EX38" s="25">
        <v>0</v>
      </c>
      <c r="EY38" s="28">
        <v>0</v>
      </c>
      <c r="EZ38" s="29">
        <v>0</v>
      </c>
      <c r="FA38" s="24">
        <v>0</v>
      </c>
      <c r="FB38" s="25">
        <v>0</v>
      </c>
      <c r="FC38" s="26">
        <v>0</v>
      </c>
      <c r="FD38" s="404">
        <v>0</v>
      </c>
      <c r="FE38" s="25">
        <v>0</v>
      </c>
      <c r="FF38" s="25">
        <v>434</v>
      </c>
      <c r="FG38" s="25">
        <v>40641</v>
      </c>
      <c r="FH38" s="25">
        <v>27094</v>
      </c>
      <c r="FI38" s="25">
        <v>27094</v>
      </c>
      <c r="FJ38" s="28">
        <v>95263</v>
      </c>
      <c r="FK38" s="29">
        <v>95263</v>
      </c>
      <c r="FL38" s="24">
        <v>0</v>
      </c>
      <c r="FM38" s="25">
        <v>0</v>
      </c>
      <c r="FN38" s="26">
        <v>0</v>
      </c>
      <c r="FO38" s="404">
        <v>0</v>
      </c>
      <c r="FP38" s="25">
        <v>0</v>
      </c>
      <c r="FQ38" s="25">
        <v>0</v>
      </c>
      <c r="FR38" s="25">
        <v>0</v>
      </c>
      <c r="FS38" s="25">
        <v>0</v>
      </c>
      <c r="FT38" s="25">
        <v>0</v>
      </c>
      <c r="FU38" s="28">
        <v>0</v>
      </c>
      <c r="FV38" s="29">
        <v>0</v>
      </c>
      <c r="FW38" s="24">
        <v>0</v>
      </c>
      <c r="FX38" s="25">
        <v>0</v>
      </c>
      <c r="FY38" s="26">
        <v>0</v>
      </c>
      <c r="FZ38" s="27">
        <v>0</v>
      </c>
      <c r="GA38" s="25">
        <v>12125</v>
      </c>
      <c r="GB38" s="25">
        <v>21829</v>
      </c>
      <c r="GC38" s="25">
        <v>71228</v>
      </c>
      <c r="GD38" s="25">
        <v>34867</v>
      </c>
      <c r="GE38" s="25">
        <v>34790</v>
      </c>
      <c r="GF38" s="28">
        <v>174839</v>
      </c>
      <c r="GG38" s="29">
        <v>174839</v>
      </c>
      <c r="GH38" s="24">
        <v>0</v>
      </c>
      <c r="GI38" s="25">
        <v>0</v>
      </c>
      <c r="GJ38" s="26">
        <v>0</v>
      </c>
      <c r="GK38" s="27">
        <v>0</v>
      </c>
      <c r="GL38" s="25">
        <v>0</v>
      </c>
      <c r="GM38" s="25">
        <v>0</v>
      </c>
      <c r="GN38" s="25">
        <v>0</v>
      </c>
      <c r="GO38" s="25">
        <v>0</v>
      </c>
      <c r="GP38" s="25">
        <v>98</v>
      </c>
      <c r="GQ38" s="28">
        <v>98</v>
      </c>
      <c r="GR38" s="29">
        <v>98</v>
      </c>
      <c r="GS38" s="24">
        <v>0</v>
      </c>
      <c r="GT38" s="25">
        <v>0</v>
      </c>
      <c r="GU38" s="26">
        <v>0</v>
      </c>
      <c r="GV38" s="27">
        <v>0</v>
      </c>
      <c r="GW38" s="25">
        <v>0</v>
      </c>
      <c r="GX38" s="25">
        <v>0</v>
      </c>
      <c r="GY38" s="25">
        <v>0</v>
      </c>
      <c r="GZ38" s="25">
        <v>0</v>
      </c>
      <c r="HA38" s="25">
        <v>0</v>
      </c>
      <c r="HB38" s="28">
        <v>0</v>
      </c>
      <c r="HC38" s="29">
        <v>0</v>
      </c>
      <c r="HD38" s="24">
        <v>0</v>
      </c>
      <c r="HE38" s="25">
        <v>0</v>
      </c>
      <c r="HF38" s="26">
        <v>0</v>
      </c>
      <c r="HG38" s="404">
        <v>0</v>
      </c>
      <c r="HH38" s="25">
        <v>0</v>
      </c>
      <c r="HI38" s="25">
        <v>0</v>
      </c>
      <c r="HJ38" s="25">
        <v>0</v>
      </c>
      <c r="HK38" s="25">
        <v>0</v>
      </c>
      <c r="HL38" s="25">
        <v>0</v>
      </c>
      <c r="HM38" s="28">
        <v>0</v>
      </c>
      <c r="HN38" s="29">
        <v>0</v>
      </c>
      <c r="HO38" s="24">
        <v>0</v>
      </c>
      <c r="HP38" s="25">
        <v>0</v>
      </c>
      <c r="HQ38" s="26">
        <v>0</v>
      </c>
      <c r="HR38" s="27">
        <v>0</v>
      </c>
      <c r="HS38" s="25">
        <v>218349</v>
      </c>
      <c r="HT38" s="25">
        <v>387256</v>
      </c>
      <c r="HU38" s="25">
        <v>1146467</v>
      </c>
      <c r="HV38" s="25">
        <v>1487799</v>
      </c>
      <c r="HW38" s="25">
        <v>613273</v>
      </c>
      <c r="HX38" s="28">
        <v>3853144</v>
      </c>
      <c r="HY38" s="29">
        <v>3853144</v>
      </c>
    </row>
    <row r="39" spans="2:233" ht="21" customHeight="1" x14ac:dyDescent="0.2">
      <c r="B39" s="106" t="s">
        <v>36</v>
      </c>
      <c r="C39" s="24">
        <v>0</v>
      </c>
      <c r="D39" s="25">
        <v>0</v>
      </c>
      <c r="E39" s="26">
        <v>0</v>
      </c>
      <c r="F39" s="27">
        <v>0</v>
      </c>
      <c r="G39" s="25">
        <v>93444</v>
      </c>
      <c r="H39" s="25">
        <v>220349</v>
      </c>
      <c r="I39" s="25">
        <v>671058</v>
      </c>
      <c r="J39" s="25">
        <v>1244974</v>
      </c>
      <c r="K39" s="25">
        <v>438325</v>
      </c>
      <c r="L39" s="28">
        <v>2668150</v>
      </c>
      <c r="M39" s="29">
        <v>2668150</v>
      </c>
      <c r="N39" s="24">
        <v>0</v>
      </c>
      <c r="O39" s="25">
        <v>0</v>
      </c>
      <c r="P39" s="26">
        <v>0</v>
      </c>
      <c r="Q39" s="404">
        <v>0</v>
      </c>
      <c r="R39" s="25">
        <v>0</v>
      </c>
      <c r="S39" s="25">
        <v>40680</v>
      </c>
      <c r="T39" s="25">
        <v>523958</v>
      </c>
      <c r="U39" s="25">
        <v>745233</v>
      </c>
      <c r="V39" s="25">
        <v>329785</v>
      </c>
      <c r="W39" s="28">
        <v>1639656</v>
      </c>
      <c r="X39" s="29">
        <v>1639656</v>
      </c>
      <c r="Y39" s="24">
        <v>0</v>
      </c>
      <c r="Z39" s="25">
        <v>0</v>
      </c>
      <c r="AA39" s="26">
        <v>0</v>
      </c>
      <c r="AB39" s="404">
        <v>0</v>
      </c>
      <c r="AC39" s="25">
        <v>75950</v>
      </c>
      <c r="AD39" s="25">
        <v>148405</v>
      </c>
      <c r="AE39" s="25">
        <v>131495</v>
      </c>
      <c r="AF39" s="25">
        <v>338290</v>
      </c>
      <c r="AG39" s="25">
        <v>74420</v>
      </c>
      <c r="AH39" s="28">
        <v>768560</v>
      </c>
      <c r="AI39" s="29">
        <v>768560</v>
      </c>
      <c r="AJ39" s="24">
        <v>0</v>
      </c>
      <c r="AK39" s="25">
        <v>0</v>
      </c>
      <c r="AL39" s="26">
        <v>0</v>
      </c>
      <c r="AM39" s="404">
        <v>0</v>
      </c>
      <c r="AN39" s="25">
        <v>0</v>
      </c>
      <c r="AO39" s="25">
        <v>0</v>
      </c>
      <c r="AP39" s="25">
        <v>0</v>
      </c>
      <c r="AQ39" s="25">
        <v>0</v>
      </c>
      <c r="AR39" s="25">
        <v>0</v>
      </c>
      <c r="AS39" s="28">
        <v>0</v>
      </c>
      <c r="AT39" s="29">
        <v>0</v>
      </c>
      <c r="AU39" s="24">
        <v>0</v>
      </c>
      <c r="AV39" s="25">
        <v>0</v>
      </c>
      <c r="AW39" s="26">
        <v>0</v>
      </c>
      <c r="AX39" s="404">
        <v>0</v>
      </c>
      <c r="AY39" s="25">
        <v>0</v>
      </c>
      <c r="AZ39" s="25">
        <v>0</v>
      </c>
      <c r="BA39" s="25">
        <v>0</v>
      </c>
      <c r="BB39" s="25">
        <v>95480</v>
      </c>
      <c r="BC39" s="25">
        <v>7225</v>
      </c>
      <c r="BD39" s="28">
        <v>102705</v>
      </c>
      <c r="BE39" s="29">
        <v>102705</v>
      </c>
      <c r="BF39" s="24">
        <v>0</v>
      </c>
      <c r="BG39" s="25">
        <v>0</v>
      </c>
      <c r="BH39" s="26">
        <v>0</v>
      </c>
      <c r="BI39" s="404">
        <v>0</v>
      </c>
      <c r="BJ39" s="25">
        <v>0</v>
      </c>
      <c r="BK39" s="25">
        <v>0</v>
      </c>
      <c r="BL39" s="25">
        <v>0</v>
      </c>
      <c r="BM39" s="25">
        <v>0</v>
      </c>
      <c r="BN39" s="25">
        <v>0</v>
      </c>
      <c r="BO39" s="28">
        <v>0</v>
      </c>
      <c r="BP39" s="29">
        <v>0</v>
      </c>
      <c r="BQ39" s="24">
        <v>0</v>
      </c>
      <c r="BR39" s="25">
        <v>0</v>
      </c>
      <c r="BS39" s="26">
        <v>0</v>
      </c>
      <c r="BT39" s="27">
        <v>0</v>
      </c>
      <c r="BU39" s="25">
        <v>12559</v>
      </c>
      <c r="BV39" s="25">
        <v>31264</v>
      </c>
      <c r="BW39" s="25">
        <v>15605</v>
      </c>
      <c r="BX39" s="25">
        <v>64956</v>
      </c>
      <c r="BY39" s="25">
        <v>26895</v>
      </c>
      <c r="BZ39" s="28">
        <v>151279</v>
      </c>
      <c r="CA39" s="29">
        <v>151279</v>
      </c>
      <c r="CB39" s="24">
        <v>0</v>
      </c>
      <c r="CC39" s="25">
        <v>0</v>
      </c>
      <c r="CD39" s="26">
        <v>0</v>
      </c>
      <c r="CE39" s="27">
        <v>0</v>
      </c>
      <c r="CF39" s="25">
        <v>4935</v>
      </c>
      <c r="CG39" s="25">
        <v>0</v>
      </c>
      <c r="CH39" s="25">
        <v>0</v>
      </c>
      <c r="CI39" s="25">
        <v>1015</v>
      </c>
      <c r="CJ39" s="25">
        <v>0</v>
      </c>
      <c r="CK39" s="28">
        <v>5950</v>
      </c>
      <c r="CL39" s="29">
        <v>5950</v>
      </c>
      <c r="CM39" s="24">
        <v>0</v>
      </c>
      <c r="CN39" s="25">
        <v>0</v>
      </c>
      <c r="CO39" s="26">
        <v>0</v>
      </c>
      <c r="CP39" s="27">
        <v>0</v>
      </c>
      <c r="CQ39" s="25">
        <v>0</v>
      </c>
      <c r="CR39" s="25">
        <v>0</v>
      </c>
      <c r="CS39" s="25">
        <v>0</v>
      </c>
      <c r="CT39" s="25">
        <v>0</v>
      </c>
      <c r="CU39" s="25">
        <v>0</v>
      </c>
      <c r="CV39" s="28">
        <v>0</v>
      </c>
      <c r="CW39" s="29">
        <v>0</v>
      </c>
      <c r="CX39" s="24">
        <v>0</v>
      </c>
      <c r="CY39" s="25">
        <v>0</v>
      </c>
      <c r="CZ39" s="26">
        <v>0</v>
      </c>
      <c r="DA39" s="404">
        <v>0</v>
      </c>
      <c r="DB39" s="25">
        <v>0</v>
      </c>
      <c r="DC39" s="25">
        <v>0</v>
      </c>
      <c r="DD39" s="25">
        <v>0</v>
      </c>
      <c r="DE39" s="25">
        <v>0</v>
      </c>
      <c r="DF39" s="25">
        <v>0</v>
      </c>
      <c r="DG39" s="28">
        <v>0</v>
      </c>
      <c r="DH39" s="29">
        <v>0</v>
      </c>
      <c r="DI39" s="24">
        <v>0</v>
      </c>
      <c r="DJ39" s="25">
        <v>0</v>
      </c>
      <c r="DK39" s="26">
        <v>0</v>
      </c>
      <c r="DL39" s="27">
        <v>0</v>
      </c>
      <c r="DM39" s="25">
        <v>18215</v>
      </c>
      <c r="DN39" s="25">
        <v>103837</v>
      </c>
      <c r="DO39" s="25">
        <v>675678</v>
      </c>
      <c r="DP39" s="25">
        <v>907154</v>
      </c>
      <c r="DQ39" s="25">
        <v>530369</v>
      </c>
      <c r="DR39" s="28">
        <v>2235253</v>
      </c>
      <c r="DS39" s="30">
        <v>2235253</v>
      </c>
      <c r="DT39" s="24">
        <v>0</v>
      </c>
      <c r="DU39" s="25">
        <v>0</v>
      </c>
      <c r="DV39" s="26">
        <v>0</v>
      </c>
      <c r="DW39" s="404">
        <v>0</v>
      </c>
      <c r="DX39" s="25">
        <v>0</v>
      </c>
      <c r="DY39" s="25">
        <v>71517</v>
      </c>
      <c r="DZ39" s="25">
        <v>661669</v>
      </c>
      <c r="EA39" s="25">
        <v>732815</v>
      </c>
      <c r="EB39" s="25">
        <v>498630</v>
      </c>
      <c r="EC39" s="28">
        <v>1964631</v>
      </c>
      <c r="ED39" s="29">
        <v>1964631</v>
      </c>
      <c r="EE39" s="24">
        <v>0</v>
      </c>
      <c r="EF39" s="25">
        <v>0</v>
      </c>
      <c r="EG39" s="26">
        <v>0</v>
      </c>
      <c r="EH39" s="404">
        <v>0</v>
      </c>
      <c r="EI39" s="25">
        <v>1302</v>
      </c>
      <c r="EJ39" s="25">
        <v>2380</v>
      </c>
      <c r="EK39" s="25">
        <v>1736</v>
      </c>
      <c r="EL39" s="25">
        <v>51543</v>
      </c>
      <c r="EM39" s="25">
        <v>3560</v>
      </c>
      <c r="EN39" s="28">
        <v>60521</v>
      </c>
      <c r="EO39" s="29">
        <v>60521</v>
      </c>
      <c r="EP39" s="24">
        <v>0</v>
      </c>
      <c r="EQ39" s="25">
        <v>0</v>
      </c>
      <c r="ER39" s="26">
        <v>0</v>
      </c>
      <c r="ES39" s="404">
        <v>0</v>
      </c>
      <c r="ET39" s="25">
        <v>0</v>
      </c>
      <c r="EU39" s="25">
        <v>0</v>
      </c>
      <c r="EV39" s="25">
        <v>0</v>
      </c>
      <c r="EW39" s="25">
        <v>0</v>
      </c>
      <c r="EX39" s="25">
        <v>0</v>
      </c>
      <c r="EY39" s="28">
        <v>0</v>
      </c>
      <c r="EZ39" s="29">
        <v>0</v>
      </c>
      <c r="FA39" s="24">
        <v>0</v>
      </c>
      <c r="FB39" s="25">
        <v>0</v>
      </c>
      <c r="FC39" s="26">
        <v>0</v>
      </c>
      <c r="FD39" s="404">
        <v>0</v>
      </c>
      <c r="FE39" s="25">
        <v>0</v>
      </c>
      <c r="FF39" s="25">
        <v>0</v>
      </c>
      <c r="FG39" s="25">
        <v>0</v>
      </c>
      <c r="FH39" s="25">
        <v>14198</v>
      </c>
      <c r="FI39" s="25">
        <v>651</v>
      </c>
      <c r="FJ39" s="28">
        <v>14849</v>
      </c>
      <c r="FK39" s="29">
        <v>14849</v>
      </c>
      <c r="FL39" s="24">
        <v>0</v>
      </c>
      <c r="FM39" s="25">
        <v>0</v>
      </c>
      <c r="FN39" s="26">
        <v>0</v>
      </c>
      <c r="FO39" s="404">
        <v>0</v>
      </c>
      <c r="FP39" s="25">
        <v>0</v>
      </c>
      <c r="FQ39" s="25">
        <v>0</v>
      </c>
      <c r="FR39" s="25">
        <v>0</v>
      </c>
      <c r="FS39" s="25">
        <v>0</v>
      </c>
      <c r="FT39" s="25">
        <v>0</v>
      </c>
      <c r="FU39" s="28">
        <v>0</v>
      </c>
      <c r="FV39" s="29">
        <v>0</v>
      </c>
      <c r="FW39" s="24">
        <v>0</v>
      </c>
      <c r="FX39" s="25">
        <v>0</v>
      </c>
      <c r="FY39" s="26">
        <v>0</v>
      </c>
      <c r="FZ39" s="27">
        <v>0</v>
      </c>
      <c r="GA39" s="25">
        <v>16871</v>
      </c>
      <c r="GB39" s="25">
        <v>29940</v>
      </c>
      <c r="GC39" s="25">
        <v>12273</v>
      </c>
      <c r="GD39" s="25">
        <v>108549</v>
      </c>
      <c r="GE39" s="25">
        <v>27528</v>
      </c>
      <c r="GF39" s="28">
        <v>195161</v>
      </c>
      <c r="GG39" s="29">
        <v>195161</v>
      </c>
      <c r="GH39" s="24">
        <v>0</v>
      </c>
      <c r="GI39" s="25">
        <v>0</v>
      </c>
      <c r="GJ39" s="26">
        <v>0</v>
      </c>
      <c r="GK39" s="27">
        <v>0</v>
      </c>
      <c r="GL39" s="25">
        <v>42</v>
      </c>
      <c r="GM39" s="25">
        <v>0</v>
      </c>
      <c r="GN39" s="25">
        <v>0</v>
      </c>
      <c r="GO39" s="25">
        <v>49</v>
      </c>
      <c r="GP39" s="25">
        <v>0</v>
      </c>
      <c r="GQ39" s="28">
        <v>91</v>
      </c>
      <c r="GR39" s="29">
        <v>91</v>
      </c>
      <c r="GS39" s="24">
        <v>0</v>
      </c>
      <c r="GT39" s="25">
        <v>0</v>
      </c>
      <c r="GU39" s="26">
        <v>0</v>
      </c>
      <c r="GV39" s="27">
        <v>0</v>
      </c>
      <c r="GW39" s="25">
        <v>0</v>
      </c>
      <c r="GX39" s="25">
        <v>0</v>
      </c>
      <c r="GY39" s="25">
        <v>0</v>
      </c>
      <c r="GZ39" s="25">
        <v>0</v>
      </c>
      <c r="HA39" s="25">
        <v>0</v>
      </c>
      <c r="HB39" s="28">
        <v>0</v>
      </c>
      <c r="HC39" s="29">
        <v>0</v>
      </c>
      <c r="HD39" s="24">
        <v>0</v>
      </c>
      <c r="HE39" s="25">
        <v>0</v>
      </c>
      <c r="HF39" s="26">
        <v>0</v>
      </c>
      <c r="HG39" s="404">
        <v>0</v>
      </c>
      <c r="HH39" s="25">
        <v>0</v>
      </c>
      <c r="HI39" s="25">
        <v>0</v>
      </c>
      <c r="HJ39" s="25">
        <v>0</v>
      </c>
      <c r="HK39" s="25">
        <v>0</v>
      </c>
      <c r="HL39" s="25">
        <v>0</v>
      </c>
      <c r="HM39" s="28">
        <v>0</v>
      </c>
      <c r="HN39" s="29">
        <v>0</v>
      </c>
      <c r="HO39" s="24">
        <v>0</v>
      </c>
      <c r="HP39" s="25">
        <v>0</v>
      </c>
      <c r="HQ39" s="26">
        <v>0</v>
      </c>
      <c r="HR39" s="27">
        <v>0</v>
      </c>
      <c r="HS39" s="25">
        <v>111659</v>
      </c>
      <c r="HT39" s="25">
        <v>324186</v>
      </c>
      <c r="HU39" s="25">
        <v>1346736</v>
      </c>
      <c r="HV39" s="25">
        <v>2152128</v>
      </c>
      <c r="HW39" s="25">
        <v>968694</v>
      </c>
      <c r="HX39" s="28">
        <v>4903403</v>
      </c>
      <c r="HY39" s="29">
        <v>4903403</v>
      </c>
    </row>
    <row r="40" spans="2:233" ht="21" customHeight="1" thickBot="1" x14ac:dyDescent="0.25">
      <c r="B40" s="108" t="s">
        <v>37</v>
      </c>
      <c r="C40" s="31">
        <v>0</v>
      </c>
      <c r="D40" s="32">
        <v>0</v>
      </c>
      <c r="E40" s="33">
        <v>0</v>
      </c>
      <c r="F40" s="34">
        <v>0</v>
      </c>
      <c r="G40" s="32">
        <v>8450</v>
      </c>
      <c r="H40" s="32">
        <v>2635</v>
      </c>
      <c r="I40" s="32">
        <v>130230</v>
      </c>
      <c r="J40" s="32">
        <v>36385</v>
      </c>
      <c r="K40" s="32">
        <v>117335</v>
      </c>
      <c r="L40" s="35">
        <v>295035</v>
      </c>
      <c r="M40" s="36">
        <v>295035</v>
      </c>
      <c r="N40" s="31">
        <v>0</v>
      </c>
      <c r="O40" s="32">
        <v>0</v>
      </c>
      <c r="P40" s="33">
        <v>0</v>
      </c>
      <c r="Q40" s="405">
        <v>0</v>
      </c>
      <c r="R40" s="32">
        <v>0</v>
      </c>
      <c r="S40" s="32">
        <v>0</v>
      </c>
      <c r="T40" s="32">
        <v>35340</v>
      </c>
      <c r="U40" s="32">
        <v>33750</v>
      </c>
      <c r="V40" s="32">
        <v>92690</v>
      </c>
      <c r="W40" s="35">
        <v>161780</v>
      </c>
      <c r="X40" s="36">
        <v>161780</v>
      </c>
      <c r="Y40" s="31">
        <v>0</v>
      </c>
      <c r="Z40" s="32">
        <v>0</v>
      </c>
      <c r="AA40" s="33">
        <v>0</v>
      </c>
      <c r="AB40" s="405">
        <v>0</v>
      </c>
      <c r="AC40" s="32">
        <v>0</v>
      </c>
      <c r="AD40" s="32">
        <v>2635</v>
      </c>
      <c r="AE40" s="32">
        <v>90310</v>
      </c>
      <c r="AF40" s="32">
        <v>2635</v>
      </c>
      <c r="AG40" s="32">
        <v>24645</v>
      </c>
      <c r="AH40" s="35">
        <v>120225</v>
      </c>
      <c r="AI40" s="36">
        <v>120225</v>
      </c>
      <c r="AJ40" s="31">
        <v>0</v>
      </c>
      <c r="AK40" s="32">
        <v>0</v>
      </c>
      <c r="AL40" s="33">
        <v>0</v>
      </c>
      <c r="AM40" s="405">
        <v>0</v>
      </c>
      <c r="AN40" s="32">
        <v>0</v>
      </c>
      <c r="AO40" s="32">
        <v>0</v>
      </c>
      <c r="AP40" s="32">
        <v>0</v>
      </c>
      <c r="AQ40" s="32">
        <v>0</v>
      </c>
      <c r="AR40" s="32">
        <v>0</v>
      </c>
      <c r="AS40" s="35">
        <v>0</v>
      </c>
      <c r="AT40" s="36">
        <v>0</v>
      </c>
      <c r="AU40" s="31">
        <v>0</v>
      </c>
      <c r="AV40" s="32">
        <v>0</v>
      </c>
      <c r="AW40" s="33">
        <v>0</v>
      </c>
      <c r="AX40" s="405">
        <v>0</v>
      </c>
      <c r="AY40" s="32">
        <v>0</v>
      </c>
      <c r="AZ40" s="32">
        <v>0</v>
      </c>
      <c r="BA40" s="32">
        <v>0</v>
      </c>
      <c r="BB40" s="32">
        <v>0</v>
      </c>
      <c r="BC40" s="32">
        <v>0</v>
      </c>
      <c r="BD40" s="35">
        <v>0</v>
      </c>
      <c r="BE40" s="36">
        <v>0</v>
      </c>
      <c r="BF40" s="31">
        <v>0</v>
      </c>
      <c r="BG40" s="32">
        <v>0</v>
      </c>
      <c r="BH40" s="33">
        <v>0</v>
      </c>
      <c r="BI40" s="405">
        <v>0</v>
      </c>
      <c r="BJ40" s="32">
        <v>0</v>
      </c>
      <c r="BK40" s="32">
        <v>0</v>
      </c>
      <c r="BL40" s="32">
        <v>0</v>
      </c>
      <c r="BM40" s="32">
        <v>0</v>
      </c>
      <c r="BN40" s="32">
        <v>0</v>
      </c>
      <c r="BO40" s="35">
        <v>0</v>
      </c>
      <c r="BP40" s="36">
        <v>0</v>
      </c>
      <c r="BQ40" s="31">
        <v>0</v>
      </c>
      <c r="BR40" s="32">
        <v>0</v>
      </c>
      <c r="BS40" s="33">
        <v>0</v>
      </c>
      <c r="BT40" s="34">
        <v>0</v>
      </c>
      <c r="BU40" s="32">
        <v>0</v>
      </c>
      <c r="BV40" s="32">
        <v>0</v>
      </c>
      <c r="BW40" s="32">
        <v>4580</v>
      </c>
      <c r="BX40" s="32">
        <v>0</v>
      </c>
      <c r="BY40" s="32">
        <v>0</v>
      </c>
      <c r="BZ40" s="35">
        <v>4580</v>
      </c>
      <c r="CA40" s="36">
        <v>4580</v>
      </c>
      <c r="CB40" s="31">
        <v>0</v>
      </c>
      <c r="CC40" s="32">
        <v>0</v>
      </c>
      <c r="CD40" s="33">
        <v>0</v>
      </c>
      <c r="CE40" s="34">
        <v>0</v>
      </c>
      <c r="CF40" s="32">
        <v>8450</v>
      </c>
      <c r="CG40" s="32">
        <v>0</v>
      </c>
      <c r="CH40" s="32">
        <v>0</v>
      </c>
      <c r="CI40" s="32">
        <v>0</v>
      </c>
      <c r="CJ40" s="32">
        <v>0</v>
      </c>
      <c r="CK40" s="35">
        <v>8450</v>
      </c>
      <c r="CL40" s="36">
        <v>8450</v>
      </c>
      <c r="CM40" s="31">
        <v>0</v>
      </c>
      <c r="CN40" s="32">
        <v>0</v>
      </c>
      <c r="CO40" s="33">
        <v>0</v>
      </c>
      <c r="CP40" s="34">
        <v>0</v>
      </c>
      <c r="CQ40" s="32">
        <v>0</v>
      </c>
      <c r="CR40" s="32">
        <v>0</v>
      </c>
      <c r="CS40" s="32">
        <v>0</v>
      </c>
      <c r="CT40" s="32">
        <v>0</v>
      </c>
      <c r="CU40" s="32">
        <v>0</v>
      </c>
      <c r="CV40" s="35">
        <v>0</v>
      </c>
      <c r="CW40" s="36">
        <v>0</v>
      </c>
      <c r="CX40" s="31">
        <v>0</v>
      </c>
      <c r="CY40" s="32">
        <v>0</v>
      </c>
      <c r="CZ40" s="33">
        <v>0</v>
      </c>
      <c r="DA40" s="405">
        <v>0</v>
      </c>
      <c r="DB40" s="32">
        <v>0</v>
      </c>
      <c r="DC40" s="32">
        <v>0</v>
      </c>
      <c r="DD40" s="32">
        <v>0</v>
      </c>
      <c r="DE40" s="32">
        <v>0</v>
      </c>
      <c r="DF40" s="32">
        <v>0</v>
      </c>
      <c r="DG40" s="35">
        <v>0</v>
      </c>
      <c r="DH40" s="36">
        <v>0</v>
      </c>
      <c r="DI40" s="31">
        <v>0</v>
      </c>
      <c r="DJ40" s="32">
        <v>0</v>
      </c>
      <c r="DK40" s="33">
        <v>0</v>
      </c>
      <c r="DL40" s="34">
        <v>0</v>
      </c>
      <c r="DM40" s="32">
        <v>70</v>
      </c>
      <c r="DN40" s="32">
        <v>217</v>
      </c>
      <c r="DO40" s="32">
        <v>48098</v>
      </c>
      <c r="DP40" s="32">
        <v>106647</v>
      </c>
      <c r="DQ40" s="32">
        <v>82088</v>
      </c>
      <c r="DR40" s="35">
        <v>237120</v>
      </c>
      <c r="DS40" s="37">
        <v>237120</v>
      </c>
      <c r="DT40" s="31">
        <v>0</v>
      </c>
      <c r="DU40" s="32">
        <v>0</v>
      </c>
      <c r="DV40" s="33">
        <v>0</v>
      </c>
      <c r="DW40" s="405">
        <v>0</v>
      </c>
      <c r="DX40" s="32">
        <v>0</v>
      </c>
      <c r="DY40" s="32">
        <v>0</v>
      </c>
      <c r="DZ40" s="32">
        <v>36611</v>
      </c>
      <c r="EA40" s="32">
        <v>106430</v>
      </c>
      <c r="EB40" s="32">
        <v>81871</v>
      </c>
      <c r="EC40" s="35">
        <v>224912</v>
      </c>
      <c r="ED40" s="36">
        <v>224912</v>
      </c>
      <c r="EE40" s="31">
        <v>0</v>
      </c>
      <c r="EF40" s="32">
        <v>0</v>
      </c>
      <c r="EG40" s="33">
        <v>0</v>
      </c>
      <c r="EH40" s="405">
        <v>0</v>
      </c>
      <c r="EI40" s="32">
        <v>0</v>
      </c>
      <c r="EJ40" s="32">
        <v>217</v>
      </c>
      <c r="EK40" s="32">
        <v>8527</v>
      </c>
      <c r="EL40" s="32">
        <v>217</v>
      </c>
      <c r="EM40" s="32">
        <v>217</v>
      </c>
      <c r="EN40" s="35">
        <v>9178</v>
      </c>
      <c r="EO40" s="36">
        <v>9178</v>
      </c>
      <c r="EP40" s="31">
        <v>0</v>
      </c>
      <c r="EQ40" s="32">
        <v>0</v>
      </c>
      <c r="ER40" s="33">
        <v>0</v>
      </c>
      <c r="ES40" s="405">
        <v>0</v>
      </c>
      <c r="ET40" s="32">
        <v>0</v>
      </c>
      <c r="EU40" s="32">
        <v>0</v>
      </c>
      <c r="EV40" s="32">
        <v>0</v>
      </c>
      <c r="EW40" s="32">
        <v>0</v>
      </c>
      <c r="EX40" s="32">
        <v>0</v>
      </c>
      <c r="EY40" s="35">
        <v>0</v>
      </c>
      <c r="EZ40" s="36">
        <v>0</v>
      </c>
      <c r="FA40" s="31">
        <v>0</v>
      </c>
      <c r="FB40" s="32">
        <v>0</v>
      </c>
      <c r="FC40" s="33">
        <v>0</v>
      </c>
      <c r="FD40" s="405">
        <v>0</v>
      </c>
      <c r="FE40" s="32">
        <v>0</v>
      </c>
      <c r="FF40" s="32">
        <v>0</v>
      </c>
      <c r="FG40" s="32">
        <v>0</v>
      </c>
      <c r="FH40" s="32">
        <v>0</v>
      </c>
      <c r="FI40" s="32">
        <v>0</v>
      </c>
      <c r="FJ40" s="35">
        <v>0</v>
      </c>
      <c r="FK40" s="36">
        <v>0</v>
      </c>
      <c r="FL40" s="31">
        <v>0</v>
      </c>
      <c r="FM40" s="32">
        <v>0</v>
      </c>
      <c r="FN40" s="33">
        <v>0</v>
      </c>
      <c r="FO40" s="405">
        <v>0</v>
      </c>
      <c r="FP40" s="32">
        <v>0</v>
      </c>
      <c r="FQ40" s="32">
        <v>0</v>
      </c>
      <c r="FR40" s="32">
        <v>0</v>
      </c>
      <c r="FS40" s="32">
        <v>0</v>
      </c>
      <c r="FT40" s="32">
        <v>0</v>
      </c>
      <c r="FU40" s="35">
        <v>0</v>
      </c>
      <c r="FV40" s="36">
        <v>0</v>
      </c>
      <c r="FW40" s="31">
        <v>0</v>
      </c>
      <c r="FX40" s="32">
        <v>0</v>
      </c>
      <c r="FY40" s="33">
        <v>0</v>
      </c>
      <c r="FZ40" s="34">
        <v>0</v>
      </c>
      <c r="GA40" s="32">
        <v>0</v>
      </c>
      <c r="GB40" s="32">
        <v>0</v>
      </c>
      <c r="GC40" s="32">
        <v>2960</v>
      </c>
      <c r="GD40" s="32">
        <v>0</v>
      </c>
      <c r="GE40" s="32">
        <v>0</v>
      </c>
      <c r="GF40" s="35">
        <v>2960</v>
      </c>
      <c r="GG40" s="36">
        <v>2960</v>
      </c>
      <c r="GH40" s="31">
        <v>0</v>
      </c>
      <c r="GI40" s="32">
        <v>0</v>
      </c>
      <c r="GJ40" s="33">
        <v>0</v>
      </c>
      <c r="GK40" s="34">
        <v>0</v>
      </c>
      <c r="GL40" s="32">
        <v>70</v>
      </c>
      <c r="GM40" s="32">
        <v>0</v>
      </c>
      <c r="GN40" s="32">
        <v>0</v>
      </c>
      <c r="GO40" s="32">
        <v>0</v>
      </c>
      <c r="GP40" s="32">
        <v>0</v>
      </c>
      <c r="GQ40" s="35">
        <v>70</v>
      </c>
      <c r="GR40" s="36">
        <v>70</v>
      </c>
      <c r="GS40" s="31">
        <v>0</v>
      </c>
      <c r="GT40" s="32">
        <v>0</v>
      </c>
      <c r="GU40" s="33">
        <v>0</v>
      </c>
      <c r="GV40" s="34">
        <v>0</v>
      </c>
      <c r="GW40" s="32">
        <v>0</v>
      </c>
      <c r="GX40" s="32">
        <v>0</v>
      </c>
      <c r="GY40" s="32">
        <v>0</v>
      </c>
      <c r="GZ40" s="32">
        <v>0</v>
      </c>
      <c r="HA40" s="32">
        <v>0</v>
      </c>
      <c r="HB40" s="35">
        <v>0</v>
      </c>
      <c r="HC40" s="36">
        <v>0</v>
      </c>
      <c r="HD40" s="31">
        <v>0</v>
      </c>
      <c r="HE40" s="32">
        <v>0</v>
      </c>
      <c r="HF40" s="33">
        <v>0</v>
      </c>
      <c r="HG40" s="405">
        <v>0</v>
      </c>
      <c r="HH40" s="32">
        <v>0</v>
      </c>
      <c r="HI40" s="32">
        <v>0</v>
      </c>
      <c r="HJ40" s="32">
        <v>0</v>
      </c>
      <c r="HK40" s="32">
        <v>0</v>
      </c>
      <c r="HL40" s="32">
        <v>0</v>
      </c>
      <c r="HM40" s="35">
        <v>0</v>
      </c>
      <c r="HN40" s="36">
        <v>0</v>
      </c>
      <c r="HO40" s="31">
        <v>0</v>
      </c>
      <c r="HP40" s="32">
        <v>0</v>
      </c>
      <c r="HQ40" s="33">
        <v>0</v>
      </c>
      <c r="HR40" s="34">
        <v>0</v>
      </c>
      <c r="HS40" s="32">
        <v>8520</v>
      </c>
      <c r="HT40" s="32">
        <v>2852</v>
      </c>
      <c r="HU40" s="32">
        <v>178328</v>
      </c>
      <c r="HV40" s="32">
        <v>143032</v>
      </c>
      <c r="HW40" s="32">
        <v>199423</v>
      </c>
      <c r="HX40" s="35">
        <v>532155</v>
      </c>
      <c r="HY40" s="36">
        <v>532155</v>
      </c>
    </row>
    <row r="41" spans="2:233" x14ac:dyDescent="0.2">
      <c r="B41" s="71" t="s">
        <v>84</v>
      </c>
    </row>
  </sheetData>
  <mergeCells count="88">
    <mergeCell ref="FK5:FK6"/>
    <mergeCell ref="HC5:HC6"/>
    <mergeCell ref="HO5:HQ5"/>
    <mergeCell ref="HR5:HX5"/>
    <mergeCell ref="HY5:HY6"/>
    <mergeCell ref="GG5:GG6"/>
    <mergeCell ref="GH5:GJ5"/>
    <mergeCell ref="GK5:GQ5"/>
    <mergeCell ref="GR5:GR6"/>
    <mergeCell ref="GS5:GU5"/>
    <mergeCell ref="GV5:HB5"/>
    <mergeCell ref="HD5:HF5"/>
    <mergeCell ref="HG5:HM5"/>
    <mergeCell ref="HN5:HN6"/>
    <mergeCell ref="DA5:DG5"/>
    <mergeCell ref="DH5:DH6"/>
    <mergeCell ref="FZ5:GF5"/>
    <mergeCell ref="ED5:ED6"/>
    <mergeCell ref="EE5:EG5"/>
    <mergeCell ref="EH5:EN5"/>
    <mergeCell ref="EO5:EO6"/>
    <mergeCell ref="EP5:ER5"/>
    <mergeCell ref="ES5:EY5"/>
    <mergeCell ref="EZ5:EZ6"/>
    <mergeCell ref="FL5:FN5"/>
    <mergeCell ref="FO5:FU5"/>
    <mergeCell ref="FV5:FV6"/>
    <mergeCell ref="FW5:FY5"/>
    <mergeCell ref="FA5:FC5"/>
    <mergeCell ref="FD5:FJ5"/>
    <mergeCell ref="AU5:AW5"/>
    <mergeCell ref="AX5:BD5"/>
    <mergeCell ref="BE5:BE6"/>
    <mergeCell ref="DW5:EC5"/>
    <mergeCell ref="CA5:CA6"/>
    <mergeCell ref="CB5:CD5"/>
    <mergeCell ref="CE5:CK5"/>
    <mergeCell ref="CL5:CL6"/>
    <mergeCell ref="CM5:CO5"/>
    <mergeCell ref="CP5:CV5"/>
    <mergeCell ref="CW5:CW6"/>
    <mergeCell ref="DI5:DK5"/>
    <mergeCell ref="DL5:DR5"/>
    <mergeCell ref="DS5:DS6"/>
    <mergeCell ref="DT5:DV5"/>
    <mergeCell ref="CX5:CZ5"/>
    <mergeCell ref="B3:B6"/>
    <mergeCell ref="BQ4:CA4"/>
    <mergeCell ref="CB4:CL4"/>
    <mergeCell ref="CM4:CW4"/>
    <mergeCell ref="BT5:BZ5"/>
    <mergeCell ref="X5:X6"/>
    <mergeCell ref="Y5:AA5"/>
    <mergeCell ref="AB5:AH5"/>
    <mergeCell ref="AI5:AI6"/>
    <mergeCell ref="AJ5:AL5"/>
    <mergeCell ref="AM5:AS5"/>
    <mergeCell ref="AT5:AT6"/>
    <mergeCell ref="BF5:BH5"/>
    <mergeCell ref="BI5:BO5"/>
    <mergeCell ref="BP5:BP6"/>
    <mergeCell ref="BQ5:BS5"/>
    <mergeCell ref="C5:E5"/>
    <mergeCell ref="F5:L5"/>
    <mergeCell ref="M5:M6"/>
    <mergeCell ref="N5:P5"/>
    <mergeCell ref="Q5:W5"/>
    <mergeCell ref="HO3:HY4"/>
    <mergeCell ref="EE4:EO4"/>
    <mergeCell ref="FW4:GG4"/>
    <mergeCell ref="GH4:GR4"/>
    <mergeCell ref="GS4:HC4"/>
    <mergeCell ref="FA4:FK4"/>
    <mergeCell ref="G1:H1"/>
    <mergeCell ref="HD4:HN4"/>
    <mergeCell ref="DI3:HN3"/>
    <mergeCell ref="EP4:EZ4"/>
    <mergeCell ref="FL4:FV4"/>
    <mergeCell ref="CX4:DH4"/>
    <mergeCell ref="C3:DH3"/>
    <mergeCell ref="DI4:DS4"/>
    <mergeCell ref="DT4:ED4"/>
    <mergeCell ref="C4:M4"/>
    <mergeCell ref="N4:X4"/>
    <mergeCell ref="Y4:AI4"/>
    <mergeCell ref="AJ4:AT4"/>
    <mergeCell ref="BF4:BP4"/>
    <mergeCell ref="AU4:BE4"/>
  </mergeCells>
  <phoneticPr fontId="4"/>
  <pageMargins left="0.59055118110236227" right="0.39370078740157483" top="0.74803149606299213" bottom="0.74803149606299213" header="0.31496062992125984" footer="0.31496062992125984"/>
  <pageSetup paperSize="9" scale="40" orientation="landscape" r:id="rId1"/>
  <headerFooter>
    <oddFooter>&amp;L&amp;20&amp;A&amp;C&amp;P/&amp;N</oddFooter>
  </headerFooter>
  <colBreaks count="6" manualBreakCount="6">
    <brk id="35" max="1048575" man="1"/>
    <brk id="68" max="1048575" man="1"/>
    <brk id="102" max="1048575" man="1"/>
    <brk id="134" max="1048575" man="1"/>
    <brk id="167" max="1048575" man="1"/>
    <brk id="20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KM41"/>
  <sheetViews>
    <sheetView zoomScaleNormal="100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 activeCell="C7" sqref="C7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11" width="7.88671875" style="70" customWidth="1"/>
    <col min="12" max="13" width="8.77734375" style="70" customWidth="1"/>
    <col min="14" max="33" width="7.88671875" style="70" customWidth="1"/>
    <col min="34" max="34" width="9.109375" style="70" customWidth="1"/>
    <col min="35" max="35" width="8.44140625" style="70" customWidth="1"/>
    <col min="36" max="55" width="7.88671875" style="70" customWidth="1"/>
    <col min="56" max="56" width="9.109375" style="70" customWidth="1"/>
    <col min="57" max="57" width="8.44140625" style="70" customWidth="1"/>
    <col min="58" max="77" width="7.88671875" style="70" customWidth="1"/>
    <col min="78" max="78" width="9.109375" style="70" customWidth="1"/>
    <col min="79" max="79" width="8.44140625" style="70" customWidth="1"/>
    <col min="80" max="86" width="7.88671875" style="70" customWidth="1"/>
    <col min="87" max="93" width="9" style="70"/>
    <col min="94" max="94" width="8.44140625" style="70" customWidth="1"/>
    <col min="95" max="102" width="9" style="70"/>
    <col min="103" max="104" width="9" style="71"/>
    <col min="105" max="105" width="7.77734375" style="71" customWidth="1"/>
    <col min="106" max="115" width="9" style="71"/>
    <col min="116" max="116" width="7.77734375" style="71" customWidth="1"/>
    <col min="117" max="126" width="9" style="71"/>
    <col min="127" max="127" width="7.77734375" style="71" customWidth="1"/>
    <col min="128" max="137" width="9" style="71"/>
    <col min="138" max="138" width="8" style="71" customWidth="1"/>
    <col min="139" max="148" width="9" style="71"/>
    <col min="149" max="149" width="7.77734375" style="71" customWidth="1"/>
    <col min="150" max="159" width="9" style="71"/>
    <col min="160" max="160" width="7.44140625" style="71" customWidth="1"/>
    <col min="161" max="170" width="9" style="71"/>
    <col min="171" max="171" width="7.88671875" style="71" customWidth="1"/>
    <col min="172" max="181" width="9" style="71"/>
    <col min="182" max="182" width="7.21875" style="71" customWidth="1"/>
    <col min="183" max="192" width="9" style="71"/>
    <col min="193" max="193" width="8" style="71" customWidth="1"/>
    <col min="194" max="203" width="9" style="71"/>
    <col min="204" max="204" width="7.88671875" style="71" customWidth="1"/>
    <col min="205" max="214" width="9" style="71"/>
    <col min="215" max="215" width="7.88671875" style="71" customWidth="1"/>
    <col min="216" max="225" width="9" style="71"/>
    <col min="226" max="226" width="7.33203125" style="71" customWidth="1"/>
    <col min="227" max="236" width="9" style="71"/>
    <col min="237" max="237" width="7.6640625" style="71" customWidth="1"/>
    <col min="238" max="247" width="9" style="71"/>
    <col min="248" max="248" width="8" style="71" customWidth="1"/>
    <col min="249" max="258" width="9" style="71"/>
    <col min="259" max="259" width="8" style="71" customWidth="1"/>
    <col min="260" max="269" width="9" style="71"/>
    <col min="270" max="270" width="8" style="71" customWidth="1"/>
    <col min="271" max="280" width="9" style="71"/>
    <col min="281" max="281" width="8" style="71" customWidth="1"/>
    <col min="282" max="291" width="9" style="71"/>
    <col min="292" max="292" width="8.109375" style="71" customWidth="1"/>
    <col min="293" max="16384" width="9" style="71"/>
  </cols>
  <sheetData>
    <row r="1" spans="2:299" ht="24" customHeight="1" x14ac:dyDescent="0.2">
      <c r="B1" s="9" t="s">
        <v>119</v>
      </c>
      <c r="F1" s="442">
        <f>第１表!F2</f>
        <v>7</v>
      </c>
      <c r="G1" s="442"/>
      <c r="H1" s="18">
        <f>第１表!G2</f>
        <v>3</v>
      </c>
      <c r="I1" s="424">
        <f>H1</f>
        <v>3</v>
      </c>
      <c r="J1" s="424"/>
    </row>
    <row r="2" spans="2:299" ht="24" customHeight="1" thickBot="1" x14ac:dyDescent="0.25">
      <c r="B2" s="10" t="s">
        <v>128</v>
      </c>
    </row>
    <row r="3" spans="2:299" ht="21" customHeight="1" thickBot="1" x14ac:dyDescent="0.25">
      <c r="B3" s="425" t="s">
        <v>38</v>
      </c>
      <c r="C3" s="437" t="s">
        <v>96</v>
      </c>
      <c r="D3" s="437"/>
      <c r="E3" s="437"/>
      <c r="F3" s="437"/>
      <c r="G3" s="437"/>
      <c r="H3" s="437"/>
      <c r="I3" s="437"/>
      <c r="J3" s="437"/>
      <c r="K3" s="437"/>
      <c r="L3" s="437"/>
      <c r="M3" s="437"/>
      <c r="N3" s="437"/>
      <c r="O3" s="437"/>
      <c r="P3" s="437"/>
      <c r="Q3" s="437"/>
      <c r="R3" s="437"/>
      <c r="S3" s="437"/>
      <c r="T3" s="437"/>
      <c r="U3" s="437"/>
      <c r="V3" s="437"/>
      <c r="W3" s="437"/>
      <c r="X3" s="437"/>
      <c r="Y3" s="437"/>
      <c r="Z3" s="437"/>
      <c r="AA3" s="437"/>
      <c r="AB3" s="437"/>
      <c r="AC3" s="437"/>
      <c r="AD3" s="437"/>
      <c r="AE3" s="437"/>
      <c r="AF3" s="437"/>
      <c r="AG3" s="437"/>
      <c r="AH3" s="437"/>
      <c r="AI3" s="437"/>
      <c r="AJ3" s="437"/>
      <c r="AK3" s="437"/>
      <c r="AL3" s="437"/>
      <c r="AM3" s="437"/>
      <c r="AN3" s="437"/>
      <c r="AO3" s="437"/>
      <c r="AP3" s="437"/>
      <c r="AQ3" s="437"/>
      <c r="AR3" s="437"/>
      <c r="AS3" s="437"/>
      <c r="AT3" s="437"/>
      <c r="AU3" s="437"/>
      <c r="AV3" s="437"/>
      <c r="AW3" s="437"/>
      <c r="AX3" s="437"/>
      <c r="AY3" s="437"/>
      <c r="AZ3" s="437"/>
      <c r="BA3" s="437"/>
      <c r="BB3" s="437"/>
      <c r="BC3" s="437"/>
      <c r="BD3" s="437"/>
      <c r="BE3" s="437"/>
      <c r="BF3" s="437"/>
      <c r="BG3" s="437"/>
      <c r="BH3" s="437"/>
      <c r="BI3" s="437"/>
      <c r="BJ3" s="437"/>
      <c r="BK3" s="437"/>
      <c r="BL3" s="437"/>
      <c r="BM3" s="437"/>
      <c r="BN3" s="437"/>
      <c r="BO3" s="437"/>
      <c r="BP3" s="437"/>
      <c r="BQ3" s="437"/>
      <c r="BR3" s="437"/>
      <c r="BS3" s="437"/>
      <c r="BT3" s="437"/>
      <c r="BU3" s="437"/>
      <c r="BV3" s="437"/>
      <c r="BW3" s="437"/>
      <c r="BX3" s="437"/>
      <c r="BY3" s="437"/>
      <c r="BZ3" s="437"/>
      <c r="CA3" s="437"/>
      <c r="CB3" s="437"/>
      <c r="CC3" s="437"/>
      <c r="CD3" s="437"/>
      <c r="CE3" s="437"/>
      <c r="CF3" s="437"/>
      <c r="CG3" s="437"/>
      <c r="CH3" s="437"/>
      <c r="CI3" s="437"/>
      <c r="CJ3" s="437"/>
      <c r="CK3" s="437"/>
      <c r="CL3" s="437"/>
      <c r="CM3" s="437"/>
      <c r="CN3" s="437"/>
      <c r="CO3" s="437"/>
      <c r="CP3" s="437"/>
      <c r="CQ3" s="437"/>
      <c r="CR3" s="437"/>
      <c r="CS3" s="437"/>
      <c r="CT3" s="437"/>
      <c r="CU3" s="437"/>
      <c r="CV3" s="437"/>
      <c r="CW3" s="438"/>
      <c r="CX3" s="437" t="s">
        <v>102</v>
      </c>
      <c r="CY3" s="437"/>
      <c r="CZ3" s="437"/>
      <c r="DA3" s="437"/>
      <c r="DB3" s="437"/>
      <c r="DC3" s="437"/>
      <c r="DD3" s="437"/>
      <c r="DE3" s="437"/>
      <c r="DF3" s="437"/>
      <c r="DG3" s="437"/>
      <c r="DH3" s="437"/>
      <c r="DI3" s="437"/>
      <c r="DJ3" s="437"/>
      <c r="DK3" s="437"/>
      <c r="DL3" s="437"/>
      <c r="DM3" s="437"/>
      <c r="DN3" s="437"/>
      <c r="DO3" s="437"/>
      <c r="DP3" s="437"/>
      <c r="DQ3" s="437"/>
      <c r="DR3" s="437"/>
      <c r="DS3" s="437"/>
      <c r="DT3" s="437"/>
      <c r="DU3" s="437"/>
      <c r="DV3" s="437"/>
      <c r="DW3" s="437"/>
      <c r="DX3" s="437"/>
      <c r="DY3" s="437"/>
      <c r="DZ3" s="437"/>
      <c r="EA3" s="437"/>
      <c r="EB3" s="437"/>
      <c r="EC3" s="437"/>
      <c r="ED3" s="437"/>
      <c r="EE3" s="437"/>
      <c r="EF3" s="437"/>
      <c r="EG3" s="437"/>
      <c r="EH3" s="437"/>
      <c r="EI3" s="437"/>
      <c r="EJ3" s="437"/>
      <c r="EK3" s="437"/>
      <c r="EL3" s="437"/>
      <c r="EM3" s="437"/>
      <c r="EN3" s="437"/>
      <c r="EO3" s="437"/>
      <c r="EP3" s="437"/>
      <c r="EQ3" s="437"/>
      <c r="ER3" s="437"/>
      <c r="ES3" s="437"/>
      <c r="ET3" s="437"/>
      <c r="EU3" s="437"/>
      <c r="EV3" s="437"/>
      <c r="EW3" s="437"/>
      <c r="EX3" s="437"/>
      <c r="EY3" s="437"/>
      <c r="EZ3" s="437"/>
      <c r="FA3" s="437"/>
      <c r="FB3" s="437"/>
      <c r="FC3" s="437"/>
      <c r="FD3" s="437"/>
      <c r="FE3" s="437"/>
      <c r="FF3" s="437"/>
      <c r="FG3" s="437"/>
      <c r="FH3" s="437"/>
      <c r="FI3" s="437"/>
      <c r="FJ3" s="437"/>
      <c r="FK3" s="437"/>
      <c r="FL3" s="437"/>
      <c r="FM3" s="437"/>
      <c r="FN3" s="437"/>
      <c r="FO3" s="437"/>
      <c r="FP3" s="437"/>
      <c r="FQ3" s="437"/>
      <c r="FR3" s="437"/>
      <c r="FS3" s="437"/>
      <c r="FT3" s="437"/>
      <c r="FU3" s="437"/>
      <c r="FV3" s="437"/>
      <c r="FW3" s="437"/>
      <c r="FX3" s="437"/>
      <c r="FY3" s="437"/>
      <c r="FZ3" s="437"/>
      <c r="GA3" s="437"/>
      <c r="GB3" s="437"/>
      <c r="GC3" s="437"/>
      <c r="GD3" s="437"/>
      <c r="GE3" s="437"/>
      <c r="GF3" s="437"/>
      <c r="GG3" s="437"/>
      <c r="GH3" s="437"/>
      <c r="GI3" s="437"/>
      <c r="GJ3" s="437"/>
      <c r="GK3" s="437"/>
      <c r="GL3" s="437"/>
      <c r="GM3" s="437"/>
      <c r="GN3" s="437"/>
      <c r="GO3" s="437"/>
      <c r="GP3" s="437"/>
      <c r="GQ3" s="437"/>
      <c r="GR3" s="438"/>
      <c r="GS3" s="437" t="s">
        <v>103</v>
      </c>
      <c r="GT3" s="437"/>
      <c r="GU3" s="437"/>
      <c r="GV3" s="437"/>
      <c r="GW3" s="437"/>
      <c r="GX3" s="437"/>
      <c r="GY3" s="437"/>
      <c r="GZ3" s="437"/>
      <c r="HA3" s="437"/>
      <c r="HB3" s="437"/>
      <c r="HC3" s="437"/>
      <c r="HD3" s="437"/>
      <c r="HE3" s="437"/>
      <c r="HF3" s="437"/>
      <c r="HG3" s="437"/>
      <c r="HH3" s="437"/>
      <c r="HI3" s="437"/>
      <c r="HJ3" s="437"/>
      <c r="HK3" s="437"/>
      <c r="HL3" s="437"/>
      <c r="HM3" s="437"/>
      <c r="HN3" s="437"/>
      <c r="HO3" s="437"/>
      <c r="HP3" s="437"/>
      <c r="HQ3" s="437"/>
      <c r="HR3" s="437"/>
      <c r="HS3" s="437"/>
      <c r="HT3" s="437"/>
      <c r="HU3" s="437"/>
      <c r="HV3" s="437"/>
      <c r="HW3" s="437"/>
      <c r="HX3" s="437"/>
      <c r="HY3" s="437"/>
      <c r="HZ3" s="437"/>
      <c r="IA3" s="437"/>
      <c r="IB3" s="437"/>
      <c r="IC3" s="437"/>
      <c r="ID3" s="437"/>
      <c r="IE3" s="437"/>
      <c r="IF3" s="437"/>
      <c r="IG3" s="437"/>
      <c r="IH3" s="437"/>
      <c r="II3" s="437"/>
      <c r="IJ3" s="437"/>
      <c r="IK3" s="437"/>
      <c r="IL3" s="437"/>
      <c r="IM3" s="437"/>
      <c r="IN3" s="437"/>
      <c r="IO3" s="437"/>
      <c r="IP3" s="437"/>
      <c r="IQ3" s="437"/>
      <c r="IR3" s="437"/>
      <c r="IS3" s="437"/>
      <c r="IT3" s="437"/>
      <c r="IU3" s="437"/>
      <c r="IV3" s="437"/>
      <c r="IW3" s="437"/>
      <c r="IX3" s="437"/>
      <c r="IY3" s="437"/>
      <c r="IZ3" s="437"/>
      <c r="JA3" s="437"/>
      <c r="JB3" s="437"/>
      <c r="JC3" s="437"/>
      <c r="JD3" s="437"/>
      <c r="JE3" s="437"/>
      <c r="JF3" s="437"/>
      <c r="JG3" s="437"/>
      <c r="JH3" s="437"/>
      <c r="JI3" s="437"/>
      <c r="JJ3" s="437"/>
      <c r="JK3" s="437"/>
      <c r="JL3" s="437"/>
      <c r="JM3" s="437"/>
      <c r="JN3" s="437"/>
      <c r="JO3" s="437"/>
      <c r="JP3" s="437"/>
      <c r="JQ3" s="437"/>
      <c r="JR3" s="437"/>
      <c r="JS3" s="437"/>
      <c r="JT3" s="437"/>
      <c r="JU3" s="437"/>
      <c r="JV3" s="437"/>
      <c r="JW3" s="437"/>
      <c r="JX3" s="437"/>
      <c r="JY3" s="437"/>
      <c r="JZ3" s="437"/>
      <c r="KA3" s="437"/>
      <c r="KB3" s="437"/>
      <c r="KC3" s="437"/>
      <c r="KD3" s="437"/>
      <c r="KE3" s="437"/>
      <c r="KF3" s="437"/>
      <c r="KG3" s="437"/>
      <c r="KH3" s="437"/>
      <c r="KI3" s="437"/>
      <c r="KJ3" s="437"/>
      <c r="KK3" s="437"/>
      <c r="KL3" s="437"/>
      <c r="KM3" s="438"/>
    </row>
    <row r="4" spans="2:299" ht="21" customHeight="1" thickBot="1" x14ac:dyDescent="0.25">
      <c r="B4" s="443"/>
      <c r="C4" s="439" t="s">
        <v>39</v>
      </c>
      <c r="D4" s="440"/>
      <c r="E4" s="440"/>
      <c r="F4" s="440"/>
      <c r="G4" s="440"/>
      <c r="H4" s="440"/>
      <c r="I4" s="440"/>
      <c r="J4" s="440"/>
      <c r="K4" s="440"/>
      <c r="L4" s="440"/>
      <c r="M4" s="440"/>
      <c r="N4" s="440"/>
      <c r="O4" s="440"/>
      <c r="P4" s="440"/>
      <c r="Q4" s="440"/>
      <c r="R4" s="440"/>
      <c r="S4" s="440"/>
      <c r="T4" s="440"/>
      <c r="U4" s="440"/>
      <c r="V4" s="440"/>
      <c r="W4" s="440"/>
      <c r="X4" s="440"/>
      <c r="Y4" s="440"/>
      <c r="Z4" s="440"/>
      <c r="AA4" s="440"/>
      <c r="AB4" s="440"/>
      <c r="AC4" s="440"/>
      <c r="AD4" s="440"/>
      <c r="AE4" s="440"/>
      <c r="AF4" s="440"/>
      <c r="AG4" s="440"/>
      <c r="AH4" s="440"/>
      <c r="AI4" s="440"/>
      <c r="AJ4" s="440"/>
      <c r="AK4" s="440"/>
      <c r="AL4" s="440"/>
      <c r="AM4" s="440"/>
      <c r="AN4" s="440"/>
      <c r="AO4" s="440"/>
      <c r="AP4" s="440"/>
      <c r="AQ4" s="440"/>
      <c r="AR4" s="440"/>
      <c r="AS4" s="440"/>
      <c r="AT4" s="440"/>
      <c r="AU4" s="440"/>
      <c r="AV4" s="440"/>
      <c r="AW4" s="440"/>
      <c r="AX4" s="440"/>
      <c r="AY4" s="440"/>
      <c r="AZ4" s="440"/>
      <c r="BA4" s="440"/>
      <c r="BB4" s="440"/>
      <c r="BC4" s="440"/>
      <c r="BD4" s="440"/>
      <c r="BE4" s="440"/>
      <c r="BF4" s="440"/>
      <c r="BG4" s="440"/>
      <c r="BH4" s="440"/>
      <c r="BI4" s="440"/>
      <c r="BJ4" s="440"/>
      <c r="BK4" s="440"/>
      <c r="BL4" s="440"/>
      <c r="BM4" s="440"/>
      <c r="BN4" s="440"/>
      <c r="BO4" s="440"/>
      <c r="BP4" s="440"/>
      <c r="BQ4" s="440"/>
      <c r="BR4" s="440"/>
      <c r="BS4" s="440"/>
      <c r="BT4" s="440"/>
      <c r="BU4" s="440"/>
      <c r="BV4" s="440"/>
      <c r="BW4" s="440"/>
      <c r="BX4" s="440"/>
      <c r="BY4" s="440"/>
      <c r="BZ4" s="440"/>
      <c r="CA4" s="441"/>
      <c r="CB4" s="425" t="s">
        <v>40</v>
      </c>
      <c r="CC4" s="426"/>
      <c r="CD4" s="426"/>
      <c r="CE4" s="426"/>
      <c r="CF4" s="426"/>
      <c r="CG4" s="426"/>
      <c r="CH4" s="426"/>
      <c r="CI4" s="426"/>
      <c r="CJ4" s="426"/>
      <c r="CK4" s="426"/>
      <c r="CL4" s="427"/>
      <c r="CM4" s="425" t="s">
        <v>41</v>
      </c>
      <c r="CN4" s="426"/>
      <c r="CO4" s="426"/>
      <c r="CP4" s="426"/>
      <c r="CQ4" s="426"/>
      <c r="CR4" s="426"/>
      <c r="CS4" s="426"/>
      <c r="CT4" s="426"/>
      <c r="CU4" s="426"/>
      <c r="CV4" s="426"/>
      <c r="CW4" s="427"/>
      <c r="CX4" s="439" t="s">
        <v>39</v>
      </c>
      <c r="CY4" s="440"/>
      <c r="CZ4" s="440"/>
      <c r="DA4" s="440"/>
      <c r="DB4" s="440"/>
      <c r="DC4" s="440"/>
      <c r="DD4" s="440"/>
      <c r="DE4" s="440"/>
      <c r="DF4" s="440"/>
      <c r="DG4" s="440"/>
      <c r="DH4" s="440"/>
      <c r="DI4" s="440"/>
      <c r="DJ4" s="440"/>
      <c r="DK4" s="440"/>
      <c r="DL4" s="440"/>
      <c r="DM4" s="440"/>
      <c r="DN4" s="440"/>
      <c r="DO4" s="440"/>
      <c r="DP4" s="440"/>
      <c r="DQ4" s="440"/>
      <c r="DR4" s="440"/>
      <c r="DS4" s="440"/>
      <c r="DT4" s="440"/>
      <c r="DU4" s="440"/>
      <c r="DV4" s="440"/>
      <c r="DW4" s="440"/>
      <c r="DX4" s="440"/>
      <c r="DY4" s="440"/>
      <c r="DZ4" s="440"/>
      <c r="EA4" s="440"/>
      <c r="EB4" s="440"/>
      <c r="EC4" s="440"/>
      <c r="ED4" s="440"/>
      <c r="EE4" s="440"/>
      <c r="EF4" s="440"/>
      <c r="EG4" s="440"/>
      <c r="EH4" s="440"/>
      <c r="EI4" s="440"/>
      <c r="EJ4" s="440"/>
      <c r="EK4" s="440"/>
      <c r="EL4" s="440"/>
      <c r="EM4" s="440"/>
      <c r="EN4" s="440"/>
      <c r="EO4" s="440"/>
      <c r="EP4" s="440"/>
      <c r="EQ4" s="440"/>
      <c r="ER4" s="440"/>
      <c r="ES4" s="440"/>
      <c r="ET4" s="440"/>
      <c r="EU4" s="440"/>
      <c r="EV4" s="440"/>
      <c r="EW4" s="440"/>
      <c r="EX4" s="440"/>
      <c r="EY4" s="440"/>
      <c r="EZ4" s="440"/>
      <c r="FA4" s="440"/>
      <c r="FB4" s="440"/>
      <c r="FC4" s="440"/>
      <c r="FD4" s="440"/>
      <c r="FE4" s="440"/>
      <c r="FF4" s="440"/>
      <c r="FG4" s="440"/>
      <c r="FH4" s="440"/>
      <c r="FI4" s="440"/>
      <c r="FJ4" s="440"/>
      <c r="FK4" s="440"/>
      <c r="FL4" s="440"/>
      <c r="FM4" s="440"/>
      <c r="FN4" s="440"/>
      <c r="FO4" s="440"/>
      <c r="FP4" s="440"/>
      <c r="FQ4" s="440"/>
      <c r="FR4" s="440"/>
      <c r="FS4" s="440"/>
      <c r="FT4" s="440"/>
      <c r="FU4" s="440"/>
      <c r="FV4" s="441"/>
      <c r="FW4" s="425" t="s">
        <v>40</v>
      </c>
      <c r="FX4" s="426"/>
      <c r="FY4" s="426"/>
      <c r="FZ4" s="426"/>
      <c r="GA4" s="426"/>
      <c r="GB4" s="426"/>
      <c r="GC4" s="426"/>
      <c r="GD4" s="426"/>
      <c r="GE4" s="426"/>
      <c r="GF4" s="426"/>
      <c r="GG4" s="427"/>
      <c r="GH4" s="425" t="s">
        <v>41</v>
      </c>
      <c r="GI4" s="426"/>
      <c r="GJ4" s="426"/>
      <c r="GK4" s="426"/>
      <c r="GL4" s="426"/>
      <c r="GM4" s="426"/>
      <c r="GN4" s="426"/>
      <c r="GO4" s="426"/>
      <c r="GP4" s="426"/>
      <c r="GQ4" s="426"/>
      <c r="GR4" s="427"/>
      <c r="GS4" s="439" t="s">
        <v>39</v>
      </c>
      <c r="GT4" s="440"/>
      <c r="GU4" s="440"/>
      <c r="GV4" s="440"/>
      <c r="GW4" s="440"/>
      <c r="GX4" s="440"/>
      <c r="GY4" s="440"/>
      <c r="GZ4" s="440"/>
      <c r="HA4" s="440"/>
      <c r="HB4" s="440"/>
      <c r="HC4" s="440"/>
      <c r="HD4" s="440"/>
      <c r="HE4" s="440"/>
      <c r="HF4" s="440"/>
      <c r="HG4" s="440"/>
      <c r="HH4" s="440"/>
      <c r="HI4" s="440"/>
      <c r="HJ4" s="440"/>
      <c r="HK4" s="440"/>
      <c r="HL4" s="440"/>
      <c r="HM4" s="440"/>
      <c r="HN4" s="440"/>
      <c r="HO4" s="440"/>
      <c r="HP4" s="440"/>
      <c r="HQ4" s="440"/>
      <c r="HR4" s="440"/>
      <c r="HS4" s="440"/>
      <c r="HT4" s="440"/>
      <c r="HU4" s="440"/>
      <c r="HV4" s="440"/>
      <c r="HW4" s="440"/>
      <c r="HX4" s="440"/>
      <c r="HY4" s="440"/>
      <c r="HZ4" s="440"/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1"/>
      <c r="JR4" s="425" t="s">
        <v>40</v>
      </c>
      <c r="JS4" s="426"/>
      <c r="JT4" s="426"/>
      <c r="JU4" s="426"/>
      <c r="JV4" s="426"/>
      <c r="JW4" s="426"/>
      <c r="JX4" s="426"/>
      <c r="JY4" s="426"/>
      <c r="JZ4" s="426"/>
      <c r="KA4" s="426"/>
      <c r="KB4" s="427"/>
      <c r="KC4" s="425" t="s">
        <v>41</v>
      </c>
      <c r="KD4" s="426"/>
      <c r="KE4" s="426"/>
      <c r="KF4" s="426"/>
      <c r="KG4" s="426"/>
      <c r="KH4" s="426"/>
      <c r="KI4" s="426"/>
      <c r="KJ4" s="426"/>
      <c r="KK4" s="426"/>
      <c r="KL4" s="426"/>
      <c r="KM4" s="427"/>
    </row>
    <row r="5" spans="2:299" ht="21" customHeight="1" thickBot="1" x14ac:dyDescent="0.25">
      <c r="B5" s="431"/>
      <c r="C5" s="431"/>
      <c r="D5" s="432"/>
      <c r="E5" s="432"/>
      <c r="F5" s="432"/>
      <c r="G5" s="432"/>
      <c r="H5" s="432"/>
      <c r="I5" s="432"/>
      <c r="J5" s="432"/>
      <c r="K5" s="432"/>
      <c r="L5" s="432"/>
      <c r="M5" s="433"/>
      <c r="N5" s="434" t="s">
        <v>97</v>
      </c>
      <c r="O5" s="435"/>
      <c r="P5" s="435"/>
      <c r="Q5" s="435"/>
      <c r="R5" s="435"/>
      <c r="S5" s="435"/>
      <c r="T5" s="435"/>
      <c r="U5" s="435"/>
      <c r="V5" s="435"/>
      <c r="W5" s="435"/>
      <c r="X5" s="436"/>
      <c r="Y5" s="434" t="s">
        <v>98</v>
      </c>
      <c r="Z5" s="435"/>
      <c r="AA5" s="435"/>
      <c r="AB5" s="435"/>
      <c r="AC5" s="435"/>
      <c r="AD5" s="435"/>
      <c r="AE5" s="435"/>
      <c r="AF5" s="435"/>
      <c r="AG5" s="435"/>
      <c r="AH5" s="435"/>
      <c r="AI5" s="436"/>
      <c r="AJ5" s="434" t="s">
        <v>99</v>
      </c>
      <c r="AK5" s="435"/>
      <c r="AL5" s="435"/>
      <c r="AM5" s="435"/>
      <c r="AN5" s="435"/>
      <c r="AO5" s="435"/>
      <c r="AP5" s="435"/>
      <c r="AQ5" s="435"/>
      <c r="AR5" s="435"/>
      <c r="AS5" s="435"/>
      <c r="AT5" s="436"/>
      <c r="AU5" s="434" t="s">
        <v>100</v>
      </c>
      <c r="AV5" s="435"/>
      <c r="AW5" s="435"/>
      <c r="AX5" s="435"/>
      <c r="AY5" s="435"/>
      <c r="AZ5" s="435"/>
      <c r="BA5" s="435"/>
      <c r="BB5" s="435"/>
      <c r="BC5" s="435"/>
      <c r="BD5" s="435"/>
      <c r="BE5" s="436"/>
      <c r="BF5" s="434" t="s">
        <v>161</v>
      </c>
      <c r="BG5" s="435"/>
      <c r="BH5" s="435"/>
      <c r="BI5" s="435"/>
      <c r="BJ5" s="435"/>
      <c r="BK5" s="435"/>
      <c r="BL5" s="435"/>
      <c r="BM5" s="435"/>
      <c r="BN5" s="435"/>
      <c r="BO5" s="435"/>
      <c r="BP5" s="436"/>
      <c r="BQ5" s="434" t="s">
        <v>101</v>
      </c>
      <c r="BR5" s="435"/>
      <c r="BS5" s="435"/>
      <c r="BT5" s="435"/>
      <c r="BU5" s="435"/>
      <c r="BV5" s="435"/>
      <c r="BW5" s="435"/>
      <c r="BX5" s="435"/>
      <c r="BY5" s="435"/>
      <c r="BZ5" s="435"/>
      <c r="CA5" s="436"/>
      <c r="CB5" s="428"/>
      <c r="CC5" s="429"/>
      <c r="CD5" s="429"/>
      <c r="CE5" s="429"/>
      <c r="CF5" s="429"/>
      <c r="CG5" s="429"/>
      <c r="CH5" s="429"/>
      <c r="CI5" s="429"/>
      <c r="CJ5" s="429"/>
      <c r="CK5" s="429"/>
      <c r="CL5" s="430"/>
      <c r="CM5" s="428"/>
      <c r="CN5" s="429"/>
      <c r="CO5" s="429"/>
      <c r="CP5" s="429"/>
      <c r="CQ5" s="429"/>
      <c r="CR5" s="429"/>
      <c r="CS5" s="429"/>
      <c r="CT5" s="429"/>
      <c r="CU5" s="429"/>
      <c r="CV5" s="429"/>
      <c r="CW5" s="430"/>
      <c r="CX5" s="431"/>
      <c r="CY5" s="432"/>
      <c r="CZ5" s="432"/>
      <c r="DA5" s="432"/>
      <c r="DB5" s="432"/>
      <c r="DC5" s="432"/>
      <c r="DD5" s="432"/>
      <c r="DE5" s="432"/>
      <c r="DF5" s="432"/>
      <c r="DG5" s="432"/>
      <c r="DH5" s="433"/>
      <c r="DI5" s="434" t="s">
        <v>97</v>
      </c>
      <c r="DJ5" s="435"/>
      <c r="DK5" s="435"/>
      <c r="DL5" s="435"/>
      <c r="DM5" s="435"/>
      <c r="DN5" s="435"/>
      <c r="DO5" s="435"/>
      <c r="DP5" s="435"/>
      <c r="DQ5" s="435"/>
      <c r="DR5" s="435"/>
      <c r="DS5" s="436"/>
      <c r="DT5" s="434" t="s">
        <v>98</v>
      </c>
      <c r="DU5" s="435"/>
      <c r="DV5" s="435"/>
      <c r="DW5" s="435"/>
      <c r="DX5" s="435"/>
      <c r="DY5" s="435"/>
      <c r="DZ5" s="435"/>
      <c r="EA5" s="435"/>
      <c r="EB5" s="435"/>
      <c r="EC5" s="435"/>
      <c r="ED5" s="436"/>
      <c r="EE5" s="434" t="s">
        <v>99</v>
      </c>
      <c r="EF5" s="435"/>
      <c r="EG5" s="435"/>
      <c r="EH5" s="435"/>
      <c r="EI5" s="435"/>
      <c r="EJ5" s="435"/>
      <c r="EK5" s="435"/>
      <c r="EL5" s="435"/>
      <c r="EM5" s="435"/>
      <c r="EN5" s="435"/>
      <c r="EO5" s="436"/>
      <c r="EP5" s="434" t="s">
        <v>100</v>
      </c>
      <c r="EQ5" s="435"/>
      <c r="ER5" s="435"/>
      <c r="ES5" s="435"/>
      <c r="ET5" s="435"/>
      <c r="EU5" s="435"/>
      <c r="EV5" s="435"/>
      <c r="EW5" s="435"/>
      <c r="EX5" s="435"/>
      <c r="EY5" s="435"/>
      <c r="EZ5" s="436"/>
      <c r="FA5" s="434" t="s">
        <v>161</v>
      </c>
      <c r="FB5" s="435"/>
      <c r="FC5" s="435"/>
      <c r="FD5" s="435"/>
      <c r="FE5" s="435"/>
      <c r="FF5" s="435"/>
      <c r="FG5" s="435"/>
      <c r="FH5" s="435"/>
      <c r="FI5" s="435"/>
      <c r="FJ5" s="435"/>
      <c r="FK5" s="436"/>
      <c r="FL5" s="434" t="s">
        <v>101</v>
      </c>
      <c r="FM5" s="435"/>
      <c r="FN5" s="435"/>
      <c r="FO5" s="435"/>
      <c r="FP5" s="435"/>
      <c r="FQ5" s="435"/>
      <c r="FR5" s="435"/>
      <c r="FS5" s="435"/>
      <c r="FT5" s="435"/>
      <c r="FU5" s="435"/>
      <c r="FV5" s="436"/>
      <c r="FW5" s="428"/>
      <c r="FX5" s="429"/>
      <c r="FY5" s="429"/>
      <c r="FZ5" s="429"/>
      <c r="GA5" s="429"/>
      <c r="GB5" s="429"/>
      <c r="GC5" s="429"/>
      <c r="GD5" s="429"/>
      <c r="GE5" s="429"/>
      <c r="GF5" s="429"/>
      <c r="GG5" s="430"/>
      <c r="GH5" s="428"/>
      <c r="GI5" s="429"/>
      <c r="GJ5" s="429"/>
      <c r="GK5" s="429"/>
      <c r="GL5" s="429"/>
      <c r="GM5" s="429"/>
      <c r="GN5" s="429"/>
      <c r="GO5" s="429"/>
      <c r="GP5" s="429"/>
      <c r="GQ5" s="429"/>
      <c r="GR5" s="430"/>
      <c r="GS5" s="431"/>
      <c r="GT5" s="432"/>
      <c r="GU5" s="432"/>
      <c r="GV5" s="432"/>
      <c r="GW5" s="432"/>
      <c r="GX5" s="432"/>
      <c r="GY5" s="432"/>
      <c r="GZ5" s="432"/>
      <c r="HA5" s="432"/>
      <c r="HB5" s="432"/>
      <c r="HC5" s="433"/>
      <c r="HD5" s="434" t="s">
        <v>97</v>
      </c>
      <c r="HE5" s="435"/>
      <c r="HF5" s="435"/>
      <c r="HG5" s="435"/>
      <c r="HH5" s="435"/>
      <c r="HI5" s="435"/>
      <c r="HJ5" s="435"/>
      <c r="HK5" s="435"/>
      <c r="HL5" s="435"/>
      <c r="HM5" s="435"/>
      <c r="HN5" s="436"/>
      <c r="HO5" s="434" t="s">
        <v>98</v>
      </c>
      <c r="HP5" s="435"/>
      <c r="HQ5" s="435"/>
      <c r="HR5" s="435"/>
      <c r="HS5" s="435"/>
      <c r="HT5" s="435"/>
      <c r="HU5" s="435"/>
      <c r="HV5" s="435"/>
      <c r="HW5" s="435"/>
      <c r="HX5" s="435"/>
      <c r="HY5" s="436"/>
      <c r="HZ5" s="434" t="s">
        <v>99</v>
      </c>
      <c r="IA5" s="435"/>
      <c r="IB5" s="435"/>
      <c r="IC5" s="435"/>
      <c r="ID5" s="435"/>
      <c r="IE5" s="435"/>
      <c r="IF5" s="435"/>
      <c r="IG5" s="435"/>
      <c r="IH5" s="435"/>
      <c r="II5" s="435"/>
      <c r="IJ5" s="436"/>
      <c r="IK5" s="434" t="s">
        <v>100</v>
      </c>
      <c r="IL5" s="435"/>
      <c r="IM5" s="435"/>
      <c r="IN5" s="435"/>
      <c r="IO5" s="435"/>
      <c r="IP5" s="435"/>
      <c r="IQ5" s="435"/>
      <c r="IR5" s="435"/>
      <c r="IS5" s="435"/>
      <c r="IT5" s="435"/>
      <c r="IU5" s="436"/>
      <c r="IV5" s="434" t="s">
        <v>161</v>
      </c>
      <c r="IW5" s="435"/>
      <c r="IX5" s="435"/>
      <c r="IY5" s="435"/>
      <c r="IZ5" s="435"/>
      <c r="JA5" s="435"/>
      <c r="JB5" s="435"/>
      <c r="JC5" s="435"/>
      <c r="JD5" s="435"/>
      <c r="JE5" s="435"/>
      <c r="JF5" s="436"/>
      <c r="JG5" s="434" t="s">
        <v>101</v>
      </c>
      <c r="JH5" s="435"/>
      <c r="JI5" s="435"/>
      <c r="JJ5" s="435"/>
      <c r="JK5" s="435"/>
      <c r="JL5" s="435"/>
      <c r="JM5" s="435"/>
      <c r="JN5" s="435"/>
      <c r="JO5" s="435"/>
      <c r="JP5" s="435"/>
      <c r="JQ5" s="436"/>
      <c r="JR5" s="428"/>
      <c r="JS5" s="429"/>
      <c r="JT5" s="429"/>
      <c r="JU5" s="429"/>
      <c r="JV5" s="429"/>
      <c r="JW5" s="429"/>
      <c r="JX5" s="429"/>
      <c r="JY5" s="429"/>
      <c r="JZ5" s="429"/>
      <c r="KA5" s="429"/>
      <c r="KB5" s="430"/>
      <c r="KC5" s="428"/>
      <c r="KD5" s="429"/>
      <c r="KE5" s="429"/>
      <c r="KF5" s="429"/>
      <c r="KG5" s="429"/>
      <c r="KH5" s="429"/>
      <c r="KI5" s="429"/>
      <c r="KJ5" s="429"/>
      <c r="KK5" s="429"/>
      <c r="KL5" s="429"/>
      <c r="KM5" s="430"/>
    </row>
    <row r="6" spans="2:299" ht="30" customHeight="1" thickBot="1" x14ac:dyDescent="0.25">
      <c r="B6" s="72" t="s">
        <v>42</v>
      </c>
      <c r="C6" s="73" t="s">
        <v>43</v>
      </c>
      <c r="D6" s="74" t="s">
        <v>44</v>
      </c>
      <c r="E6" s="75" t="s">
        <v>45</v>
      </c>
      <c r="F6" s="76" t="s">
        <v>46</v>
      </c>
      <c r="G6" s="74" t="s">
        <v>47</v>
      </c>
      <c r="H6" s="74" t="s">
        <v>48</v>
      </c>
      <c r="I6" s="74" t="s">
        <v>49</v>
      </c>
      <c r="J6" s="74" t="s">
        <v>50</v>
      </c>
      <c r="K6" s="74" t="s">
        <v>51</v>
      </c>
      <c r="L6" s="75" t="s">
        <v>45</v>
      </c>
      <c r="M6" s="77" t="s">
        <v>52</v>
      </c>
      <c r="N6" s="78" t="s">
        <v>43</v>
      </c>
      <c r="O6" s="79" t="s">
        <v>44</v>
      </c>
      <c r="P6" s="80" t="s">
        <v>45</v>
      </c>
      <c r="Q6" s="81" t="s">
        <v>46</v>
      </c>
      <c r="R6" s="79" t="s">
        <v>47</v>
      </c>
      <c r="S6" s="79" t="s">
        <v>48</v>
      </c>
      <c r="T6" s="79" t="s">
        <v>49</v>
      </c>
      <c r="U6" s="79" t="s">
        <v>50</v>
      </c>
      <c r="V6" s="79" t="s">
        <v>51</v>
      </c>
      <c r="W6" s="80" t="s">
        <v>45</v>
      </c>
      <c r="X6" s="82" t="s">
        <v>52</v>
      </c>
      <c r="Y6" s="78" t="s">
        <v>43</v>
      </c>
      <c r="Z6" s="79" t="s">
        <v>44</v>
      </c>
      <c r="AA6" s="80" t="s">
        <v>45</v>
      </c>
      <c r="AB6" s="81" t="s">
        <v>46</v>
      </c>
      <c r="AC6" s="79" t="s">
        <v>47</v>
      </c>
      <c r="AD6" s="79" t="s">
        <v>48</v>
      </c>
      <c r="AE6" s="79" t="s">
        <v>49</v>
      </c>
      <c r="AF6" s="79" t="s">
        <v>50</v>
      </c>
      <c r="AG6" s="79" t="s">
        <v>51</v>
      </c>
      <c r="AH6" s="80" t="s">
        <v>45</v>
      </c>
      <c r="AI6" s="83" t="s">
        <v>52</v>
      </c>
      <c r="AJ6" s="78" t="s">
        <v>43</v>
      </c>
      <c r="AK6" s="79" t="s">
        <v>44</v>
      </c>
      <c r="AL6" s="80" t="s">
        <v>45</v>
      </c>
      <c r="AM6" s="81" t="s">
        <v>46</v>
      </c>
      <c r="AN6" s="79" t="s">
        <v>47</v>
      </c>
      <c r="AO6" s="79" t="s">
        <v>48</v>
      </c>
      <c r="AP6" s="79" t="s">
        <v>49</v>
      </c>
      <c r="AQ6" s="79" t="s">
        <v>50</v>
      </c>
      <c r="AR6" s="79" t="s">
        <v>51</v>
      </c>
      <c r="AS6" s="80" t="s">
        <v>45</v>
      </c>
      <c r="AT6" s="83" t="s">
        <v>52</v>
      </c>
      <c r="AU6" s="78" t="s">
        <v>43</v>
      </c>
      <c r="AV6" s="79" t="s">
        <v>44</v>
      </c>
      <c r="AW6" s="80" t="s">
        <v>45</v>
      </c>
      <c r="AX6" s="81" t="s">
        <v>46</v>
      </c>
      <c r="AY6" s="79" t="s">
        <v>47</v>
      </c>
      <c r="AZ6" s="79" t="s">
        <v>48</v>
      </c>
      <c r="BA6" s="79" t="s">
        <v>49</v>
      </c>
      <c r="BB6" s="79" t="s">
        <v>50</v>
      </c>
      <c r="BC6" s="79" t="s">
        <v>51</v>
      </c>
      <c r="BD6" s="80" t="s">
        <v>45</v>
      </c>
      <c r="BE6" s="83" t="s">
        <v>52</v>
      </c>
      <c r="BF6" s="78" t="s">
        <v>43</v>
      </c>
      <c r="BG6" s="79" t="s">
        <v>44</v>
      </c>
      <c r="BH6" s="80" t="s">
        <v>45</v>
      </c>
      <c r="BI6" s="81" t="s">
        <v>46</v>
      </c>
      <c r="BJ6" s="79" t="s">
        <v>47</v>
      </c>
      <c r="BK6" s="79" t="s">
        <v>48</v>
      </c>
      <c r="BL6" s="79" t="s">
        <v>49</v>
      </c>
      <c r="BM6" s="79" t="s">
        <v>50</v>
      </c>
      <c r="BN6" s="79" t="s">
        <v>51</v>
      </c>
      <c r="BO6" s="80" t="s">
        <v>45</v>
      </c>
      <c r="BP6" s="83" t="s">
        <v>52</v>
      </c>
      <c r="BQ6" s="78" t="s">
        <v>43</v>
      </c>
      <c r="BR6" s="79" t="s">
        <v>44</v>
      </c>
      <c r="BS6" s="80" t="s">
        <v>45</v>
      </c>
      <c r="BT6" s="81" t="s">
        <v>46</v>
      </c>
      <c r="BU6" s="79" t="s">
        <v>47</v>
      </c>
      <c r="BV6" s="79" t="s">
        <v>48</v>
      </c>
      <c r="BW6" s="79" t="s">
        <v>49</v>
      </c>
      <c r="BX6" s="79" t="s">
        <v>50</v>
      </c>
      <c r="BY6" s="79" t="s">
        <v>51</v>
      </c>
      <c r="BZ6" s="80" t="s">
        <v>45</v>
      </c>
      <c r="CA6" s="83" t="s">
        <v>52</v>
      </c>
      <c r="CB6" s="78" t="s">
        <v>43</v>
      </c>
      <c r="CC6" s="79" t="s">
        <v>44</v>
      </c>
      <c r="CD6" s="80" t="s">
        <v>45</v>
      </c>
      <c r="CE6" s="81" t="s">
        <v>46</v>
      </c>
      <c r="CF6" s="79" t="s">
        <v>47</v>
      </c>
      <c r="CG6" s="79" t="s">
        <v>48</v>
      </c>
      <c r="CH6" s="79" t="s">
        <v>49</v>
      </c>
      <c r="CI6" s="79" t="s">
        <v>50</v>
      </c>
      <c r="CJ6" s="79" t="s">
        <v>51</v>
      </c>
      <c r="CK6" s="80" t="s">
        <v>45</v>
      </c>
      <c r="CL6" s="83" t="s">
        <v>52</v>
      </c>
      <c r="CM6" s="78" t="s">
        <v>43</v>
      </c>
      <c r="CN6" s="79" t="s">
        <v>44</v>
      </c>
      <c r="CO6" s="80" t="s">
        <v>45</v>
      </c>
      <c r="CP6" s="81" t="s">
        <v>46</v>
      </c>
      <c r="CQ6" s="79" t="s">
        <v>47</v>
      </c>
      <c r="CR6" s="79" t="s">
        <v>48</v>
      </c>
      <c r="CS6" s="79" t="s">
        <v>49</v>
      </c>
      <c r="CT6" s="79" t="s">
        <v>50</v>
      </c>
      <c r="CU6" s="79" t="s">
        <v>51</v>
      </c>
      <c r="CV6" s="80" t="s">
        <v>45</v>
      </c>
      <c r="CW6" s="83" t="s">
        <v>52</v>
      </c>
      <c r="CX6" s="73" t="s">
        <v>43</v>
      </c>
      <c r="CY6" s="74" t="s">
        <v>44</v>
      </c>
      <c r="CZ6" s="75" t="s">
        <v>45</v>
      </c>
      <c r="DA6" s="76" t="s">
        <v>46</v>
      </c>
      <c r="DB6" s="74" t="s">
        <v>47</v>
      </c>
      <c r="DC6" s="74" t="s">
        <v>48</v>
      </c>
      <c r="DD6" s="74" t="s">
        <v>49</v>
      </c>
      <c r="DE6" s="74" t="s">
        <v>50</v>
      </c>
      <c r="DF6" s="74" t="s">
        <v>51</v>
      </c>
      <c r="DG6" s="75" t="s">
        <v>45</v>
      </c>
      <c r="DH6" s="77" t="s">
        <v>52</v>
      </c>
      <c r="DI6" s="78" t="s">
        <v>43</v>
      </c>
      <c r="DJ6" s="79" t="s">
        <v>44</v>
      </c>
      <c r="DK6" s="80" t="s">
        <v>45</v>
      </c>
      <c r="DL6" s="81" t="s">
        <v>46</v>
      </c>
      <c r="DM6" s="79" t="s">
        <v>47</v>
      </c>
      <c r="DN6" s="79" t="s">
        <v>48</v>
      </c>
      <c r="DO6" s="79" t="s">
        <v>49</v>
      </c>
      <c r="DP6" s="79" t="s">
        <v>50</v>
      </c>
      <c r="DQ6" s="79" t="s">
        <v>51</v>
      </c>
      <c r="DR6" s="80" t="s">
        <v>45</v>
      </c>
      <c r="DS6" s="83" t="s">
        <v>52</v>
      </c>
      <c r="DT6" s="78" t="s">
        <v>43</v>
      </c>
      <c r="DU6" s="79" t="s">
        <v>44</v>
      </c>
      <c r="DV6" s="80" t="s">
        <v>45</v>
      </c>
      <c r="DW6" s="81" t="s">
        <v>46</v>
      </c>
      <c r="DX6" s="79" t="s">
        <v>47</v>
      </c>
      <c r="DY6" s="79" t="s">
        <v>48</v>
      </c>
      <c r="DZ6" s="79" t="s">
        <v>49</v>
      </c>
      <c r="EA6" s="79" t="s">
        <v>50</v>
      </c>
      <c r="EB6" s="79" t="s">
        <v>51</v>
      </c>
      <c r="EC6" s="80" t="s">
        <v>45</v>
      </c>
      <c r="ED6" s="83" t="s">
        <v>52</v>
      </c>
      <c r="EE6" s="78" t="s">
        <v>43</v>
      </c>
      <c r="EF6" s="79" t="s">
        <v>44</v>
      </c>
      <c r="EG6" s="80" t="s">
        <v>45</v>
      </c>
      <c r="EH6" s="81" t="s">
        <v>46</v>
      </c>
      <c r="EI6" s="79" t="s">
        <v>47</v>
      </c>
      <c r="EJ6" s="79" t="s">
        <v>48</v>
      </c>
      <c r="EK6" s="79" t="s">
        <v>49</v>
      </c>
      <c r="EL6" s="79" t="s">
        <v>50</v>
      </c>
      <c r="EM6" s="79" t="s">
        <v>51</v>
      </c>
      <c r="EN6" s="80" t="s">
        <v>45</v>
      </c>
      <c r="EO6" s="83" t="s">
        <v>52</v>
      </c>
      <c r="EP6" s="78" t="s">
        <v>43</v>
      </c>
      <c r="EQ6" s="79" t="s">
        <v>44</v>
      </c>
      <c r="ER6" s="80" t="s">
        <v>45</v>
      </c>
      <c r="ES6" s="81" t="s">
        <v>46</v>
      </c>
      <c r="ET6" s="79" t="s">
        <v>47</v>
      </c>
      <c r="EU6" s="79" t="s">
        <v>48</v>
      </c>
      <c r="EV6" s="79" t="s">
        <v>49</v>
      </c>
      <c r="EW6" s="79" t="s">
        <v>50</v>
      </c>
      <c r="EX6" s="79" t="s">
        <v>51</v>
      </c>
      <c r="EY6" s="80" t="s">
        <v>45</v>
      </c>
      <c r="EZ6" s="83" t="s">
        <v>52</v>
      </c>
      <c r="FA6" s="78" t="s">
        <v>43</v>
      </c>
      <c r="FB6" s="79" t="s">
        <v>44</v>
      </c>
      <c r="FC6" s="80" t="s">
        <v>45</v>
      </c>
      <c r="FD6" s="81" t="s">
        <v>46</v>
      </c>
      <c r="FE6" s="79" t="s">
        <v>47</v>
      </c>
      <c r="FF6" s="79" t="s">
        <v>48</v>
      </c>
      <c r="FG6" s="79" t="s">
        <v>49</v>
      </c>
      <c r="FH6" s="79" t="s">
        <v>50</v>
      </c>
      <c r="FI6" s="79" t="s">
        <v>51</v>
      </c>
      <c r="FJ6" s="80" t="s">
        <v>45</v>
      </c>
      <c r="FK6" s="83" t="s">
        <v>52</v>
      </c>
      <c r="FL6" s="78" t="s">
        <v>43</v>
      </c>
      <c r="FM6" s="79" t="s">
        <v>44</v>
      </c>
      <c r="FN6" s="80" t="s">
        <v>45</v>
      </c>
      <c r="FO6" s="81" t="s">
        <v>46</v>
      </c>
      <c r="FP6" s="79" t="s">
        <v>47</v>
      </c>
      <c r="FQ6" s="79" t="s">
        <v>48</v>
      </c>
      <c r="FR6" s="79" t="s">
        <v>49</v>
      </c>
      <c r="FS6" s="79" t="s">
        <v>50</v>
      </c>
      <c r="FT6" s="79" t="s">
        <v>51</v>
      </c>
      <c r="FU6" s="80" t="s">
        <v>45</v>
      </c>
      <c r="FV6" s="83" t="s">
        <v>52</v>
      </c>
      <c r="FW6" s="78" t="s">
        <v>43</v>
      </c>
      <c r="FX6" s="79" t="s">
        <v>44</v>
      </c>
      <c r="FY6" s="80" t="s">
        <v>45</v>
      </c>
      <c r="FZ6" s="81" t="s">
        <v>46</v>
      </c>
      <c r="GA6" s="79" t="s">
        <v>47</v>
      </c>
      <c r="GB6" s="79" t="s">
        <v>48</v>
      </c>
      <c r="GC6" s="79" t="s">
        <v>49</v>
      </c>
      <c r="GD6" s="79" t="s">
        <v>50</v>
      </c>
      <c r="GE6" s="79" t="s">
        <v>51</v>
      </c>
      <c r="GF6" s="80" t="s">
        <v>45</v>
      </c>
      <c r="GG6" s="83" t="s">
        <v>52</v>
      </c>
      <c r="GH6" s="78" t="s">
        <v>43</v>
      </c>
      <c r="GI6" s="79" t="s">
        <v>44</v>
      </c>
      <c r="GJ6" s="80" t="s">
        <v>45</v>
      </c>
      <c r="GK6" s="81" t="s">
        <v>46</v>
      </c>
      <c r="GL6" s="79" t="s">
        <v>47</v>
      </c>
      <c r="GM6" s="79" t="s">
        <v>48</v>
      </c>
      <c r="GN6" s="79" t="s">
        <v>49</v>
      </c>
      <c r="GO6" s="79" t="s">
        <v>50</v>
      </c>
      <c r="GP6" s="79" t="s">
        <v>51</v>
      </c>
      <c r="GQ6" s="80" t="s">
        <v>45</v>
      </c>
      <c r="GR6" s="83" t="s">
        <v>52</v>
      </c>
      <c r="GS6" s="73" t="s">
        <v>43</v>
      </c>
      <c r="GT6" s="74" t="s">
        <v>44</v>
      </c>
      <c r="GU6" s="75" t="s">
        <v>45</v>
      </c>
      <c r="GV6" s="76" t="s">
        <v>46</v>
      </c>
      <c r="GW6" s="74" t="s">
        <v>47</v>
      </c>
      <c r="GX6" s="74" t="s">
        <v>48</v>
      </c>
      <c r="GY6" s="74" t="s">
        <v>49</v>
      </c>
      <c r="GZ6" s="74" t="s">
        <v>50</v>
      </c>
      <c r="HA6" s="74" t="s">
        <v>51</v>
      </c>
      <c r="HB6" s="75" t="s">
        <v>45</v>
      </c>
      <c r="HC6" s="77" t="s">
        <v>52</v>
      </c>
      <c r="HD6" s="78" t="s">
        <v>43</v>
      </c>
      <c r="HE6" s="79" t="s">
        <v>44</v>
      </c>
      <c r="HF6" s="80" t="s">
        <v>45</v>
      </c>
      <c r="HG6" s="81" t="s">
        <v>46</v>
      </c>
      <c r="HH6" s="79" t="s">
        <v>47</v>
      </c>
      <c r="HI6" s="79" t="s">
        <v>48</v>
      </c>
      <c r="HJ6" s="79" t="s">
        <v>49</v>
      </c>
      <c r="HK6" s="79" t="s">
        <v>50</v>
      </c>
      <c r="HL6" s="79" t="s">
        <v>51</v>
      </c>
      <c r="HM6" s="80" t="s">
        <v>45</v>
      </c>
      <c r="HN6" s="83" t="s">
        <v>52</v>
      </c>
      <c r="HO6" s="78" t="s">
        <v>43</v>
      </c>
      <c r="HP6" s="79" t="s">
        <v>44</v>
      </c>
      <c r="HQ6" s="80" t="s">
        <v>45</v>
      </c>
      <c r="HR6" s="81" t="s">
        <v>46</v>
      </c>
      <c r="HS6" s="79" t="s">
        <v>47</v>
      </c>
      <c r="HT6" s="79" t="s">
        <v>48</v>
      </c>
      <c r="HU6" s="79" t="s">
        <v>49</v>
      </c>
      <c r="HV6" s="79" t="s">
        <v>50</v>
      </c>
      <c r="HW6" s="79" t="s">
        <v>51</v>
      </c>
      <c r="HX6" s="80" t="s">
        <v>45</v>
      </c>
      <c r="HY6" s="83" t="s">
        <v>52</v>
      </c>
      <c r="HZ6" s="78" t="s">
        <v>43</v>
      </c>
      <c r="IA6" s="79" t="s">
        <v>44</v>
      </c>
      <c r="IB6" s="80" t="s">
        <v>45</v>
      </c>
      <c r="IC6" s="81" t="s">
        <v>46</v>
      </c>
      <c r="ID6" s="79" t="s">
        <v>47</v>
      </c>
      <c r="IE6" s="79" t="s">
        <v>48</v>
      </c>
      <c r="IF6" s="79" t="s">
        <v>49</v>
      </c>
      <c r="IG6" s="79" t="s">
        <v>50</v>
      </c>
      <c r="IH6" s="79" t="s">
        <v>51</v>
      </c>
      <c r="II6" s="80" t="s">
        <v>45</v>
      </c>
      <c r="IJ6" s="83" t="s">
        <v>52</v>
      </c>
      <c r="IK6" s="78" t="s">
        <v>43</v>
      </c>
      <c r="IL6" s="79" t="s">
        <v>44</v>
      </c>
      <c r="IM6" s="80" t="s">
        <v>45</v>
      </c>
      <c r="IN6" s="81" t="s">
        <v>46</v>
      </c>
      <c r="IO6" s="79" t="s">
        <v>47</v>
      </c>
      <c r="IP6" s="79" t="s">
        <v>48</v>
      </c>
      <c r="IQ6" s="79" t="s">
        <v>49</v>
      </c>
      <c r="IR6" s="79" t="s">
        <v>50</v>
      </c>
      <c r="IS6" s="79" t="s">
        <v>51</v>
      </c>
      <c r="IT6" s="80" t="s">
        <v>45</v>
      </c>
      <c r="IU6" s="83" t="s">
        <v>52</v>
      </c>
      <c r="IV6" s="78" t="s">
        <v>43</v>
      </c>
      <c r="IW6" s="79" t="s">
        <v>44</v>
      </c>
      <c r="IX6" s="80" t="s">
        <v>45</v>
      </c>
      <c r="IY6" s="81" t="s">
        <v>46</v>
      </c>
      <c r="IZ6" s="79" t="s">
        <v>47</v>
      </c>
      <c r="JA6" s="79" t="s">
        <v>48</v>
      </c>
      <c r="JB6" s="79" t="s">
        <v>49</v>
      </c>
      <c r="JC6" s="79" t="s">
        <v>50</v>
      </c>
      <c r="JD6" s="79" t="s">
        <v>51</v>
      </c>
      <c r="JE6" s="80" t="s">
        <v>45</v>
      </c>
      <c r="JF6" s="83" t="s">
        <v>52</v>
      </c>
      <c r="JG6" s="78" t="s">
        <v>43</v>
      </c>
      <c r="JH6" s="79" t="s">
        <v>44</v>
      </c>
      <c r="JI6" s="80" t="s">
        <v>45</v>
      </c>
      <c r="JJ6" s="81" t="s">
        <v>46</v>
      </c>
      <c r="JK6" s="79" t="s">
        <v>47</v>
      </c>
      <c r="JL6" s="79" t="s">
        <v>48</v>
      </c>
      <c r="JM6" s="79" t="s">
        <v>49</v>
      </c>
      <c r="JN6" s="79" t="s">
        <v>50</v>
      </c>
      <c r="JO6" s="79" t="s">
        <v>51</v>
      </c>
      <c r="JP6" s="80" t="s">
        <v>45</v>
      </c>
      <c r="JQ6" s="83" t="s">
        <v>52</v>
      </c>
      <c r="JR6" s="78" t="s">
        <v>43</v>
      </c>
      <c r="JS6" s="79" t="s">
        <v>44</v>
      </c>
      <c r="JT6" s="80" t="s">
        <v>45</v>
      </c>
      <c r="JU6" s="81" t="s">
        <v>46</v>
      </c>
      <c r="JV6" s="79" t="s">
        <v>47</v>
      </c>
      <c r="JW6" s="79" t="s">
        <v>48</v>
      </c>
      <c r="JX6" s="79" t="s">
        <v>49</v>
      </c>
      <c r="JY6" s="79" t="s">
        <v>50</v>
      </c>
      <c r="JZ6" s="79" t="s">
        <v>51</v>
      </c>
      <c r="KA6" s="80" t="s">
        <v>45</v>
      </c>
      <c r="KB6" s="83" t="s">
        <v>52</v>
      </c>
      <c r="KC6" s="78" t="s">
        <v>43</v>
      </c>
      <c r="KD6" s="79" t="s">
        <v>44</v>
      </c>
      <c r="KE6" s="80" t="s">
        <v>45</v>
      </c>
      <c r="KF6" s="81" t="s">
        <v>46</v>
      </c>
      <c r="KG6" s="79" t="s">
        <v>47</v>
      </c>
      <c r="KH6" s="79" t="s">
        <v>48</v>
      </c>
      <c r="KI6" s="79" t="s">
        <v>49</v>
      </c>
      <c r="KJ6" s="79" t="s">
        <v>50</v>
      </c>
      <c r="KK6" s="79" t="s">
        <v>51</v>
      </c>
      <c r="KL6" s="80" t="s">
        <v>45</v>
      </c>
      <c r="KM6" s="83" t="s">
        <v>52</v>
      </c>
    </row>
    <row r="7" spans="2:299" s="70" customFormat="1" ht="21" customHeight="1" x14ac:dyDescent="0.2">
      <c r="B7" s="84" t="s">
        <v>4</v>
      </c>
      <c r="C7" s="85">
        <v>4417</v>
      </c>
      <c r="D7" s="86">
        <v>4292</v>
      </c>
      <c r="E7" s="87">
        <v>8709</v>
      </c>
      <c r="F7" s="412">
        <v>0</v>
      </c>
      <c r="G7" s="86">
        <v>5935</v>
      </c>
      <c r="H7" s="86">
        <v>5464</v>
      </c>
      <c r="I7" s="86">
        <v>3395</v>
      </c>
      <c r="J7" s="86">
        <v>2727</v>
      </c>
      <c r="K7" s="86">
        <v>1533</v>
      </c>
      <c r="L7" s="88">
        <v>19054</v>
      </c>
      <c r="M7" s="89">
        <v>27763</v>
      </c>
      <c r="N7" s="90">
        <v>69</v>
      </c>
      <c r="O7" s="91">
        <v>74</v>
      </c>
      <c r="P7" s="92">
        <v>143</v>
      </c>
      <c r="Q7" s="412">
        <v>0</v>
      </c>
      <c r="R7" s="91">
        <v>79</v>
      </c>
      <c r="S7" s="91">
        <v>92</v>
      </c>
      <c r="T7" s="91">
        <v>56</v>
      </c>
      <c r="U7" s="91">
        <v>62</v>
      </c>
      <c r="V7" s="91">
        <v>33</v>
      </c>
      <c r="W7" s="92">
        <v>322</v>
      </c>
      <c r="X7" s="93">
        <v>465</v>
      </c>
      <c r="Y7" s="90">
        <v>155</v>
      </c>
      <c r="Z7" s="91">
        <v>159</v>
      </c>
      <c r="AA7" s="92">
        <v>314</v>
      </c>
      <c r="AB7" s="412">
        <v>0</v>
      </c>
      <c r="AC7" s="91">
        <v>193</v>
      </c>
      <c r="AD7" s="91">
        <v>229</v>
      </c>
      <c r="AE7" s="91">
        <v>107</v>
      </c>
      <c r="AF7" s="91">
        <v>123</v>
      </c>
      <c r="AG7" s="91">
        <v>97</v>
      </c>
      <c r="AH7" s="92">
        <v>749</v>
      </c>
      <c r="AI7" s="93">
        <v>1063</v>
      </c>
      <c r="AJ7" s="90">
        <v>328</v>
      </c>
      <c r="AK7" s="91">
        <v>380</v>
      </c>
      <c r="AL7" s="92">
        <v>708</v>
      </c>
      <c r="AM7" s="412">
        <v>0</v>
      </c>
      <c r="AN7" s="91">
        <v>463</v>
      </c>
      <c r="AO7" s="91">
        <v>450</v>
      </c>
      <c r="AP7" s="91">
        <v>262</v>
      </c>
      <c r="AQ7" s="91">
        <v>222</v>
      </c>
      <c r="AR7" s="91">
        <v>173</v>
      </c>
      <c r="AS7" s="92">
        <v>1570</v>
      </c>
      <c r="AT7" s="93">
        <v>2278</v>
      </c>
      <c r="AU7" s="90">
        <v>868</v>
      </c>
      <c r="AV7" s="91">
        <v>856</v>
      </c>
      <c r="AW7" s="92">
        <v>1724</v>
      </c>
      <c r="AX7" s="412">
        <v>0</v>
      </c>
      <c r="AY7" s="91">
        <v>1139</v>
      </c>
      <c r="AZ7" s="91">
        <v>940</v>
      </c>
      <c r="BA7" s="91">
        <v>546</v>
      </c>
      <c r="BB7" s="91">
        <v>400</v>
      </c>
      <c r="BC7" s="91">
        <v>295</v>
      </c>
      <c r="BD7" s="92">
        <v>3320</v>
      </c>
      <c r="BE7" s="93">
        <v>5044</v>
      </c>
      <c r="BF7" s="90">
        <v>1507</v>
      </c>
      <c r="BG7" s="91">
        <v>1373</v>
      </c>
      <c r="BH7" s="92">
        <v>2880</v>
      </c>
      <c r="BI7" s="412">
        <v>0</v>
      </c>
      <c r="BJ7" s="91">
        <v>1925</v>
      </c>
      <c r="BK7" s="91">
        <v>1590</v>
      </c>
      <c r="BL7" s="91">
        <v>943</v>
      </c>
      <c r="BM7" s="91">
        <v>731</v>
      </c>
      <c r="BN7" s="91">
        <v>379</v>
      </c>
      <c r="BO7" s="92">
        <v>5568</v>
      </c>
      <c r="BP7" s="93">
        <v>8448</v>
      </c>
      <c r="BQ7" s="90">
        <v>1490</v>
      </c>
      <c r="BR7" s="91">
        <v>1450</v>
      </c>
      <c r="BS7" s="92">
        <v>2940</v>
      </c>
      <c r="BT7" s="412">
        <v>0</v>
      </c>
      <c r="BU7" s="91">
        <v>2136</v>
      </c>
      <c r="BV7" s="91">
        <v>2163</v>
      </c>
      <c r="BW7" s="91">
        <v>1481</v>
      </c>
      <c r="BX7" s="91">
        <v>1189</v>
      </c>
      <c r="BY7" s="91">
        <v>556</v>
      </c>
      <c r="BZ7" s="92">
        <v>7525</v>
      </c>
      <c r="CA7" s="93">
        <v>10465</v>
      </c>
      <c r="CB7" s="90">
        <v>0</v>
      </c>
      <c r="CC7" s="91">
        <v>0</v>
      </c>
      <c r="CD7" s="92">
        <v>0</v>
      </c>
      <c r="CE7" s="412">
        <v>0</v>
      </c>
      <c r="CF7" s="91">
        <v>0</v>
      </c>
      <c r="CG7" s="91">
        <v>0</v>
      </c>
      <c r="CH7" s="91">
        <v>0</v>
      </c>
      <c r="CI7" s="91">
        <v>0</v>
      </c>
      <c r="CJ7" s="91">
        <v>0</v>
      </c>
      <c r="CK7" s="92">
        <v>0</v>
      </c>
      <c r="CL7" s="93">
        <v>0</v>
      </c>
      <c r="CM7" s="90">
        <v>4417</v>
      </c>
      <c r="CN7" s="91">
        <v>4292</v>
      </c>
      <c r="CO7" s="92">
        <v>8709</v>
      </c>
      <c r="CP7" s="412">
        <v>0</v>
      </c>
      <c r="CQ7" s="91">
        <v>5935</v>
      </c>
      <c r="CR7" s="91">
        <v>5464</v>
      </c>
      <c r="CS7" s="91">
        <v>3395</v>
      </c>
      <c r="CT7" s="91">
        <v>2727</v>
      </c>
      <c r="CU7" s="91">
        <v>1533</v>
      </c>
      <c r="CV7" s="92">
        <v>19054</v>
      </c>
      <c r="CW7" s="93">
        <v>27763</v>
      </c>
      <c r="CX7" s="94">
        <v>670</v>
      </c>
      <c r="CY7" s="86">
        <v>774</v>
      </c>
      <c r="CZ7" s="87">
        <v>1444</v>
      </c>
      <c r="DA7" s="412">
        <v>0</v>
      </c>
      <c r="DB7" s="86">
        <v>909</v>
      </c>
      <c r="DC7" s="86">
        <v>823</v>
      </c>
      <c r="DD7" s="86">
        <v>562</v>
      </c>
      <c r="DE7" s="86">
        <v>549</v>
      </c>
      <c r="DF7" s="86">
        <v>357</v>
      </c>
      <c r="DG7" s="88">
        <v>3200</v>
      </c>
      <c r="DH7" s="89">
        <v>4644</v>
      </c>
      <c r="DI7" s="90">
        <v>21</v>
      </c>
      <c r="DJ7" s="91">
        <v>24</v>
      </c>
      <c r="DK7" s="92">
        <v>45</v>
      </c>
      <c r="DL7" s="412">
        <v>0</v>
      </c>
      <c r="DM7" s="91">
        <v>16</v>
      </c>
      <c r="DN7" s="91">
        <v>19</v>
      </c>
      <c r="DO7" s="91">
        <v>14</v>
      </c>
      <c r="DP7" s="91">
        <v>7</v>
      </c>
      <c r="DQ7" s="91">
        <v>5</v>
      </c>
      <c r="DR7" s="92">
        <v>61</v>
      </c>
      <c r="DS7" s="93">
        <v>106</v>
      </c>
      <c r="DT7" s="90">
        <v>53</v>
      </c>
      <c r="DU7" s="91">
        <v>53</v>
      </c>
      <c r="DV7" s="92">
        <v>106</v>
      </c>
      <c r="DW7" s="412">
        <v>0</v>
      </c>
      <c r="DX7" s="91">
        <v>30</v>
      </c>
      <c r="DY7" s="91">
        <v>22</v>
      </c>
      <c r="DZ7" s="91">
        <v>18</v>
      </c>
      <c r="EA7" s="91">
        <v>16</v>
      </c>
      <c r="EB7" s="91">
        <v>5</v>
      </c>
      <c r="EC7" s="92">
        <v>91</v>
      </c>
      <c r="ED7" s="93">
        <v>197</v>
      </c>
      <c r="EE7" s="90">
        <v>92</v>
      </c>
      <c r="EF7" s="91">
        <v>102</v>
      </c>
      <c r="EG7" s="92">
        <v>194</v>
      </c>
      <c r="EH7" s="412">
        <v>0</v>
      </c>
      <c r="EI7" s="91">
        <v>76</v>
      </c>
      <c r="EJ7" s="91">
        <v>58</v>
      </c>
      <c r="EK7" s="91">
        <v>33</v>
      </c>
      <c r="EL7" s="91">
        <v>27</v>
      </c>
      <c r="EM7" s="91">
        <v>37</v>
      </c>
      <c r="EN7" s="92">
        <v>231</v>
      </c>
      <c r="EO7" s="93">
        <v>425</v>
      </c>
      <c r="EP7" s="90">
        <v>171</v>
      </c>
      <c r="EQ7" s="91">
        <v>189</v>
      </c>
      <c r="ER7" s="92">
        <v>360</v>
      </c>
      <c r="ES7" s="412">
        <v>0</v>
      </c>
      <c r="ET7" s="91">
        <v>192</v>
      </c>
      <c r="EU7" s="91">
        <v>142</v>
      </c>
      <c r="EV7" s="91">
        <v>78</v>
      </c>
      <c r="EW7" s="91">
        <v>68</v>
      </c>
      <c r="EX7" s="91">
        <v>41</v>
      </c>
      <c r="EY7" s="92">
        <v>521</v>
      </c>
      <c r="EZ7" s="93">
        <v>881</v>
      </c>
      <c r="FA7" s="90">
        <v>196</v>
      </c>
      <c r="FB7" s="91">
        <v>235</v>
      </c>
      <c r="FC7" s="92">
        <v>431</v>
      </c>
      <c r="FD7" s="412">
        <v>0</v>
      </c>
      <c r="FE7" s="91">
        <v>268</v>
      </c>
      <c r="FF7" s="91">
        <v>226</v>
      </c>
      <c r="FG7" s="91">
        <v>132</v>
      </c>
      <c r="FH7" s="91">
        <v>120</v>
      </c>
      <c r="FI7" s="91">
        <v>81</v>
      </c>
      <c r="FJ7" s="92">
        <v>827</v>
      </c>
      <c r="FK7" s="93">
        <v>1258</v>
      </c>
      <c r="FL7" s="90">
        <v>137</v>
      </c>
      <c r="FM7" s="91">
        <v>171</v>
      </c>
      <c r="FN7" s="92">
        <v>308</v>
      </c>
      <c r="FO7" s="412">
        <v>0</v>
      </c>
      <c r="FP7" s="91">
        <v>327</v>
      </c>
      <c r="FQ7" s="91">
        <v>356</v>
      </c>
      <c r="FR7" s="91">
        <v>287</v>
      </c>
      <c r="FS7" s="91">
        <v>311</v>
      </c>
      <c r="FT7" s="91">
        <v>188</v>
      </c>
      <c r="FU7" s="92">
        <v>1469</v>
      </c>
      <c r="FV7" s="93">
        <v>1777</v>
      </c>
      <c r="FW7" s="90">
        <v>0</v>
      </c>
      <c r="FX7" s="91">
        <v>0</v>
      </c>
      <c r="FY7" s="92">
        <v>0</v>
      </c>
      <c r="FZ7" s="412">
        <v>0</v>
      </c>
      <c r="GA7" s="91">
        <v>0</v>
      </c>
      <c r="GB7" s="91">
        <v>0</v>
      </c>
      <c r="GC7" s="91">
        <v>0</v>
      </c>
      <c r="GD7" s="91">
        <v>0</v>
      </c>
      <c r="GE7" s="91">
        <v>0</v>
      </c>
      <c r="GF7" s="92">
        <v>0</v>
      </c>
      <c r="GG7" s="93">
        <v>0</v>
      </c>
      <c r="GH7" s="90">
        <v>670</v>
      </c>
      <c r="GI7" s="91">
        <v>774</v>
      </c>
      <c r="GJ7" s="92">
        <v>1444</v>
      </c>
      <c r="GK7" s="412">
        <v>0</v>
      </c>
      <c r="GL7" s="91">
        <v>909</v>
      </c>
      <c r="GM7" s="91">
        <v>823</v>
      </c>
      <c r="GN7" s="91">
        <v>562</v>
      </c>
      <c r="GO7" s="91">
        <v>549</v>
      </c>
      <c r="GP7" s="91">
        <v>357</v>
      </c>
      <c r="GQ7" s="92">
        <v>3200</v>
      </c>
      <c r="GR7" s="93">
        <v>4644</v>
      </c>
      <c r="GS7" s="94">
        <v>5087</v>
      </c>
      <c r="GT7" s="86">
        <v>5066</v>
      </c>
      <c r="GU7" s="87">
        <v>10153</v>
      </c>
      <c r="GV7" s="412">
        <v>0</v>
      </c>
      <c r="GW7" s="86">
        <v>6844</v>
      </c>
      <c r="GX7" s="86">
        <v>6287</v>
      </c>
      <c r="GY7" s="86">
        <v>3957</v>
      </c>
      <c r="GZ7" s="86">
        <v>3276</v>
      </c>
      <c r="HA7" s="86">
        <v>1890</v>
      </c>
      <c r="HB7" s="88">
        <v>22254</v>
      </c>
      <c r="HC7" s="89">
        <v>32407</v>
      </c>
      <c r="HD7" s="90">
        <v>90</v>
      </c>
      <c r="HE7" s="91">
        <v>98</v>
      </c>
      <c r="HF7" s="92">
        <v>188</v>
      </c>
      <c r="HG7" s="412">
        <v>0</v>
      </c>
      <c r="HH7" s="91">
        <v>95</v>
      </c>
      <c r="HI7" s="91">
        <v>111</v>
      </c>
      <c r="HJ7" s="91">
        <v>70</v>
      </c>
      <c r="HK7" s="91">
        <v>69</v>
      </c>
      <c r="HL7" s="91">
        <v>38</v>
      </c>
      <c r="HM7" s="92">
        <v>383</v>
      </c>
      <c r="HN7" s="93">
        <v>571</v>
      </c>
      <c r="HO7" s="90">
        <v>208</v>
      </c>
      <c r="HP7" s="91">
        <v>212</v>
      </c>
      <c r="HQ7" s="92">
        <v>420</v>
      </c>
      <c r="HR7" s="412">
        <v>0</v>
      </c>
      <c r="HS7" s="91">
        <v>223</v>
      </c>
      <c r="HT7" s="91">
        <v>251</v>
      </c>
      <c r="HU7" s="91">
        <v>125</v>
      </c>
      <c r="HV7" s="91">
        <v>139</v>
      </c>
      <c r="HW7" s="91">
        <v>102</v>
      </c>
      <c r="HX7" s="92">
        <v>840</v>
      </c>
      <c r="HY7" s="93">
        <v>1260</v>
      </c>
      <c r="HZ7" s="90">
        <v>420</v>
      </c>
      <c r="IA7" s="91">
        <v>482</v>
      </c>
      <c r="IB7" s="92">
        <v>902</v>
      </c>
      <c r="IC7" s="412">
        <v>0</v>
      </c>
      <c r="ID7" s="91">
        <v>539</v>
      </c>
      <c r="IE7" s="91">
        <v>508</v>
      </c>
      <c r="IF7" s="91">
        <v>295</v>
      </c>
      <c r="IG7" s="91">
        <v>249</v>
      </c>
      <c r="IH7" s="91">
        <v>210</v>
      </c>
      <c r="II7" s="92">
        <v>1801</v>
      </c>
      <c r="IJ7" s="93">
        <v>2703</v>
      </c>
      <c r="IK7" s="90">
        <v>1039</v>
      </c>
      <c r="IL7" s="91">
        <v>1045</v>
      </c>
      <c r="IM7" s="92">
        <v>2084</v>
      </c>
      <c r="IN7" s="412">
        <v>0</v>
      </c>
      <c r="IO7" s="91">
        <v>1331</v>
      </c>
      <c r="IP7" s="91">
        <v>1082</v>
      </c>
      <c r="IQ7" s="91">
        <v>624</v>
      </c>
      <c r="IR7" s="91">
        <v>468</v>
      </c>
      <c r="IS7" s="91">
        <v>336</v>
      </c>
      <c r="IT7" s="92">
        <v>3841</v>
      </c>
      <c r="IU7" s="93">
        <v>5925</v>
      </c>
      <c r="IV7" s="90">
        <v>1703</v>
      </c>
      <c r="IW7" s="91">
        <v>1608</v>
      </c>
      <c r="IX7" s="92">
        <v>3311</v>
      </c>
      <c r="IY7" s="412">
        <v>0</v>
      </c>
      <c r="IZ7" s="91">
        <v>2193</v>
      </c>
      <c r="JA7" s="91">
        <v>1816</v>
      </c>
      <c r="JB7" s="91">
        <v>1075</v>
      </c>
      <c r="JC7" s="91">
        <v>851</v>
      </c>
      <c r="JD7" s="91">
        <v>460</v>
      </c>
      <c r="JE7" s="92">
        <v>6395</v>
      </c>
      <c r="JF7" s="93">
        <v>9706</v>
      </c>
      <c r="JG7" s="90">
        <v>1627</v>
      </c>
      <c r="JH7" s="91">
        <v>1621</v>
      </c>
      <c r="JI7" s="92">
        <v>3248</v>
      </c>
      <c r="JJ7" s="412">
        <v>0</v>
      </c>
      <c r="JK7" s="91">
        <v>2463</v>
      </c>
      <c r="JL7" s="91">
        <v>2519</v>
      </c>
      <c r="JM7" s="91">
        <v>1768</v>
      </c>
      <c r="JN7" s="91">
        <v>1500</v>
      </c>
      <c r="JO7" s="91">
        <v>744</v>
      </c>
      <c r="JP7" s="92">
        <v>8994</v>
      </c>
      <c r="JQ7" s="93">
        <v>12242</v>
      </c>
      <c r="JR7" s="90">
        <v>0</v>
      </c>
      <c r="JS7" s="91">
        <v>0</v>
      </c>
      <c r="JT7" s="92">
        <v>0</v>
      </c>
      <c r="JU7" s="412">
        <v>0</v>
      </c>
      <c r="JV7" s="91">
        <v>0</v>
      </c>
      <c r="JW7" s="91">
        <v>0</v>
      </c>
      <c r="JX7" s="91">
        <v>0</v>
      </c>
      <c r="JY7" s="91">
        <v>0</v>
      </c>
      <c r="JZ7" s="91">
        <v>0</v>
      </c>
      <c r="KA7" s="92">
        <v>0</v>
      </c>
      <c r="KB7" s="93">
        <v>0</v>
      </c>
      <c r="KC7" s="90">
        <v>5087</v>
      </c>
      <c r="KD7" s="91">
        <v>5066</v>
      </c>
      <c r="KE7" s="92">
        <v>10153</v>
      </c>
      <c r="KF7" s="412">
        <v>0</v>
      </c>
      <c r="KG7" s="91">
        <v>6844</v>
      </c>
      <c r="KH7" s="91">
        <v>6287</v>
      </c>
      <c r="KI7" s="91">
        <v>3957</v>
      </c>
      <c r="KJ7" s="91">
        <v>3276</v>
      </c>
      <c r="KK7" s="91">
        <v>1890</v>
      </c>
      <c r="KL7" s="92">
        <v>22254</v>
      </c>
      <c r="KM7" s="93">
        <v>32407</v>
      </c>
    </row>
    <row r="8" spans="2:299" s="70" customFormat="1" ht="21" customHeight="1" x14ac:dyDescent="0.2">
      <c r="B8" s="95" t="s">
        <v>5</v>
      </c>
      <c r="C8" s="96">
        <v>1799</v>
      </c>
      <c r="D8" s="97">
        <v>2151</v>
      </c>
      <c r="E8" s="98">
        <v>3950</v>
      </c>
      <c r="F8" s="413">
        <v>0</v>
      </c>
      <c r="G8" s="97">
        <v>2133</v>
      </c>
      <c r="H8" s="97">
        <v>2599</v>
      </c>
      <c r="I8" s="97">
        <v>1557</v>
      </c>
      <c r="J8" s="97">
        <v>1209</v>
      </c>
      <c r="K8" s="97">
        <v>669</v>
      </c>
      <c r="L8" s="99">
        <v>8167</v>
      </c>
      <c r="M8" s="100">
        <v>12117</v>
      </c>
      <c r="N8" s="101">
        <v>18</v>
      </c>
      <c r="O8" s="102">
        <v>41</v>
      </c>
      <c r="P8" s="103">
        <v>59</v>
      </c>
      <c r="Q8" s="413">
        <v>0</v>
      </c>
      <c r="R8" s="102">
        <v>30</v>
      </c>
      <c r="S8" s="102">
        <v>46</v>
      </c>
      <c r="T8" s="102">
        <v>22</v>
      </c>
      <c r="U8" s="102">
        <v>26</v>
      </c>
      <c r="V8" s="102">
        <v>13</v>
      </c>
      <c r="W8" s="103">
        <v>137</v>
      </c>
      <c r="X8" s="104">
        <v>196</v>
      </c>
      <c r="Y8" s="101">
        <v>54</v>
      </c>
      <c r="Z8" s="102">
        <v>74</v>
      </c>
      <c r="AA8" s="103">
        <v>128</v>
      </c>
      <c r="AB8" s="413">
        <v>0</v>
      </c>
      <c r="AC8" s="102">
        <v>61</v>
      </c>
      <c r="AD8" s="102">
        <v>111</v>
      </c>
      <c r="AE8" s="102">
        <v>49</v>
      </c>
      <c r="AF8" s="102">
        <v>55</v>
      </c>
      <c r="AG8" s="102">
        <v>33</v>
      </c>
      <c r="AH8" s="103">
        <v>309</v>
      </c>
      <c r="AI8" s="104">
        <v>437</v>
      </c>
      <c r="AJ8" s="101">
        <v>125</v>
      </c>
      <c r="AK8" s="102">
        <v>179</v>
      </c>
      <c r="AL8" s="103">
        <v>304</v>
      </c>
      <c r="AM8" s="413">
        <v>0</v>
      </c>
      <c r="AN8" s="102">
        <v>142</v>
      </c>
      <c r="AO8" s="102">
        <v>204</v>
      </c>
      <c r="AP8" s="102">
        <v>125</v>
      </c>
      <c r="AQ8" s="102">
        <v>87</v>
      </c>
      <c r="AR8" s="102">
        <v>65</v>
      </c>
      <c r="AS8" s="103">
        <v>623</v>
      </c>
      <c r="AT8" s="104">
        <v>927</v>
      </c>
      <c r="AU8" s="101">
        <v>342</v>
      </c>
      <c r="AV8" s="102">
        <v>420</v>
      </c>
      <c r="AW8" s="103">
        <v>762</v>
      </c>
      <c r="AX8" s="413">
        <v>0</v>
      </c>
      <c r="AY8" s="102">
        <v>375</v>
      </c>
      <c r="AZ8" s="102">
        <v>409</v>
      </c>
      <c r="BA8" s="102">
        <v>246</v>
      </c>
      <c r="BB8" s="102">
        <v>159</v>
      </c>
      <c r="BC8" s="102">
        <v>140</v>
      </c>
      <c r="BD8" s="103">
        <v>1329</v>
      </c>
      <c r="BE8" s="104">
        <v>2091</v>
      </c>
      <c r="BF8" s="101">
        <v>603</v>
      </c>
      <c r="BG8" s="102">
        <v>667</v>
      </c>
      <c r="BH8" s="103">
        <v>1270</v>
      </c>
      <c r="BI8" s="413">
        <v>0</v>
      </c>
      <c r="BJ8" s="102">
        <v>720</v>
      </c>
      <c r="BK8" s="102">
        <v>789</v>
      </c>
      <c r="BL8" s="102">
        <v>402</v>
      </c>
      <c r="BM8" s="102">
        <v>301</v>
      </c>
      <c r="BN8" s="102">
        <v>160</v>
      </c>
      <c r="BO8" s="103">
        <v>2372</v>
      </c>
      <c r="BP8" s="104">
        <v>3642</v>
      </c>
      <c r="BQ8" s="101">
        <v>657</v>
      </c>
      <c r="BR8" s="102">
        <v>770</v>
      </c>
      <c r="BS8" s="103">
        <v>1427</v>
      </c>
      <c r="BT8" s="413">
        <v>0</v>
      </c>
      <c r="BU8" s="102">
        <v>805</v>
      </c>
      <c r="BV8" s="102">
        <v>1040</v>
      </c>
      <c r="BW8" s="102">
        <v>713</v>
      </c>
      <c r="BX8" s="102">
        <v>581</v>
      </c>
      <c r="BY8" s="102">
        <v>258</v>
      </c>
      <c r="BZ8" s="103">
        <v>3397</v>
      </c>
      <c r="CA8" s="104">
        <v>4824</v>
      </c>
      <c r="CB8" s="101">
        <v>0</v>
      </c>
      <c r="CC8" s="102">
        <v>0</v>
      </c>
      <c r="CD8" s="103">
        <v>0</v>
      </c>
      <c r="CE8" s="413">
        <v>0</v>
      </c>
      <c r="CF8" s="102">
        <v>0</v>
      </c>
      <c r="CG8" s="102">
        <v>0</v>
      </c>
      <c r="CH8" s="102">
        <v>0</v>
      </c>
      <c r="CI8" s="102">
        <v>0</v>
      </c>
      <c r="CJ8" s="102">
        <v>0</v>
      </c>
      <c r="CK8" s="103">
        <v>0</v>
      </c>
      <c r="CL8" s="104">
        <v>0</v>
      </c>
      <c r="CM8" s="101">
        <v>1799</v>
      </c>
      <c r="CN8" s="102">
        <v>2151</v>
      </c>
      <c r="CO8" s="103">
        <v>3950</v>
      </c>
      <c r="CP8" s="413">
        <v>0</v>
      </c>
      <c r="CQ8" s="102">
        <v>2133</v>
      </c>
      <c r="CR8" s="102">
        <v>2599</v>
      </c>
      <c r="CS8" s="102">
        <v>1557</v>
      </c>
      <c r="CT8" s="102">
        <v>1209</v>
      </c>
      <c r="CU8" s="102">
        <v>669</v>
      </c>
      <c r="CV8" s="103">
        <v>8167</v>
      </c>
      <c r="CW8" s="104">
        <v>12117</v>
      </c>
      <c r="CX8" s="105">
        <v>280</v>
      </c>
      <c r="CY8" s="97">
        <v>368</v>
      </c>
      <c r="CZ8" s="98">
        <v>648</v>
      </c>
      <c r="DA8" s="413">
        <v>0</v>
      </c>
      <c r="DB8" s="97">
        <v>335</v>
      </c>
      <c r="DC8" s="97">
        <v>402</v>
      </c>
      <c r="DD8" s="97">
        <v>254</v>
      </c>
      <c r="DE8" s="97">
        <v>245</v>
      </c>
      <c r="DF8" s="97">
        <v>168</v>
      </c>
      <c r="DG8" s="99">
        <v>1404</v>
      </c>
      <c r="DH8" s="100">
        <v>2052</v>
      </c>
      <c r="DI8" s="101">
        <v>9</v>
      </c>
      <c r="DJ8" s="102">
        <v>7</v>
      </c>
      <c r="DK8" s="103">
        <v>16</v>
      </c>
      <c r="DL8" s="413">
        <v>0</v>
      </c>
      <c r="DM8" s="102">
        <v>6</v>
      </c>
      <c r="DN8" s="102">
        <v>7</v>
      </c>
      <c r="DO8" s="102">
        <v>7</v>
      </c>
      <c r="DP8" s="102">
        <v>3</v>
      </c>
      <c r="DQ8" s="102">
        <v>2</v>
      </c>
      <c r="DR8" s="103">
        <v>25</v>
      </c>
      <c r="DS8" s="104">
        <v>41</v>
      </c>
      <c r="DT8" s="101">
        <v>23</v>
      </c>
      <c r="DU8" s="102">
        <v>26</v>
      </c>
      <c r="DV8" s="103">
        <v>49</v>
      </c>
      <c r="DW8" s="413">
        <v>0</v>
      </c>
      <c r="DX8" s="102">
        <v>8</v>
      </c>
      <c r="DY8" s="102">
        <v>13</v>
      </c>
      <c r="DZ8" s="102">
        <v>10</v>
      </c>
      <c r="EA8" s="102">
        <v>5</v>
      </c>
      <c r="EB8" s="102">
        <v>1</v>
      </c>
      <c r="EC8" s="103">
        <v>37</v>
      </c>
      <c r="ED8" s="104">
        <v>86</v>
      </c>
      <c r="EE8" s="101">
        <v>38</v>
      </c>
      <c r="EF8" s="102">
        <v>52</v>
      </c>
      <c r="EG8" s="103">
        <v>90</v>
      </c>
      <c r="EH8" s="413">
        <v>0</v>
      </c>
      <c r="EI8" s="102">
        <v>34</v>
      </c>
      <c r="EJ8" s="102">
        <v>28</v>
      </c>
      <c r="EK8" s="102">
        <v>14</v>
      </c>
      <c r="EL8" s="102">
        <v>13</v>
      </c>
      <c r="EM8" s="102">
        <v>19</v>
      </c>
      <c r="EN8" s="103">
        <v>108</v>
      </c>
      <c r="EO8" s="104">
        <v>198</v>
      </c>
      <c r="EP8" s="101">
        <v>72</v>
      </c>
      <c r="EQ8" s="102">
        <v>93</v>
      </c>
      <c r="ER8" s="103">
        <v>165</v>
      </c>
      <c r="ES8" s="413">
        <v>0</v>
      </c>
      <c r="ET8" s="102">
        <v>84</v>
      </c>
      <c r="EU8" s="102">
        <v>75</v>
      </c>
      <c r="EV8" s="102">
        <v>34</v>
      </c>
      <c r="EW8" s="102">
        <v>38</v>
      </c>
      <c r="EX8" s="102">
        <v>24</v>
      </c>
      <c r="EY8" s="103">
        <v>255</v>
      </c>
      <c r="EZ8" s="104">
        <v>420</v>
      </c>
      <c r="FA8" s="101">
        <v>78</v>
      </c>
      <c r="FB8" s="102">
        <v>102</v>
      </c>
      <c r="FC8" s="103">
        <v>180</v>
      </c>
      <c r="FD8" s="413">
        <v>0</v>
      </c>
      <c r="FE8" s="102">
        <v>89</v>
      </c>
      <c r="FF8" s="102">
        <v>113</v>
      </c>
      <c r="FG8" s="102">
        <v>60</v>
      </c>
      <c r="FH8" s="102">
        <v>53</v>
      </c>
      <c r="FI8" s="102">
        <v>32</v>
      </c>
      <c r="FJ8" s="103">
        <v>347</v>
      </c>
      <c r="FK8" s="104">
        <v>527</v>
      </c>
      <c r="FL8" s="101">
        <v>60</v>
      </c>
      <c r="FM8" s="102">
        <v>88</v>
      </c>
      <c r="FN8" s="103">
        <v>148</v>
      </c>
      <c r="FO8" s="413">
        <v>0</v>
      </c>
      <c r="FP8" s="102">
        <v>114</v>
      </c>
      <c r="FQ8" s="102">
        <v>166</v>
      </c>
      <c r="FR8" s="102">
        <v>129</v>
      </c>
      <c r="FS8" s="102">
        <v>133</v>
      </c>
      <c r="FT8" s="102">
        <v>90</v>
      </c>
      <c r="FU8" s="103">
        <v>632</v>
      </c>
      <c r="FV8" s="104">
        <v>780</v>
      </c>
      <c r="FW8" s="101">
        <v>0</v>
      </c>
      <c r="FX8" s="102">
        <v>0</v>
      </c>
      <c r="FY8" s="103">
        <v>0</v>
      </c>
      <c r="FZ8" s="413">
        <v>0</v>
      </c>
      <c r="GA8" s="102">
        <v>0</v>
      </c>
      <c r="GB8" s="102">
        <v>0</v>
      </c>
      <c r="GC8" s="102">
        <v>0</v>
      </c>
      <c r="GD8" s="102">
        <v>0</v>
      </c>
      <c r="GE8" s="102">
        <v>0</v>
      </c>
      <c r="GF8" s="103">
        <v>0</v>
      </c>
      <c r="GG8" s="104">
        <v>0</v>
      </c>
      <c r="GH8" s="101">
        <v>280</v>
      </c>
      <c r="GI8" s="102">
        <v>368</v>
      </c>
      <c r="GJ8" s="103">
        <v>648</v>
      </c>
      <c r="GK8" s="413">
        <v>0</v>
      </c>
      <c r="GL8" s="102">
        <v>335</v>
      </c>
      <c r="GM8" s="102">
        <v>402</v>
      </c>
      <c r="GN8" s="102">
        <v>254</v>
      </c>
      <c r="GO8" s="102">
        <v>245</v>
      </c>
      <c r="GP8" s="102">
        <v>168</v>
      </c>
      <c r="GQ8" s="103">
        <v>1404</v>
      </c>
      <c r="GR8" s="104">
        <v>2052</v>
      </c>
      <c r="GS8" s="105">
        <v>2079</v>
      </c>
      <c r="GT8" s="97">
        <v>2519</v>
      </c>
      <c r="GU8" s="98">
        <v>4598</v>
      </c>
      <c r="GV8" s="413">
        <v>0</v>
      </c>
      <c r="GW8" s="97">
        <v>2468</v>
      </c>
      <c r="GX8" s="97">
        <v>3001</v>
      </c>
      <c r="GY8" s="97">
        <v>1811</v>
      </c>
      <c r="GZ8" s="97">
        <v>1454</v>
      </c>
      <c r="HA8" s="97">
        <v>837</v>
      </c>
      <c r="HB8" s="99">
        <v>9571</v>
      </c>
      <c r="HC8" s="100">
        <v>14169</v>
      </c>
      <c r="HD8" s="101">
        <v>27</v>
      </c>
      <c r="HE8" s="102">
        <v>48</v>
      </c>
      <c r="HF8" s="103">
        <v>75</v>
      </c>
      <c r="HG8" s="413">
        <v>0</v>
      </c>
      <c r="HH8" s="102">
        <v>36</v>
      </c>
      <c r="HI8" s="102">
        <v>53</v>
      </c>
      <c r="HJ8" s="102">
        <v>29</v>
      </c>
      <c r="HK8" s="102">
        <v>29</v>
      </c>
      <c r="HL8" s="102">
        <v>15</v>
      </c>
      <c r="HM8" s="103">
        <v>162</v>
      </c>
      <c r="HN8" s="104">
        <v>237</v>
      </c>
      <c r="HO8" s="101">
        <v>77</v>
      </c>
      <c r="HP8" s="102">
        <v>100</v>
      </c>
      <c r="HQ8" s="103">
        <v>177</v>
      </c>
      <c r="HR8" s="413">
        <v>0</v>
      </c>
      <c r="HS8" s="102">
        <v>69</v>
      </c>
      <c r="HT8" s="102">
        <v>124</v>
      </c>
      <c r="HU8" s="102">
        <v>59</v>
      </c>
      <c r="HV8" s="102">
        <v>60</v>
      </c>
      <c r="HW8" s="102">
        <v>34</v>
      </c>
      <c r="HX8" s="103">
        <v>346</v>
      </c>
      <c r="HY8" s="104">
        <v>523</v>
      </c>
      <c r="HZ8" s="101">
        <v>163</v>
      </c>
      <c r="IA8" s="102">
        <v>231</v>
      </c>
      <c r="IB8" s="103">
        <v>394</v>
      </c>
      <c r="IC8" s="413">
        <v>0</v>
      </c>
      <c r="ID8" s="102">
        <v>176</v>
      </c>
      <c r="IE8" s="102">
        <v>232</v>
      </c>
      <c r="IF8" s="102">
        <v>139</v>
      </c>
      <c r="IG8" s="102">
        <v>100</v>
      </c>
      <c r="IH8" s="102">
        <v>84</v>
      </c>
      <c r="II8" s="103">
        <v>731</v>
      </c>
      <c r="IJ8" s="104">
        <v>1125</v>
      </c>
      <c r="IK8" s="101">
        <v>414</v>
      </c>
      <c r="IL8" s="102">
        <v>513</v>
      </c>
      <c r="IM8" s="103">
        <v>927</v>
      </c>
      <c r="IN8" s="413">
        <v>0</v>
      </c>
      <c r="IO8" s="102">
        <v>459</v>
      </c>
      <c r="IP8" s="102">
        <v>484</v>
      </c>
      <c r="IQ8" s="102">
        <v>280</v>
      </c>
      <c r="IR8" s="102">
        <v>197</v>
      </c>
      <c r="IS8" s="102">
        <v>164</v>
      </c>
      <c r="IT8" s="103">
        <v>1584</v>
      </c>
      <c r="IU8" s="104">
        <v>2511</v>
      </c>
      <c r="IV8" s="101">
        <v>681</v>
      </c>
      <c r="IW8" s="102">
        <v>769</v>
      </c>
      <c r="IX8" s="103">
        <v>1450</v>
      </c>
      <c r="IY8" s="413">
        <v>0</v>
      </c>
      <c r="IZ8" s="102">
        <v>809</v>
      </c>
      <c r="JA8" s="102">
        <v>902</v>
      </c>
      <c r="JB8" s="102">
        <v>462</v>
      </c>
      <c r="JC8" s="102">
        <v>354</v>
      </c>
      <c r="JD8" s="102">
        <v>192</v>
      </c>
      <c r="JE8" s="103">
        <v>2719</v>
      </c>
      <c r="JF8" s="104">
        <v>4169</v>
      </c>
      <c r="JG8" s="101">
        <v>717</v>
      </c>
      <c r="JH8" s="102">
        <v>858</v>
      </c>
      <c r="JI8" s="103">
        <v>1575</v>
      </c>
      <c r="JJ8" s="413">
        <v>0</v>
      </c>
      <c r="JK8" s="102">
        <v>919</v>
      </c>
      <c r="JL8" s="102">
        <v>1206</v>
      </c>
      <c r="JM8" s="102">
        <v>842</v>
      </c>
      <c r="JN8" s="102">
        <v>714</v>
      </c>
      <c r="JO8" s="102">
        <v>348</v>
      </c>
      <c r="JP8" s="103">
        <v>4029</v>
      </c>
      <c r="JQ8" s="104">
        <v>5604</v>
      </c>
      <c r="JR8" s="101">
        <v>0</v>
      </c>
      <c r="JS8" s="102">
        <v>0</v>
      </c>
      <c r="JT8" s="103">
        <v>0</v>
      </c>
      <c r="JU8" s="413">
        <v>0</v>
      </c>
      <c r="JV8" s="102">
        <v>0</v>
      </c>
      <c r="JW8" s="102">
        <v>0</v>
      </c>
      <c r="JX8" s="102">
        <v>0</v>
      </c>
      <c r="JY8" s="102">
        <v>0</v>
      </c>
      <c r="JZ8" s="102">
        <v>0</v>
      </c>
      <c r="KA8" s="103">
        <v>0</v>
      </c>
      <c r="KB8" s="104">
        <v>0</v>
      </c>
      <c r="KC8" s="101">
        <v>2079</v>
      </c>
      <c r="KD8" s="102">
        <v>2519</v>
      </c>
      <c r="KE8" s="103">
        <v>4598</v>
      </c>
      <c r="KF8" s="413">
        <v>0</v>
      </c>
      <c r="KG8" s="102">
        <v>2468</v>
      </c>
      <c r="KH8" s="102">
        <v>3001</v>
      </c>
      <c r="KI8" s="102">
        <v>1811</v>
      </c>
      <c r="KJ8" s="102">
        <v>1454</v>
      </c>
      <c r="KK8" s="102">
        <v>837</v>
      </c>
      <c r="KL8" s="103">
        <v>9571</v>
      </c>
      <c r="KM8" s="104">
        <v>14169</v>
      </c>
    </row>
    <row r="9" spans="2:299" s="70" customFormat="1" ht="21" customHeight="1" x14ac:dyDescent="0.2">
      <c r="B9" s="106" t="s">
        <v>6</v>
      </c>
      <c r="C9" s="96">
        <v>516</v>
      </c>
      <c r="D9" s="97">
        <v>404</v>
      </c>
      <c r="E9" s="98">
        <v>920</v>
      </c>
      <c r="F9" s="413">
        <v>0</v>
      </c>
      <c r="G9" s="97">
        <v>806</v>
      </c>
      <c r="H9" s="97">
        <v>599</v>
      </c>
      <c r="I9" s="97">
        <v>397</v>
      </c>
      <c r="J9" s="97">
        <v>299</v>
      </c>
      <c r="K9" s="97">
        <v>202</v>
      </c>
      <c r="L9" s="99">
        <v>2303</v>
      </c>
      <c r="M9" s="100">
        <v>3223</v>
      </c>
      <c r="N9" s="101">
        <v>12</v>
      </c>
      <c r="O9" s="102">
        <v>8</v>
      </c>
      <c r="P9" s="103">
        <v>20</v>
      </c>
      <c r="Q9" s="413">
        <v>0</v>
      </c>
      <c r="R9" s="102">
        <v>11</v>
      </c>
      <c r="S9" s="102">
        <v>7</v>
      </c>
      <c r="T9" s="102">
        <v>11</v>
      </c>
      <c r="U9" s="102">
        <v>6</v>
      </c>
      <c r="V9" s="102">
        <v>5</v>
      </c>
      <c r="W9" s="103">
        <v>40</v>
      </c>
      <c r="X9" s="104">
        <v>60</v>
      </c>
      <c r="Y9" s="101">
        <v>23</v>
      </c>
      <c r="Z9" s="102">
        <v>12</v>
      </c>
      <c r="AA9" s="103">
        <v>35</v>
      </c>
      <c r="AB9" s="413">
        <v>0</v>
      </c>
      <c r="AC9" s="102">
        <v>32</v>
      </c>
      <c r="AD9" s="102">
        <v>31</v>
      </c>
      <c r="AE9" s="102">
        <v>14</v>
      </c>
      <c r="AF9" s="102">
        <v>15</v>
      </c>
      <c r="AG9" s="102">
        <v>15</v>
      </c>
      <c r="AH9" s="103">
        <v>107</v>
      </c>
      <c r="AI9" s="104">
        <v>142</v>
      </c>
      <c r="AJ9" s="101">
        <v>47</v>
      </c>
      <c r="AK9" s="102">
        <v>41</v>
      </c>
      <c r="AL9" s="103">
        <v>88</v>
      </c>
      <c r="AM9" s="413">
        <v>0</v>
      </c>
      <c r="AN9" s="102">
        <v>62</v>
      </c>
      <c r="AO9" s="102">
        <v>53</v>
      </c>
      <c r="AP9" s="102">
        <v>22</v>
      </c>
      <c r="AQ9" s="102">
        <v>32</v>
      </c>
      <c r="AR9" s="102">
        <v>23</v>
      </c>
      <c r="AS9" s="103">
        <v>192</v>
      </c>
      <c r="AT9" s="104">
        <v>280</v>
      </c>
      <c r="AU9" s="101">
        <v>103</v>
      </c>
      <c r="AV9" s="102">
        <v>74</v>
      </c>
      <c r="AW9" s="103">
        <v>177</v>
      </c>
      <c r="AX9" s="413">
        <v>0</v>
      </c>
      <c r="AY9" s="102">
        <v>149</v>
      </c>
      <c r="AZ9" s="102">
        <v>99</v>
      </c>
      <c r="BA9" s="102">
        <v>60</v>
      </c>
      <c r="BB9" s="102">
        <v>38</v>
      </c>
      <c r="BC9" s="102">
        <v>34</v>
      </c>
      <c r="BD9" s="103">
        <v>380</v>
      </c>
      <c r="BE9" s="104">
        <v>557</v>
      </c>
      <c r="BF9" s="101">
        <v>175</v>
      </c>
      <c r="BG9" s="102">
        <v>137</v>
      </c>
      <c r="BH9" s="103">
        <v>312</v>
      </c>
      <c r="BI9" s="413">
        <v>0</v>
      </c>
      <c r="BJ9" s="102">
        <v>235</v>
      </c>
      <c r="BK9" s="102">
        <v>174</v>
      </c>
      <c r="BL9" s="102">
        <v>106</v>
      </c>
      <c r="BM9" s="102">
        <v>79</v>
      </c>
      <c r="BN9" s="102">
        <v>56</v>
      </c>
      <c r="BO9" s="103">
        <v>650</v>
      </c>
      <c r="BP9" s="104">
        <v>962</v>
      </c>
      <c r="BQ9" s="101">
        <v>156</v>
      </c>
      <c r="BR9" s="102">
        <v>132</v>
      </c>
      <c r="BS9" s="103">
        <v>288</v>
      </c>
      <c r="BT9" s="413">
        <v>0</v>
      </c>
      <c r="BU9" s="102">
        <v>317</v>
      </c>
      <c r="BV9" s="102">
        <v>235</v>
      </c>
      <c r="BW9" s="102">
        <v>184</v>
      </c>
      <c r="BX9" s="102">
        <v>129</v>
      </c>
      <c r="BY9" s="102">
        <v>69</v>
      </c>
      <c r="BZ9" s="103">
        <v>934</v>
      </c>
      <c r="CA9" s="104">
        <v>1222</v>
      </c>
      <c r="CB9" s="101">
        <v>0</v>
      </c>
      <c r="CC9" s="102">
        <v>0</v>
      </c>
      <c r="CD9" s="103">
        <v>0</v>
      </c>
      <c r="CE9" s="413">
        <v>0</v>
      </c>
      <c r="CF9" s="102">
        <v>0</v>
      </c>
      <c r="CG9" s="102">
        <v>0</v>
      </c>
      <c r="CH9" s="102">
        <v>0</v>
      </c>
      <c r="CI9" s="102">
        <v>0</v>
      </c>
      <c r="CJ9" s="102">
        <v>0</v>
      </c>
      <c r="CK9" s="103">
        <v>0</v>
      </c>
      <c r="CL9" s="104">
        <v>0</v>
      </c>
      <c r="CM9" s="101">
        <v>516</v>
      </c>
      <c r="CN9" s="102">
        <v>404</v>
      </c>
      <c r="CO9" s="103">
        <v>920</v>
      </c>
      <c r="CP9" s="413">
        <v>0</v>
      </c>
      <c r="CQ9" s="102">
        <v>806</v>
      </c>
      <c r="CR9" s="102">
        <v>599</v>
      </c>
      <c r="CS9" s="102">
        <v>397</v>
      </c>
      <c r="CT9" s="102">
        <v>299</v>
      </c>
      <c r="CU9" s="102">
        <v>202</v>
      </c>
      <c r="CV9" s="103">
        <v>2303</v>
      </c>
      <c r="CW9" s="104">
        <v>3223</v>
      </c>
      <c r="CX9" s="105">
        <v>107</v>
      </c>
      <c r="CY9" s="97">
        <v>113</v>
      </c>
      <c r="CZ9" s="98">
        <v>220</v>
      </c>
      <c r="DA9" s="413">
        <v>0</v>
      </c>
      <c r="DB9" s="97">
        <v>139</v>
      </c>
      <c r="DC9" s="97">
        <v>98</v>
      </c>
      <c r="DD9" s="97">
        <v>80</v>
      </c>
      <c r="DE9" s="97">
        <v>79</v>
      </c>
      <c r="DF9" s="97">
        <v>54</v>
      </c>
      <c r="DG9" s="99">
        <v>450</v>
      </c>
      <c r="DH9" s="100">
        <v>670</v>
      </c>
      <c r="DI9" s="101">
        <v>2</v>
      </c>
      <c r="DJ9" s="102">
        <v>4</v>
      </c>
      <c r="DK9" s="103">
        <v>6</v>
      </c>
      <c r="DL9" s="413">
        <v>0</v>
      </c>
      <c r="DM9" s="102">
        <v>1</v>
      </c>
      <c r="DN9" s="102">
        <v>2</v>
      </c>
      <c r="DO9" s="102">
        <v>2</v>
      </c>
      <c r="DP9" s="102">
        <v>2</v>
      </c>
      <c r="DQ9" s="102">
        <v>0</v>
      </c>
      <c r="DR9" s="103">
        <v>7</v>
      </c>
      <c r="DS9" s="104">
        <v>13</v>
      </c>
      <c r="DT9" s="101">
        <v>4</v>
      </c>
      <c r="DU9" s="102">
        <v>7</v>
      </c>
      <c r="DV9" s="103">
        <v>11</v>
      </c>
      <c r="DW9" s="413">
        <v>0</v>
      </c>
      <c r="DX9" s="102">
        <v>5</v>
      </c>
      <c r="DY9" s="102">
        <v>3</v>
      </c>
      <c r="DZ9" s="102">
        <v>1</v>
      </c>
      <c r="EA9" s="102">
        <v>4</v>
      </c>
      <c r="EB9" s="102">
        <v>0</v>
      </c>
      <c r="EC9" s="103">
        <v>13</v>
      </c>
      <c r="ED9" s="104">
        <v>24</v>
      </c>
      <c r="EE9" s="101">
        <v>17</v>
      </c>
      <c r="EF9" s="102">
        <v>14</v>
      </c>
      <c r="EG9" s="103">
        <v>31</v>
      </c>
      <c r="EH9" s="413">
        <v>0</v>
      </c>
      <c r="EI9" s="102">
        <v>11</v>
      </c>
      <c r="EJ9" s="102">
        <v>6</v>
      </c>
      <c r="EK9" s="102">
        <v>5</v>
      </c>
      <c r="EL9" s="102">
        <v>4</v>
      </c>
      <c r="EM9" s="102">
        <v>4</v>
      </c>
      <c r="EN9" s="103">
        <v>30</v>
      </c>
      <c r="EO9" s="104">
        <v>61</v>
      </c>
      <c r="EP9" s="101">
        <v>30</v>
      </c>
      <c r="EQ9" s="102">
        <v>31</v>
      </c>
      <c r="ER9" s="103">
        <v>61</v>
      </c>
      <c r="ES9" s="413">
        <v>0</v>
      </c>
      <c r="ET9" s="102">
        <v>23</v>
      </c>
      <c r="EU9" s="102">
        <v>13</v>
      </c>
      <c r="EV9" s="102">
        <v>10</v>
      </c>
      <c r="EW9" s="102">
        <v>7</v>
      </c>
      <c r="EX9" s="102">
        <v>5</v>
      </c>
      <c r="EY9" s="103">
        <v>58</v>
      </c>
      <c r="EZ9" s="104">
        <v>119</v>
      </c>
      <c r="FA9" s="101">
        <v>33</v>
      </c>
      <c r="FB9" s="102">
        <v>34</v>
      </c>
      <c r="FC9" s="103">
        <v>67</v>
      </c>
      <c r="FD9" s="413">
        <v>0</v>
      </c>
      <c r="FE9" s="102">
        <v>43</v>
      </c>
      <c r="FF9" s="102">
        <v>24</v>
      </c>
      <c r="FG9" s="102">
        <v>25</v>
      </c>
      <c r="FH9" s="102">
        <v>18</v>
      </c>
      <c r="FI9" s="102">
        <v>14</v>
      </c>
      <c r="FJ9" s="103">
        <v>124</v>
      </c>
      <c r="FK9" s="104">
        <v>191</v>
      </c>
      <c r="FL9" s="101">
        <v>21</v>
      </c>
      <c r="FM9" s="102">
        <v>23</v>
      </c>
      <c r="FN9" s="103">
        <v>44</v>
      </c>
      <c r="FO9" s="413">
        <v>0</v>
      </c>
      <c r="FP9" s="102">
        <v>56</v>
      </c>
      <c r="FQ9" s="102">
        <v>50</v>
      </c>
      <c r="FR9" s="102">
        <v>37</v>
      </c>
      <c r="FS9" s="102">
        <v>44</v>
      </c>
      <c r="FT9" s="102">
        <v>31</v>
      </c>
      <c r="FU9" s="103">
        <v>218</v>
      </c>
      <c r="FV9" s="104">
        <v>262</v>
      </c>
      <c r="FW9" s="101">
        <v>0</v>
      </c>
      <c r="FX9" s="102">
        <v>0</v>
      </c>
      <c r="FY9" s="103">
        <v>0</v>
      </c>
      <c r="FZ9" s="413">
        <v>0</v>
      </c>
      <c r="GA9" s="102">
        <v>0</v>
      </c>
      <c r="GB9" s="102">
        <v>0</v>
      </c>
      <c r="GC9" s="102">
        <v>0</v>
      </c>
      <c r="GD9" s="102">
        <v>0</v>
      </c>
      <c r="GE9" s="102">
        <v>0</v>
      </c>
      <c r="GF9" s="103">
        <v>0</v>
      </c>
      <c r="GG9" s="104">
        <v>0</v>
      </c>
      <c r="GH9" s="101">
        <v>107</v>
      </c>
      <c r="GI9" s="102">
        <v>113</v>
      </c>
      <c r="GJ9" s="103">
        <v>220</v>
      </c>
      <c r="GK9" s="413">
        <v>0</v>
      </c>
      <c r="GL9" s="102">
        <v>139</v>
      </c>
      <c r="GM9" s="102">
        <v>98</v>
      </c>
      <c r="GN9" s="102">
        <v>80</v>
      </c>
      <c r="GO9" s="102">
        <v>79</v>
      </c>
      <c r="GP9" s="102">
        <v>54</v>
      </c>
      <c r="GQ9" s="103">
        <v>450</v>
      </c>
      <c r="GR9" s="104">
        <v>670</v>
      </c>
      <c r="GS9" s="105">
        <v>623</v>
      </c>
      <c r="GT9" s="97">
        <v>517</v>
      </c>
      <c r="GU9" s="98">
        <v>1140</v>
      </c>
      <c r="GV9" s="413">
        <v>0</v>
      </c>
      <c r="GW9" s="97">
        <v>945</v>
      </c>
      <c r="GX9" s="97">
        <v>697</v>
      </c>
      <c r="GY9" s="97">
        <v>477</v>
      </c>
      <c r="GZ9" s="97">
        <v>378</v>
      </c>
      <c r="HA9" s="97">
        <v>256</v>
      </c>
      <c r="HB9" s="99">
        <v>2753</v>
      </c>
      <c r="HC9" s="100">
        <v>3893</v>
      </c>
      <c r="HD9" s="101">
        <v>14</v>
      </c>
      <c r="HE9" s="102">
        <v>12</v>
      </c>
      <c r="HF9" s="103">
        <v>26</v>
      </c>
      <c r="HG9" s="413">
        <v>0</v>
      </c>
      <c r="HH9" s="102">
        <v>12</v>
      </c>
      <c r="HI9" s="102">
        <v>9</v>
      </c>
      <c r="HJ9" s="102">
        <v>13</v>
      </c>
      <c r="HK9" s="102">
        <v>8</v>
      </c>
      <c r="HL9" s="102">
        <v>5</v>
      </c>
      <c r="HM9" s="103">
        <v>47</v>
      </c>
      <c r="HN9" s="104">
        <v>73</v>
      </c>
      <c r="HO9" s="101">
        <v>27</v>
      </c>
      <c r="HP9" s="102">
        <v>19</v>
      </c>
      <c r="HQ9" s="103">
        <v>46</v>
      </c>
      <c r="HR9" s="413">
        <v>0</v>
      </c>
      <c r="HS9" s="102">
        <v>37</v>
      </c>
      <c r="HT9" s="102">
        <v>34</v>
      </c>
      <c r="HU9" s="102">
        <v>15</v>
      </c>
      <c r="HV9" s="102">
        <v>19</v>
      </c>
      <c r="HW9" s="102">
        <v>15</v>
      </c>
      <c r="HX9" s="103">
        <v>120</v>
      </c>
      <c r="HY9" s="104">
        <v>166</v>
      </c>
      <c r="HZ9" s="101">
        <v>64</v>
      </c>
      <c r="IA9" s="102">
        <v>55</v>
      </c>
      <c r="IB9" s="103">
        <v>119</v>
      </c>
      <c r="IC9" s="413">
        <v>0</v>
      </c>
      <c r="ID9" s="102">
        <v>73</v>
      </c>
      <c r="IE9" s="102">
        <v>59</v>
      </c>
      <c r="IF9" s="102">
        <v>27</v>
      </c>
      <c r="IG9" s="102">
        <v>36</v>
      </c>
      <c r="IH9" s="102">
        <v>27</v>
      </c>
      <c r="II9" s="103">
        <v>222</v>
      </c>
      <c r="IJ9" s="104">
        <v>341</v>
      </c>
      <c r="IK9" s="101">
        <v>133</v>
      </c>
      <c r="IL9" s="102">
        <v>105</v>
      </c>
      <c r="IM9" s="103">
        <v>238</v>
      </c>
      <c r="IN9" s="413">
        <v>0</v>
      </c>
      <c r="IO9" s="102">
        <v>172</v>
      </c>
      <c r="IP9" s="102">
        <v>112</v>
      </c>
      <c r="IQ9" s="102">
        <v>70</v>
      </c>
      <c r="IR9" s="102">
        <v>45</v>
      </c>
      <c r="IS9" s="102">
        <v>39</v>
      </c>
      <c r="IT9" s="103">
        <v>438</v>
      </c>
      <c r="IU9" s="104">
        <v>676</v>
      </c>
      <c r="IV9" s="101">
        <v>208</v>
      </c>
      <c r="IW9" s="102">
        <v>171</v>
      </c>
      <c r="IX9" s="103">
        <v>379</v>
      </c>
      <c r="IY9" s="413">
        <v>0</v>
      </c>
      <c r="IZ9" s="102">
        <v>278</v>
      </c>
      <c r="JA9" s="102">
        <v>198</v>
      </c>
      <c r="JB9" s="102">
        <v>131</v>
      </c>
      <c r="JC9" s="102">
        <v>97</v>
      </c>
      <c r="JD9" s="102">
        <v>70</v>
      </c>
      <c r="JE9" s="103">
        <v>774</v>
      </c>
      <c r="JF9" s="104">
        <v>1153</v>
      </c>
      <c r="JG9" s="101">
        <v>177</v>
      </c>
      <c r="JH9" s="102">
        <v>155</v>
      </c>
      <c r="JI9" s="103">
        <v>332</v>
      </c>
      <c r="JJ9" s="413">
        <v>0</v>
      </c>
      <c r="JK9" s="102">
        <v>373</v>
      </c>
      <c r="JL9" s="102">
        <v>285</v>
      </c>
      <c r="JM9" s="102">
        <v>221</v>
      </c>
      <c r="JN9" s="102">
        <v>173</v>
      </c>
      <c r="JO9" s="102">
        <v>100</v>
      </c>
      <c r="JP9" s="103">
        <v>1152</v>
      </c>
      <c r="JQ9" s="104">
        <v>1484</v>
      </c>
      <c r="JR9" s="101">
        <v>0</v>
      </c>
      <c r="JS9" s="102">
        <v>0</v>
      </c>
      <c r="JT9" s="103">
        <v>0</v>
      </c>
      <c r="JU9" s="413">
        <v>0</v>
      </c>
      <c r="JV9" s="102">
        <v>0</v>
      </c>
      <c r="JW9" s="102">
        <v>0</v>
      </c>
      <c r="JX9" s="102">
        <v>0</v>
      </c>
      <c r="JY9" s="102">
        <v>0</v>
      </c>
      <c r="JZ9" s="102">
        <v>0</v>
      </c>
      <c r="KA9" s="103">
        <v>0</v>
      </c>
      <c r="KB9" s="104">
        <v>0</v>
      </c>
      <c r="KC9" s="101">
        <v>623</v>
      </c>
      <c r="KD9" s="102">
        <v>517</v>
      </c>
      <c r="KE9" s="103">
        <v>1140</v>
      </c>
      <c r="KF9" s="413">
        <v>0</v>
      </c>
      <c r="KG9" s="102">
        <v>945</v>
      </c>
      <c r="KH9" s="102">
        <v>697</v>
      </c>
      <c r="KI9" s="102">
        <v>477</v>
      </c>
      <c r="KJ9" s="102">
        <v>378</v>
      </c>
      <c r="KK9" s="102">
        <v>256</v>
      </c>
      <c r="KL9" s="103">
        <v>2753</v>
      </c>
      <c r="KM9" s="104">
        <v>3893</v>
      </c>
    </row>
    <row r="10" spans="2:299" s="70" customFormat="1" ht="21" customHeight="1" x14ac:dyDescent="0.2">
      <c r="B10" s="106" t="s">
        <v>14</v>
      </c>
      <c r="C10" s="96">
        <v>311</v>
      </c>
      <c r="D10" s="97">
        <v>335</v>
      </c>
      <c r="E10" s="98">
        <v>646</v>
      </c>
      <c r="F10" s="413">
        <v>0</v>
      </c>
      <c r="G10" s="97">
        <v>410</v>
      </c>
      <c r="H10" s="97">
        <v>430</v>
      </c>
      <c r="I10" s="97">
        <v>292</v>
      </c>
      <c r="J10" s="97">
        <v>231</v>
      </c>
      <c r="K10" s="97">
        <v>129</v>
      </c>
      <c r="L10" s="99">
        <v>1492</v>
      </c>
      <c r="M10" s="100">
        <v>2138</v>
      </c>
      <c r="N10" s="101">
        <v>5</v>
      </c>
      <c r="O10" s="102">
        <v>6</v>
      </c>
      <c r="P10" s="103">
        <v>11</v>
      </c>
      <c r="Q10" s="413">
        <v>0</v>
      </c>
      <c r="R10" s="102">
        <v>7</v>
      </c>
      <c r="S10" s="102">
        <v>10</v>
      </c>
      <c r="T10" s="102">
        <v>6</v>
      </c>
      <c r="U10" s="102">
        <v>7</v>
      </c>
      <c r="V10" s="102">
        <v>5</v>
      </c>
      <c r="W10" s="103">
        <v>35</v>
      </c>
      <c r="X10" s="104">
        <v>46</v>
      </c>
      <c r="Y10" s="101">
        <v>17</v>
      </c>
      <c r="Z10" s="102">
        <v>20</v>
      </c>
      <c r="AA10" s="103">
        <v>37</v>
      </c>
      <c r="AB10" s="413">
        <v>0</v>
      </c>
      <c r="AC10" s="102">
        <v>20</v>
      </c>
      <c r="AD10" s="102">
        <v>20</v>
      </c>
      <c r="AE10" s="102">
        <v>9</v>
      </c>
      <c r="AF10" s="102">
        <v>8</v>
      </c>
      <c r="AG10" s="102">
        <v>8</v>
      </c>
      <c r="AH10" s="103">
        <v>65</v>
      </c>
      <c r="AI10" s="104">
        <v>102</v>
      </c>
      <c r="AJ10" s="101">
        <v>23</v>
      </c>
      <c r="AK10" s="102">
        <v>28</v>
      </c>
      <c r="AL10" s="103">
        <v>51</v>
      </c>
      <c r="AM10" s="413">
        <v>0</v>
      </c>
      <c r="AN10" s="102">
        <v>38</v>
      </c>
      <c r="AO10" s="102">
        <v>35</v>
      </c>
      <c r="AP10" s="102">
        <v>24</v>
      </c>
      <c r="AQ10" s="102">
        <v>21</v>
      </c>
      <c r="AR10" s="102">
        <v>25</v>
      </c>
      <c r="AS10" s="103">
        <v>143</v>
      </c>
      <c r="AT10" s="104">
        <v>194</v>
      </c>
      <c r="AU10" s="101">
        <v>69</v>
      </c>
      <c r="AV10" s="102">
        <v>84</v>
      </c>
      <c r="AW10" s="103">
        <v>153</v>
      </c>
      <c r="AX10" s="413">
        <v>0</v>
      </c>
      <c r="AY10" s="102">
        <v>96</v>
      </c>
      <c r="AZ10" s="102">
        <v>82</v>
      </c>
      <c r="BA10" s="102">
        <v>52</v>
      </c>
      <c r="BB10" s="102">
        <v>45</v>
      </c>
      <c r="BC10" s="102">
        <v>20</v>
      </c>
      <c r="BD10" s="103">
        <v>295</v>
      </c>
      <c r="BE10" s="104">
        <v>448</v>
      </c>
      <c r="BF10" s="101">
        <v>100</v>
      </c>
      <c r="BG10" s="102">
        <v>104</v>
      </c>
      <c r="BH10" s="103">
        <v>204</v>
      </c>
      <c r="BI10" s="413">
        <v>0</v>
      </c>
      <c r="BJ10" s="102">
        <v>115</v>
      </c>
      <c r="BK10" s="102">
        <v>136</v>
      </c>
      <c r="BL10" s="102">
        <v>86</v>
      </c>
      <c r="BM10" s="102">
        <v>70</v>
      </c>
      <c r="BN10" s="102">
        <v>29</v>
      </c>
      <c r="BO10" s="103">
        <v>436</v>
      </c>
      <c r="BP10" s="104">
        <v>640</v>
      </c>
      <c r="BQ10" s="101">
        <v>97</v>
      </c>
      <c r="BR10" s="102">
        <v>93</v>
      </c>
      <c r="BS10" s="103">
        <v>190</v>
      </c>
      <c r="BT10" s="413">
        <v>0</v>
      </c>
      <c r="BU10" s="102">
        <v>134</v>
      </c>
      <c r="BV10" s="102">
        <v>147</v>
      </c>
      <c r="BW10" s="102">
        <v>115</v>
      </c>
      <c r="BX10" s="102">
        <v>80</v>
      </c>
      <c r="BY10" s="102">
        <v>42</v>
      </c>
      <c r="BZ10" s="103">
        <v>518</v>
      </c>
      <c r="CA10" s="104">
        <v>708</v>
      </c>
      <c r="CB10" s="101">
        <v>0</v>
      </c>
      <c r="CC10" s="102">
        <v>0</v>
      </c>
      <c r="CD10" s="103">
        <v>0</v>
      </c>
      <c r="CE10" s="413">
        <v>0</v>
      </c>
      <c r="CF10" s="102">
        <v>0</v>
      </c>
      <c r="CG10" s="102">
        <v>0</v>
      </c>
      <c r="CH10" s="102">
        <v>0</v>
      </c>
      <c r="CI10" s="102">
        <v>0</v>
      </c>
      <c r="CJ10" s="102">
        <v>0</v>
      </c>
      <c r="CK10" s="103">
        <v>0</v>
      </c>
      <c r="CL10" s="104">
        <v>0</v>
      </c>
      <c r="CM10" s="101">
        <v>311</v>
      </c>
      <c r="CN10" s="102">
        <v>335</v>
      </c>
      <c r="CO10" s="103">
        <v>646</v>
      </c>
      <c r="CP10" s="413">
        <v>0</v>
      </c>
      <c r="CQ10" s="102">
        <v>410</v>
      </c>
      <c r="CR10" s="102">
        <v>430</v>
      </c>
      <c r="CS10" s="102">
        <v>292</v>
      </c>
      <c r="CT10" s="102">
        <v>231</v>
      </c>
      <c r="CU10" s="102">
        <v>129</v>
      </c>
      <c r="CV10" s="103">
        <v>1492</v>
      </c>
      <c r="CW10" s="104">
        <v>2138</v>
      </c>
      <c r="CX10" s="105">
        <v>44</v>
      </c>
      <c r="CY10" s="97">
        <v>47</v>
      </c>
      <c r="CZ10" s="98">
        <v>91</v>
      </c>
      <c r="DA10" s="413">
        <v>0</v>
      </c>
      <c r="DB10" s="97">
        <v>53</v>
      </c>
      <c r="DC10" s="97">
        <v>57</v>
      </c>
      <c r="DD10" s="97">
        <v>36</v>
      </c>
      <c r="DE10" s="97">
        <v>36</v>
      </c>
      <c r="DF10" s="97">
        <v>17</v>
      </c>
      <c r="DG10" s="99">
        <v>199</v>
      </c>
      <c r="DH10" s="100">
        <v>290</v>
      </c>
      <c r="DI10" s="101">
        <v>0</v>
      </c>
      <c r="DJ10" s="102">
        <v>2</v>
      </c>
      <c r="DK10" s="103">
        <v>2</v>
      </c>
      <c r="DL10" s="413">
        <v>0</v>
      </c>
      <c r="DM10" s="102">
        <v>1</v>
      </c>
      <c r="DN10" s="102">
        <v>3</v>
      </c>
      <c r="DO10" s="102">
        <v>1</v>
      </c>
      <c r="DP10" s="102">
        <v>1</v>
      </c>
      <c r="DQ10" s="102">
        <v>2</v>
      </c>
      <c r="DR10" s="103">
        <v>8</v>
      </c>
      <c r="DS10" s="104">
        <v>10</v>
      </c>
      <c r="DT10" s="101">
        <v>5</v>
      </c>
      <c r="DU10" s="102">
        <v>3</v>
      </c>
      <c r="DV10" s="103">
        <v>8</v>
      </c>
      <c r="DW10" s="413">
        <v>0</v>
      </c>
      <c r="DX10" s="102">
        <v>1</v>
      </c>
      <c r="DY10" s="102">
        <v>0</v>
      </c>
      <c r="DZ10" s="102">
        <v>0</v>
      </c>
      <c r="EA10" s="102">
        <v>1</v>
      </c>
      <c r="EB10" s="102">
        <v>2</v>
      </c>
      <c r="EC10" s="103">
        <v>4</v>
      </c>
      <c r="ED10" s="104">
        <v>12</v>
      </c>
      <c r="EE10" s="101">
        <v>6</v>
      </c>
      <c r="EF10" s="102">
        <v>6</v>
      </c>
      <c r="EG10" s="103">
        <v>12</v>
      </c>
      <c r="EH10" s="413">
        <v>0</v>
      </c>
      <c r="EI10" s="102">
        <v>5</v>
      </c>
      <c r="EJ10" s="102">
        <v>5</v>
      </c>
      <c r="EK10" s="102">
        <v>3</v>
      </c>
      <c r="EL10" s="102">
        <v>3</v>
      </c>
      <c r="EM10" s="102">
        <v>2</v>
      </c>
      <c r="EN10" s="103">
        <v>18</v>
      </c>
      <c r="EO10" s="104">
        <v>30</v>
      </c>
      <c r="EP10" s="101">
        <v>13</v>
      </c>
      <c r="EQ10" s="102">
        <v>11</v>
      </c>
      <c r="ER10" s="103">
        <v>24</v>
      </c>
      <c r="ES10" s="413">
        <v>0</v>
      </c>
      <c r="ET10" s="102">
        <v>14</v>
      </c>
      <c r="EU10" s="102">
        <v>14</v>
      </c>
      <c r="EV10" s="102">
        <v>4</v>
      </c>
      <c r="EW10" s="102">
        <v>5</v>
      </c>
      <c r="EX10" s="102">
        <v>1</v>
      </c>
      <c r="EY10" s="103">
        <v>38</v>
      </c>
      <c r="EZ10" s="104">
        <v>62</v>
      </c>
      <c r="FA10" s="101">
        <v>10</v>
      </c>
      <c r="FB10" s="102">
        <v>18</v>
      </c>
      <c r="FC10" s="103">
        <v>28</v>
      </c>
      <c r="FD10" s="413">
        <v>0</v>
      </c>
      <c r="FE10" s="102">
        <v>17</v>
      </c>
      <c r="FF10" s="102">
        <v>11</v>
      </c>
      <c r="FG10" s="102">
        <v>11</v>
      </c>
      <c r="FH10" s="102">
        <v>6</v>
      </c>
      <c r="FI10" s="102">
        <v>3</v>
      </c>
      <c r="FJ10" s="103">
        <v>48</v>
      </c>
      <c r="FK10" s="104">
        <v>76</v>
      </c>
      <c r="FL10" s="101">
        <v>10</v>
      </c>
      <c r="FM10" s="102">
        <v>7</v>
      </c>
      <c r="FN10" s="103">
        <v>17</v>
      </c>
      <c r="FO10" s="413">
        <v>0</v>
      </c>
      <c r="FP10" s="102">
        <v>15</v>
      </c>
      <c r="FQ10" s="102">
        <v>24</v>
      </c>
      <c r="FR10" s="102">
        <v>17</v>
      </c>
      <c r="FS10" s="102">
        <v>20</v>
      </c>
      <c r="FT10" s="102">
        <v>7</v>
      </c>
      <c r="FU10" s="103">
        <v>83</v>
      </c>
      <c r="FV10" s="104">
        <v>100</v>
      </c>
      <c r="FW10" s="101">
        <v>0</v>
      </c>
      <c r="FX10" s="102">
        <v>0</v>
      </c>
      <c r="FY10" s="103">
        <v>0</v>
      </c>
      <c r="FZ10" s="413">
        <v>0</v>
      </c>
      <c r="GA10" s="102">
        <v>0</v>
      </c>
      <c r="GB10" s="102">
        <v>0</v>
      </c>
      <c r="GC10" s="102">
        <v>0</v>
      </c>
      <c r="GD10" s="102">
        <v>0</v>
      </c>
      <c r="GE10" s="102">
        <v>0</v>
      </c>
      <c r="GF10" s="103">
        <v>0</v>
      </c>
      <c r="GG10" s="104">
        <v>0</v>
      </c>
      <c r="GH10" s="101">
        <v>44</v>
      </c>
      <c r="GI10" s="102">
        <v>47</v>
      </c>
      <c r="GJ10" s="103">
        <v>91</v>
      </c>
      <c r="GK10" s="413">
        <v>0</v>
      </c>
      <c r="GL10" s="102">
        <v>53</v>
      </c>
      <c r="GM10" s="102">
        <v>57</v>
      </c>
      <c r="GN10" s="102">
        <v>36</v>
      </c>
      <c r="GO10" s="102">
        <v>36</v>
      </c>
      <c r="GP10" s="102">
        <v>17</v>
      </c>
      <c r="GQ10" s="103">
        <v>199</v>
      </c>
      <c r="GR10" s="104">
        <v>290</v>
      </c>
      <c r="GS10" s="105">
        <v>355</v>
      </c>
      <c r="GT10" s="97">
        <v>382</v>
      </c>
      <c r="GU10" s="98">
        <v>737</v>
      </c>
      <c r="GV10" s="413">
        <v>0</v>
      </c>
      <c r="GW10" s="97">
        <v>463</v>
      </c>
      <c r="GX10" s="97">
        <v>487</v>
      </c>
      <c r="GY10" s="97">
        <v>328</v>
      </c>
      <c r="GZ10" s="97">
        <v>267</v>
      </c>
      <c r="HA10" s="97">
        <v>146</v>
      </c>
      <c r="HB10" s="99">
        <v>1691</v>
      </c>
      <c r="HC10" s="100">
        <v>2428</v>
      </c>
      <c r="HD10" s="101">
        <v>5</v>
      </c>
      <c r="HE10" s="102">
        <v>8</v>
      </c>
      <c r="HF10" s="103">
        <v>13</v>
      </c>
      <c r="HG10" s="413">
        <v>0</v>
      </c>
      <c r="HH10" s="102">
        <v>8</v>
      </c>
      <c r="HI10" s="102">
        <v>13</v>
      </c>
      <c r="HJ10" s="102">
        <v>7</v>
      </c>
      <c r="HK10" s="102">
        <v>8</v>
      </c>
      <c r="HL10" s="102">
        <v>7</v>
      </c>
      <c r="HM10" s="103">
        <v>43</v>
      </c>
      <c r="HN10" s="104">
        <v>56</v>
      </c>
      <c r="HO10" s="101">
        <v>22</v>
      </c>
      <c r="HP10" s="102">
        <v>23</v>
      </c>
      <c r="HQ10" s="103">
        <v>45</v>
      </c>
      <c r="HR10" s="413">
        <v>0</v>
      </c>
      <c r="HS10" s="102">
        <v>21</v>
      </c>
      <c r="HT10" s="102">
        <v>20</v>
      </c>
      <c r="HU10" s="102">
        <v>9</v>
      </c>
      <c r="HV10" s="102">
        <v>9</v>
      </c>
      <c r="HW10" s="102">
        <v>10</v>
      </c>
      <c r="HX10" s="103">
        <v>69</v>
      </c>
      <c r="HY10" s="104">
        <v>114</v>
      </c>
      <c r="HZ10" s="101">
        <v>29</v>
      </c>
      <c r="IA10" s="102">
        <v>34</v>
      </c>
      <c r="IB10" s="103">
        <v>63</v>
      </c>
      <c r="IC10" s="413">
        <v>0</v>
      </c>
      <c r="ID10" s="102">
        <v>43</v>
      </c>
      <c r="IE10" s="102">
        <v>40</v>
      </c>
      <c r="IF10" s="102">
        <v>27</v>
      </c>
      <c r="IG10" s="102">
        <v>24</v>
      </c>
      <c r="IH10" s="102">
        <v>27</v>
      </c>
      <c r="II10" s="103">
        <v>161</v>
      </c>
      <c r="IJ10" s="104">
        <v>224</v>
      </c>
      <c r="IK10" s="101">
        <v>82</v>
      </c>
      <c r="IL10" s="102">
        <v>95</v>
      </c>
      <c r="IM10" s="103">
        <v>177</v>
      </c>
      <c r="IN10" s="413">
        <v>0</v>
      </c>
      <c r="IO10" s="102">
        <v>110</v>
      </c>
      <c r="IP10" s="102">
        <v>96</v>
      </c>
      <c r="IQ10" s="102">
        <v>56</v>
      </c>
      <c r="IR10" s="102">
        <v>50</v>
      </c>
      <c r="IS10" s="102">
        <v>21</v>
      </c>
      <c r="IT10" s="103">
        <v>333</v>
      </c>
      <c r="IU10" s="104">
        <v>510</v>
      </c>
      <c r="IV10" s="101">
        <v>110</v>
      </c>
      <c r="IW10" s="102">
        <v>122</v>
      </c>
      <c r="IX10" s="103">
        <v>232</v>
      </c>
      <c r="IY10" s="413">
        <v>0</v>
      </c>
      <c r="IZ10" s="102">
        <v>132</v>
      </c>
      <c r="JA10" s="102">
        <v>147</v>
      </c>
      <c r="JB10" s="102">
        <v>97</v>
      </c>
      <c r="JC10" s="102">
        <v>76</v>
      </c>
      <c r="JD10" s="102">
        <v>32</v>
      </c>
      <c r="JE10" s="103">
        <v>484</v>
      </c>
      <c r="JF10" s="104">
        <v>716</v>
      </c>
      <c r="JG10" s="101">
        <v>107</v>
      </c>
      <c r="JH10" s="102">
        <v>100</v>
      </c>
      <c r="JI10" s="103">
        <v>207</v>
      </c>
      <c r="JJ10" s="413">
        <v>0</v>
      </c>
      <c r="JK10" s="102">
        <v>149</v>
      </c>
      <c r="JL10" s="102">
        <v>171</v>
      </c>
      <c r="JM10" s="102">
        <v>132</v>
      </c>
      <c r="JN10" s="102">
        <v>100</v>
      </c>
      <c r="JO10" s="102">
        <v>49</v>
      </c>
      <c r="JP10" s="103">
        <v>601</v>
      </c>
      <c r="JQ10" s="104">
        <v>808</v>
      </c>
      <c r="JR10" s="101">
        <v>0</v>
      </c>
      <c r="JS10" s="102">
        <v>0</v>
      </c>
      <c r="JT10" s="103">
        <v>0</v>
      </c>
      <c r="JU10" s="413">
        <v>0</v>
      </c>
      <c r="JV10" s="102">
        <v>0</v>
      </c>
      <c r="JW10" s="102">
        <v>0</v>
      </c>
      <c r="JX10" s="102">
        <v>0</v>
      </c>
      <c r="JY10" s="102">
        <v>0</v>
      </c>
      <c r="JZ10" s="102">
        <v>0</v>
      </c>
      <c r="KA10" s="103">
        <v>0</v>
      </c>
      <c r="KB10" s="104">
        <v>0</v>
      </c>
      <c r="KC10" s="101">
        <v>355</v>
      </c>
      <c r="KD10" s="102">
        <v>382</v>
      </c>
      <c r="KE10" s="103">
        <v>737</v>
      </c>
      <c r="KF10" s="413">
        <v>0</v>
      </c>
      <c r="KG10" s="102">
        <v>463</v>
      </c>
      <c r="KH10" s="102">
        <v>487</v>
      </c>
      <c r="KI10" s="102">
        <v>328</v>
      </c>
      <c r="KJ10" s="102">
        <v>267</v>
      </c>
      <c r="KK10" s="102">
        <v>146</v>
      </c>
      <c r="KL10" s="103">
        <v>1691</v>
      </c>
      <c r="KM10" s="104">
        <v>2428</v>
      </c>
    </row>
    <row r="11" spans="2:299" s="70" customFormat="1" ht="21" customHeight="1" x14ac:dyDescent="0.2">
      <c r="B11" s="106" t="s">
        <v>7</v>
      </c>
      <c r="C11" s="96">
        <v>255</v>
      </c>
      <c r="D11" s="97">
        <v>204</v>
      </c>
      <c r="E11" s="98">
        <v>459</v>
      </c>
      <c r="F11" s="413">
        <v>0</v>
      </c>
      <c r="G11" s="97">
        <v>504</v>
      </c>
      <c r="H11" s="97">
        <v>297</v>
      </c>
      <c r="I11" s="97">
        <v>171</v>
      </c>
      <c r="J11" s="97">
        <v>165</v>
      </c>
      <c r="K11" s="97">
        <v>81</v>
      </c>
      <c r="L11" s="99">
        <v>1218</v>
      </c>
      <c r="M11" s="100">
        <v>1677</v>
      </c>
      <c r="N11" s="101">
        <v>3</v>
      </c>
      <c r="O11" s="102">
        <v>3</v>
      </c>
      <c r="P11" s="103">
        <v>6</v>
      </c>
      <c r="Q11" s="413">
        <v>0</v>
      </c>
      <c r="R11" s="102">
        <v>5</v>
      </c>
      <c r="S11" s="102">
        <v>2</v>
      </c>
      <c r="T11" s="102">
        <v>1</v>
      </c>
      <c r="U11" s="102">
        <v>6</v>
      </c>
      <c r="V11" s="102">
        <v>1</v>
      </c>
      <c r="W11" s="103">
        <v>15</v>
      </c>
      <c r="X11" s="104">
        <v>21</v>
      </c>
      <c r="Y11" s="101">
        <v>6</v>
      </c>
      <c r="Z11" s="102">
        <v>8</v>
      </c>
      <c r="AA11" s="103">
        <v>14</v>
      </c>
      <c r="AB11" s="413">
        <v>0</v>
      </c>
      <c r="AC11" s="102">
        <v>17</v>
      </c>
      <c r="AD11" s="102">
        <v>9</v>
      </c>
      <c r="AE11" s="102">
        <v>3</v>
      </c>
      <c r="AF11" s="102">
        <v>7</v>
      </c>
      <c r="AG11" s="102">
        <v>6</v>
      </c>
      <c r="AH11" s="103">
        <v>42</v>
      </c>
      <c r="AI11" s="104">
        <v>56</v>
      </c>
      <c r="AJ11" s="101">
        <v>18</v>
      </c>
      <c r="AK11" s="102">
        <v>11</v>
      </c>
      <c r="AL11" s="103">
        <v>29</v>
      </c>
      <c r="AM11" s="413">
        <v>0</v>
      </c>
      <c r="AN11" s="102">
        <v>38</v>
      </c>
      <c r="AO11" s="102">
        <v>22</v>
      </c>
      <c r="AP11" s="102">
        <v>8</v>
      </c>
      <c r="AQ11" s="102">
        <v>13</v>
      </c>
      <c r="AR11" s="102">
        <v>8</v>
      </c>
      <c r="AS11" s="103">
        <v>89</v>
      </c>
      <c r="AT11" s="104">
        <v>118</v>
      </c>
      <c r="AU11" s="101">
        <v>40</v>
      </c>
      <c r="AV11" s="102">
        <v>38</v>
      </c>
      <c r="AW11" s="103">
        <v>78</v>
      </c>
      <c r="AX11" s="413">
        <v>0</v>
      </c>
      <c r="AY11" s="102">
        <v>105</v>
      </c>
      <c r="AZ11" s="102">
        <v>55</v>
      </c>
      <c r="BA11" s="102">
        <v>28</v>
      </c>
      <c r="BB11" s="102">
        <v>30</v>
      </c>
      <c r="BC11" s="102">
        <v>15</v>
      </c>
      <c r="BD11" s="103">
        <v>233</v>
      </c>
      <c r="BE11" s="104">
        <v>311</v>
      </c>
      <c r="BF11" s="101">
        <v>95</v>
      </c>
      <c r="BG11" s="102">
        <v>72</v>
      </c>
      <c r="BH11" s="103">
        <v>167</v>
      </c>
      <c r="BI11" s="413">
        <v>0</v>
      </c>
      <c r="BJ11" s="102">
        <v>163</v>
      </c>
      <c r="BK11" s="102">
        <v>78</v>
      </c>
      <c r="BL11" s="102">
        <v>58</v>
      </c>
      <c r="BM11" s="102">
        <v>45</v>
      </c>
      <c r="BN11" s="102">
        <v>25</v>
      </c>
      <c r="BO11" s="103">
        <v>369</v>
      </c>
      <c r="BP11" s="104">
        <v>536</v>
      </c>
      <c r="BQ11" s="101">
        <v>93</v>
      </c>
      <c r="BR11" s="102">
        <v>72</v>
      </c>
      <c r="BS11" s="103">
        <v>165</v>
      </c>
      <c r="BT11" s="413">
        <v>0</v>
      </c>
      <c r="BU11" s="102">
        <v>176</v>
      </c>
      <c r="BV11" s="102">
        <v>131</v>
      </c>
      <c r="BW11" s="102">
        <v>73</v>
      </c>
      <c r="BX11" s="102">
        <v>64</v>
      </c>
      <c r="BY11" s="102">
        <v>26</v>
      </c>
      <c r="BZ11" s="103">
        <v>470</v>
      </c>
      <c r="CA11" s="104">
        <v>635</v>
      </c>
      <c r="CB11" s="101">
        <v>0</v>
      </c>
      <c r="CC11" s="102">
        <v>0</v>
      </c>
      <c r="CD11" s="103">
        <v>0</v>
      </c>
      <c r="CE11" s="413">
        <v>0</v>
      </c>
      <c r="CF11" s="102">
        <v>0</v>
      </c>
      <c r="CG11" s="102">
        <v>0</v>
      </c>
      <c r="CH11" s="102">
        <v>0</v>
      </c>
      <c r="CI11" s="102">
        <v>0</v>
      </c>
      <c r="CJ11" s="102">
        <v>0</v>
      </c>
      <c r="CK11" s="103">
        <v>0</v>
      </c>
      <c r="CL11" s="104">
        <v>0</v>
      </c>
      <c r="CM11" s="101">
        <v>255</v>
      </c>
      <c r="CN11" s="102">
        <v>204</v>
      </c>
      <c r="CO11" s="103">
        <v>459</v>
      </c>
      <c r="CP11" s="413">
        <v>0</v>
      </c>
      <c r="CQ11" s="102">
        <v>504</v>
      </c>
      <c r="CR11" s="102">
        <v>297</v>
      </c>
      <c r="CS11" s="102">
        <v>171</v>
      </c>
      <c r="CT11" s="102">
        <v>165</v>
      </c>
      <c r="CU11" s="102">
        <v>81</v>
      </c>
      <c r="CV11" s="103">
        <v>1218</v>
      </c>
      <c r="CW11" s="104">
        <v>1677</v>
      </c>
      <c r="CX11" s="105">
        <v>34</v>
      </c>
      <c r="CY11" s="97">
        <v>34</v>
      </c>
      <c r="CZ11" s="98">
        <v>68</v>
      </c>
      <c r="DA11" s="413">
        <v>0</v>
      </c>
      <c r="DB11" s="97">
        <v>76</v>
      </c>
      <c r="DC11" s="97">
        <v>38</v>
      </c>
      <c r="DD11" s="97">
        <v>38</v>
      </c>
      <c r="DE11" s="97">
        <v>22</v>
      </c>
      <c r="DF11" s="97">
        <v>15</v>
      </c>
      <c r="DG11" s="99">
        <v>189</v>
      </c>
      <c r="DH11" s="100">
        <v>257</v>
      </c>
      <c r="DI11" s="101">
        <v>2</v>
      </c>
      <c r="DJ11" s="102">
        <v>2</v>
      </c>
      <c r="DK11" s="103">
        <v>4</v>
      </c>
      <c r="DL11" s="413">
        <v>0</v>
      </c>
      <c r="DM11" s="102">
        <v>3</v>
      </c>
      <c r="DN11" s="102">
        <v>1</v>
      </c>
      <c r="DO11" s="102">
        <v>0</v>
      </c>
      <c r="DP11" s="102">
        <v>0</v>
      </c>
      <c r="DQ11" s="102">
        <v>0</v>
      </c>
      <c r="DR11" s="103">
        <v>4</v>
      </c>
      <c r="DS11" s="104">
        <v>8</v>
      </c>
      <c r="DT11" s="101">
        <v>3</v>
      </c>
      <c r="DU11" s="102">
        <v>1</v>
      </c>
      <c r="DV11" s="103">
        <v>4</v>
      </c>
      <c r="DW11" s="413">
        <v>0</v>
      </c>
      <c r="DX11" s="102">
        <v>3</v>
      </c>
      <c r="DY11" s="102">
        <v>0</v>
      </c>
      <c r="DZ11" s="102">
        <v>1</v>
      </c>
      <c r="EA11" s="102">
        <v>2</v>
      </c>
      <c r="EB11" s="102">
        <v>1</v>
      </c>
      <c r="EC11" s="103">
        <v>7</v>
      </c>
      <c r="ED11" s="104">
        <v>11</v>
      </c>
      <c r="EE11" s="101">
        <v>4</v>
      </c>
      <c r="EF11" s="102">
        <v>1</v>
      </c>
      <c r="EG11" s="103">
        <v>5</v>
      </c>
      <c r="EH11" s="413">
        <v>0</v>
      </c>
      <c r="EI11" s="102">
        <v>4</v>
      </c>
      <c r="EJ11" s="102">
        <v>1</v>
      </c>
      <c r="EK11" s="102">
        <v>5</v>
      </c>
      <c r="EL11" s="102">
        <v>1</v>
      </c>
      <c r="EM11" s="102">
        <v>3</v>
      </c>
      <c r="EN11" s="103">
        <v>14</v>
      </c>
      <c r="EO11" s="104">
        <v>19</v>
      </c>
      <c r="EP11" s="101">
        <v>9</v>
      </c>
      <c r="EQ11" s="102">
        <v>7</v>
      </c>
      <c r="ER11" s="103">
        <v>16</v>
      </c>
      <c r="ES11" s="413">
        <v>0</v>
      </c>
      <c r="ET11" s="102">
        <v>11</v>
      </c>
      <c r="EU11" s="102">
        <v>6</v>
      </c>
      <c r="EV11" s="102">
        <v>4</v>
      </c>
      <c r="EW11" s="102">
        <v>4</v>
      </c>
      <c r="EX11" s="102">
        <v>1</v>
      </c>
      <c r="EY11" s="103">
        <v>26</v>
      </c>
      <c r="EZ11" s="104">
        <v>42</v>
      </c>
      <c r="FA11" s="101">
        <v>8</v>
      </c>
      <c r="FB11" s="102">
        <v>15</v>
      </c>
      <c r="FC11" s="103">
        <v>23</v>
      </c>
      <c r="FD11" s="413">
        <v>0</v>
      </c>
      <c r="FE11" s="102">
        <v>25</v>
      </c>
      <c r="FF11" s="102">
        <v>10</v>
      </c>
      <c r="FG11" s="102">
        <v>7</v>
      </c>
      <c r="FH11" s="102">
        <v>2</v>
      </c>
      <c r="FI11" s="102">
        <v>8</v>
      </c>
      <c r="FJ11" s="103">
        <v>52</v>
      </c>
      <c r="FK11" s="104">
        <v>75</v>
      </c>
      <c r="FL11" s="101">
        <v>8</v>
      </c>
      <c r="FM11" s="102">
        <v>8</v>
      </c>
      <c r="FN11" s="103">
        <v>16</v>
      </c>
      <c r="FO11" s="413">
        <v>0</v>
      </c>
      <c r="FP11" s="102">
        <v>30</v>
      </c>
      <c r="FQ11" s="102">
        <v>20</v>
      </c>
      <c r="FR11" s="102">
        <v>21</v>
      </c>
      <c r="FS11" s="102">
        <v>13</v>
      </c>
      <c r="FT11" s="102">
        <v>2</v>
      </c>
      <c r="FU11" s="103">
        <v>86</v>
      </c>
      <c r="FV11" s="104">
        <v>102</v>
      </c>
      <c r="FW11" s="101">
        <v>0</v>
      </c>
      <c r="FX11" s="102">
        <v>0</v>
      </c>
      <c r="FY11" s="103">
        <v>0</v>
      </c>
      <c r="FZ11" s="413">
        <v>0</v>
      </c>
      <c r="GA11" s="102">
        <v>0</v>
      </c>
      <c r="GB11" s="102">
        <v>0</v>
      </c>
      <c r="GC11" s="102">
        <v>0</v>
      </c>
      <c r="GD11" s="102">
        <v>0</v>
      </c>
      <c r="GE11" s="102">
        <v>0</v>
      </c>
      <c r="GF11" s="103">
        <v>0</v>
      </c>
      <c r="GG11" s="104">
        <v>0</v>
      </c>
      <c r="GH11" s="101">
        <v>34</v>
      </c>
      <c r="GI11" s="102">
        <v>34</v>
      </c>
      <c r="GJ11" s="103">
        <v>68</v>
      </c>
      <c r="GK11" s="413">
        <v>0</v>
      </c>
      <c r="GL11" s="102">
        <v>76</v>
      </c>
      <c r="GM11" s="102">
        <v>38</v>
      </c>
      <c r="GN11" s="102">
        <v>38</v>
      </c>
      <c r="GO11" s="102">
        <v>22</v>
      </c>
      <c r="GP11" s="102">
        <v>15</v>
      </c>
      <c r="GQ11" s="103">
        <v>189</v>
      </c>
      <c r="GR11" s="104">
        <v>257</v>
      </c>
      <c r="GS11" s="105">
        <v>289</v>
      </c>
      <c r="GT11" s="97">
        <v>238</v>
      </c>
      <c r="GU11" s="98">
        <v>527</v>
      </c>
      <c r="GV11" s="413">
        <v>0</v>
      </c>
      <c r="GW11" s="97">
        <v>580</v>
      </c>
      <c r="GX11" s="97">
        <v>335</v>
      </c>
      <c r="GY11" s="97">
        <v>209</v>
      </c>
      <c r="GZ11" s="97">
        <v>187</v>
      </c>
      <c r="HA11" s="97">
        <v>96</v>
      </c>
      <c r="HB11" s="99">
        <v>1407</v>
      </c>
      <c r="HC11" s="100">
        <v>1934</v>
      </c>
      <c r="HD11" s="101">
        <v>5</v>
      </c>
      <c r="HE11" s="102">
        <v>5</v>
      </c>
      <c r="HF11" s="103">
        <v>10</v>
      </c>
      <c r="HG11" s="413">
        <v>0</v>
      </c>
      <c r="HH11" s="102">
        <v>8</v>
      </c>
      <c r="HI11" s="102">
        <v>3</v>
      </c>
      <c r="HJ11" s="102">
        <v>1</v>
      </c>
      <c r="HK11" s="102">
        <v>6</v>
      </c>
      <c r="HL11" s="102">
        <v>1</v>
      </c>
      <c r="HM11" s="103">
        <v>19</v>
      </c>
      <c r="HN11" s="104">
        <v>29</v>
      </c>
      <c r="HO11" s="101">
        <v>9</v>
      </c>
      <c r="HP11" s="102">
        <v>9</v>
      </c>
      <c r="HQ11" s="103">
        <v>18</v>
      </c>
      <c r="HR11" s="413">
        <v>0</v>
      </c>
      <c r="HS11" s="102">
        <v>20</v>
      </c>
      <c r="HT11" s="102">
        <v>9</v>
      </c>
      <c r="HU11" s="102">
        <v>4</v>
      </c>
      <c r="HV11" s="102">
        <v>9</v>
      </c>
      <c r="HW11" s="102">
        <v>7</v>
      </c>
      <c r="HX11" s="103">
        <v>49</v>
      </c>
      <c r="HY11" s="104">
        <v>67</v>
      </c>
      <c r="HZ11" s="101">
        <v>22</v>
      </c>
      <c r="IA11" s="102">
        <v>12</v>
      </c>
      <c r="IB11" s="103">
        <v>34</v>
      </c>
      <c r="IC11" s="413">
        <v>0</v>
      </c>
      <c r="ID11" s="102">
        <v>42</v>
      </c>
      <c r="IE11" s="102">
        <v>23</v>
      </c>
      <c r="IF11" s="102">
        <v>13</v>
      </c>
      <c r="IG11" s="102">
        <v>14</v>
      </c>
      <c r="IH11" s="102">
        <v>11</v>
      </c>
      <c r="II11" s="103">
        <v>103</v>
      </c>
      <c r="IJ11" s="104">
        <v>137</v>
      </c>
      <c r="IK11" s="101">
        <v>49</v>
      </c>
      <c r="IL11" s="102">
        <v>45</v>
      </c>
      <c r="IM11" s="103">
        <v>94</v>
      </c>
      <c r="IN11" s="413">
        <v>0</v>
      </c>
      <c r="IO11" s="102">
        <v>116</v>
      </c>
      <c r="IP11" s="102">
        <v>61</v>
      </c>
      <c r="IQ11" s="102">
        <v>32</v>
      </c>
      <c r="IR11" s="102">
        <v>34</v>
      </c>
      <c r="IS11" s="102">
        <v>16</v>
      </c>
      <c r="IT11" s="103">
        <v>259</v>
      </c>
      <c r="IU11" s="104">
        <v>353</v>
      </c>
      <c r="IV11" s="101">
        <v>103</v>
      </c>
      <c r="IW11" s="102">
        <v>87</v>
      </c>
      <c r="IX11" s="103">
        <v>190</v>
      </c>
      <c r="IY11" s="413">
        <v>0</v>
      </c>
      <c r="IZ11" s="102">
        <v>188</v>
      </c>
      <c r="JA11" s="102">
        <v>88</v>
      </c>
      <c r="JB11" s="102">
        <v>65</v>
      </c>
      <c r="JC11" s="102">
        <v>47</v>
      </c>
      <c r="JD11" s="102">
        <v>33</v>
      </c>
      <c r="JE11" s="103">
        <v>421</v>
      </c>
      <c r="JF11" s="104">
        <v>611</v>
      </c>
      <c r="JG11" s="101">
        <v>101</v>
      </c>
      <c r="JH11" s="102">
        <v>80</v>
      </c>
      <c r="JI11" s="103">
        <v>181</v>
      </c>
      <c r="JJ11" s="413">
        <v>0</v>
      </c>
      <c r="JK11" s="102">
        <v>206</v>
      </c>
      <c r="JL11" s="102">
        <v>151</v>
      </c>
      <c r="JM11" s="102">
        <v>94</v>
      </c>
      <c r="JN11" s="102">
        <v>77</v>
      </c>
      <c r="JO11" s="102">
        <v>28</v>
      </c>
      <c r="JP11" s="103">
        <v>556</v>
      </c>
      <c r="JQ11" s="104">
        <v>737</v>
      </c>
      <c r="JR11" s="101">
        <v>0</v>
      </c>
      <c r="JS11" s="102">
        <v>0</v>
      </c>
      <c r="JT11" s="103">
        <v>0</v>
      </c>
      <c r="JU11" s="413">
        <v>0</v>
      </c>
      <c r="JV11" s="102">
        <v>0</v>
      </c>
      <c r="JW11" s="102">
        <v>0</v>
      </c>
      <c r="JX11" s="102">
        <v>0</v>
      </c>
      <c r="JY11" s="102">
        <v>0</v>
      </c>
      <c r="JZ11" s="102">
        <v>0</v>
      </c>
      <c r="KA11" s="103">
        <v>0</v>
      </c>
      <c r="KB11" s="104">
        <v>0</v>
      </c>
      <c r="KC11" s="101">
        <v>289</v>
      </c>
      <c r="KD11" s="102">
        <v>238</v>
      </c>
      <c r="KE11" s="103">
        <v>527</v>
      </c>
      <c r="KF11" s="413">
        <v>0</v>
      </c>
      <c r="KG11" s="102">
        <v>580</v>
      </c>
      <c r="KH11" s="102">
        <v>335</v>
      </c>
      <c r="KI11" s="102">
        <v>209</v>
      </c>
      <c r="KJ11" s="102">
        <v>187</v>
      </c>
      <c r="KK11" s="102">
        <v>96</v>
      </c>
      <c r="KL11" s="103">
        <v>1407</v>
      </c>
      <c r="KM11" s="104">
        <v>1934</v>
      </c>
    </row>
    <row r="12" spans="2:299" s="70" customFormat="1" ht="21" customHeight="1" x14ac:dyDescent="0.2">
      <c r="B12" s="106" t="s">
        <v>8</v>
      </c>
      <c r="C12" s="96">
        <v>93</v>
      </c>
      <c r="D12" s="97">
        <v>66</v>
      </c>
      <c r="E12" s="98">
        <v>159</v>
      </c>
      <c r="F12" s="413">
        <v>0</v>
      </c>
      <c r="G12" s="97">
        <v>163</v>
      </c>
      <c r="H12" s="97">
        <v>125</v>
      </c>
      <c r="I12" s="97">
        <v>91</v>
      </c>
      <c r="J12" s="97">
        <v>63</v>
      </c>
      <c r="K12" s="97">
        <v>35</v>
      </c>
      <c r="L12" s="99">
        <v>477</v>
      </c>
      <c r="M12" s="100">
        <v>636</v>
      </c>
      <c r="N12" s="101">
        <v>4</v>
      </c>
      <c r="O12" s="102">
        <v>1</v>
      </c>
      <c r="P12" s="103">
        <v>5</v>
      </c>
      <c r="Q12" s="413">
        <v>0</v>
      </c>
      <c r="R12" s="102">
        <v>2</v>
      </c>
      <c r="S12" s="102">
        <v>3</v>
      </c>
      <c r="T12" s="102">
        <v>4</v>
      </c>
      <c r="U12" s="102">
        <v>3</v>
      </c>
      <c r="V12" s="102">
        <v>0</v>
      </c>
      <c r="W12" s="103">
        <v>12</v>
      </c>
      <c r="X12" s="104">
        <v>17</v>
      </c>
      <c r="Y12" s="101">
        <v>0</v>
      </c>
      <c r="Z12" s="102">
        <v>3</v>
      </c>
      <c r="AA12" s="103">
        <v>3</v>
      </c>
      <c r="AB12" s="413">
        <v>0</v>
      </c>
      <c r="AC12" s="102">
        <v>4</v>
      </c>
      <c r="AD12" s="102">
        <v>9</v>
      </c>
      <c r="AE12" s="102">
        <v>4</v>
      </c>
      <c r="AF12" s="102">
        <v>6</v>
      </c>
      <c r="AG12" s="102">
        <v>3</v>
      </c>
      <c r="AH12" s="103">
        <v>26</v>
      </c>
      <c r="AI12" s="104">
        <v>29</v>
      </c>
      <c r="AJ12" s="101">
        <v>6</v>
      </c>
      <c r="AK12" s="102">
        <v>7</v>
      </c>
      <c r="AL12" s="103">
        <v>13</v>
      </c>
      <c r="AM12" s="413">
        <v>0</v>
      </c>
      <c r="AN12" s="102">
        <v>20</v>
      </c>
      <c r="AO12" s="102">
        <v>12</v>
      </c>
      <c r="AP12" s="102">
        <v>5</v>
      </c>
      <c r="AQ12" s="102">
        <v>11</v>
      </c>
      <c r="AR12" s="102">
        <v>3</v>
      </c>
      <c r="AS12" s="103">
        <v>51</v>
      </c>
      <c r="AT12" s="104">
        <v>64</v>
      </c>
      <c r="AU12" s="101">
        <v>16</v>
      </c>
      <c r="AV12" s="102">
        <v>12</v>
      </c>
      <c r="AW12" s="103">
        <v>28</v>
      </c>
      <c r="AX12" s="413">
        <v>0</v>
      </c>
      <c r="AY12" s="102">
        <v>37</v>
      </c>
      <c r="AZ12" s="102">
        <v>27</v>
      </c>
      <c r="BA12" s="102">
        <v>18</v>
      </c>
      <c r="BB12" s="102">
        <v>8</v>
      </c>
      <c r="BC12" s="102">
        <v>10</v>
      </c>
      <c r="BD12" s="103">
        <v>100</v>
      </c>
      <c r="BE12" s="104">
        <v>128</v>
      </c>
      <c r="BF12" s="101">
        <v>37</v>
      </c>
      <c r="BG12" s="102">
        <v>22</v>
      </c>
      <c r="BH12" s="103">
        <v>59</v>
      </c>
      <c r="BI12" s="413">
        <v>0</v>
      </c>
      <c r="BJ12" s="102">
        <v>43</v>
      </c>
      <c r="BK12" s="102">
        <v>29</v>
      </c>
      <c r="BL12" s="102">
        <v>25</v>
      </c>
      <c r="BM12" s="102">
        <v>14</v>
      </c>
      <c r="BN12" s="102">
        <v>6</v>
      </c>
      <c r="BO12" s="103">
        <v>117</v>
      </c>
      <c r="BP12" s="104">
        <v>176</v>
      </c>
      <c r="BQ12" s="101">
        <v>30</v>
      </c>
      <c r="BR12" s="102">
        <v>21</v>
      </c>
      <c r="BS12" s="103">
        <v>51</v>
      </c>
      <c r="BT12" s="413">
        <v>0</v>
      </c>
      <c r="BU12" s="102">
        <v>57</v>
      </c>
      <c r="BV12" s="102">
        <v>45</v>
      </c>
      <c r="BW12" s="102">
        <v>35</v>
      </c>
      <c r="BX12" s="102">
        <v>21</v>
      </c>
      <c r="BY12" s="102">
        <v>13</v>
      </c>
      <c r="BZ12" s="103">
        <v>171</v>
      </c>
      <c r="CA12" s="104">
        <v>222</v>
      </c>
      <c r="CB12" s="101">
        <v>0</v>
      </c>
      <c r="CC12" s="102">
        <v>0</v>
      </c>
      <c r="CD12" s="103">
        <v>0</v>
      </c>
      <c r="CE12" s="413">
        <v>0</v>
      </c>
      <c r="CF12" s="102">
        <v>0</v>
      </c>
      <c r="CG12" s="102">
        <v>0</v>
      </c>
      <c r="CH12" s="102">
        <v>0</v>
      </c>
      <c r="CI12" s="102">
        <v>0</v>
      </c>
      <c r="CJ12" s="102">
        <v>0</v>
      </c>
      <c r="CK12" s="103">
        <v>0</v>
      </c>
      <c r="CL12" s="104">
        <v>0</v>
      </c>
      <c r="CM12" s="101">
        <v>93</v>
      </c>
      <c r="CN12" s="102">
        <v>66</v>
      </c>
      <c r="CO12" s="103">
        <v>159</v>
      </c>
      <c r="CP12" s="413">
        <v>0</v>
      </c>
      <c r="CQ12" s="102">
        <v>163</v>
      </c>
      <c r="CR12" s="102">
        <v>125</v>
      </c>
      <c r="CS12" s="102">
        <v>91</v>
      </c>
      <c r="CT12" s="102">
        <v>63</v>
      </c>
      <c r="CU12" s="102">
        <v>35</v>
      </c>
      <c r="CV12" s="103">
        <v>477</v>
      </c>
      <c r="CW12" s="104">
        <v>636</v>
      </c>
      <c r="CX12" s="105">
        <v>10</v>
      </c>
      <c r="CY12" s="97">
        <v>9</v>
      </c>
      <c r="CZ12" s="98">
        <v>19</v>
      </c>
      <c r="DA12" s="413">
        <v>0</v>
      </c>
      <c r="DB12" s="97">
        <v>26</v>
      </c>
      <c r="DC12" s="97">
        <v>27</v>
      </c>
      <c r="DD12" s="97">
        <v>16</v>
      </c>
      <c r="DE12" s="97">
        <v>12</v>
      </c>
      <c r="DF12" s="97">
        <v>6</v>
      </c>
      <c r="DG12" s="99">
        <v>87</v>
      </c>
      <c r="DH12" s="100">
        <v>106</v>
      </c>
      <c r="DI12" s="101">
        <v>1</v>
      </c>
      <c r="DJ12" s="102">
        <v>0</v>
      </c>
      <c r="DK12" s="103">
        <v>1</v>
      </c>
      <c r="DL12" s="413">
        <v>0</v>
      </c>
      <c r="DM12" s="102">
        <v>0</v>
      </c>
      <c r="DN12" s="102">
        <v>1</v>
      </c>
      <c r="DO12" s="102">
        <v>0</v>
      </c>
      <c r="DP12" s="102">
        <v>0</v>
      </c>
      <c r="DQ12" s="102">
        <v>0</v>
      </c>
      <c r="DR12" s="103">
        <v>1</v>
      </c>
      <c r="DS12" s="104">
        <v>2</v>
      </c>
      <c r="DT12" s="101">
        <v>3</v>
      </c>
      <c r="DU12" s="102">
        <v>0</v>
      </c>
      <c r="DV12" s="103">
        <v>3</v>
      </c>
      <c r="DW12" s="413">
        <v>0</v>
      </c>
      <c r="DX12" s="102">
        <v>0</v>
      </c>
      <c r="DY12" s="102">
        <v>0</v>
      </c>
      <c r="DZ12" s="102">
        <v>1</v>
      </c>
      <c r="EA12" s="102">
        <v>0</v>
      </c>
      <c r="EB12" s="102">
        <v>0</v>
      </c>
      <c r="EC12" s="103">
        <v>1</v>
      </c>
      <c r="ED12" s="104">
        <v>4</v>
      </c>
      <c r="EE12" s="101">
        <v>0</v>
      </c>
      <c r="EF12" s="102">
        <v>0</v>
      </c>
      <c r="EG12" s="103">
        <v>0</v>
      </c>
      <c r="EH12" s="413">
        <v>0</v>
      </c>
      <c r="EI12" s="102">
        <v>1</v>
      </c>
      <c r="EJ12" s="102">
        <v>1</v>
      </c>
      <c r="EK12" s="102">
        <v>0</v>
      </c>
      <c r="EL12" s="102">
        <v>2</v>
      </c>
      <c r="EM12" s="102">
        <v>0</v>
      </c>
      <c r="EN12" s="103">
        <v>4</v>
      </c>
      <c r="EO12" s="104">
        <v>4</v>
      </c>
      <c r="EP12" s="101">
        <v>2</v>
      </c>
      <c r="EQ12" s="102">
        <v>1</v>
      </c>
      <c r="ER12" s="103">
        <v>3</v>
      </c>
      <c r="ES12" s="413">
        <v>0</v>
      </c>
      <c r="ET12" s="102">
        <v>4</v>
      </c>
      <c r="EU12" s="102">
        <v>3</v>
      </c>
      <c r="EV12" s="102">
        <v>2</v>
      </c>
      <c r="EW12" s="102">
        <v>0</v>
      </c>
      <c r="EX12" s="102">
        <v>2</v>
      </c>
      <c r="EY12" s="103">
        <v>11</v>
      </c>
      <c r="EZ12" s="104">
        <v>14</v>
      </c>
      <c r="FA12" s="101">
        <v>1</v>
      </c>
      <c r="FB12" s="102">
        <v>4</v>
      </c>
      <c r="FC12" s="103">
        <v>5</v>
      </c>
      <c r="FD12" s="413">
        <v>0</v>
      </c>
      <c r="FE12" s="102">
        <v>10</v>
      </c>
      <c r="FF12" s="102">
        <v>10</v>
      </c>
      <c r="FG12" s="102">
        <v>3</v>
      </c>
      <c r="FH12" s="102">
        <v>3</v>
      </c>
      <c r="FI12" s="102">
        <v>1</v>
      </c>
      <c r="FJ12" s="103">
        <v>27</v>
      </c>
      <c r="FK12" s="104">
        <v>32</v>
      </c>
      <c r="FL12" s="101">
        <v>3</v>
      </c>
      <c r="FM12" s="102">
        <v>4</v>
      </c>
      <c r="FN12" s="103">
        <v>7</v>
      </c>
      <c r="FO12" s="413">
        <v>0</v>
      </c>
      <c r="FP12" s="102">
        <v>11</v>
      </c>
      <c r="FQ12" s="102">
        <v>12</v>
      </c>
      <c r="FR12" s="102">
        <v>10</v>
      </c>
      <c r="FS12" s="102">
        <v>7</v>
      </c>
      <c r="FT12" s="102">
        <v>3</v>
      </c>
      <c r="FU12" s="103">
        <v>43</v>
      </c>
      <c r="FV12" s="104">
        <v>50</v>
      </c>
      <c r="FW12" s="101">
        <v>0</v>
      </c>
      <c r="FX12" s="102">
        <v>0</v>
      </c>
      <c r="FY12" s="103">
        <v>0</v>
      </c>
      <c r="FZ12" s="413">
        <v>0</v>
      </c>
      <c r="GA12" s="102">
        <v>0</v>
      </c>
      <c r="GB12" s="102">
        <v>0</v>
      </c>
      <c r="GC12" s="102">
        <v>0</v>
      </c>
      <c r="GD12" s="102">
        <v>0</v>
      </c>
      <c r="GE12" s="102">
        <v>0</v>
      </c>
      <c r="GF12" s="103">
        <v>0</v>
      </c>
      <c r="GG12" s="104">
        <v>0</v>
      </c>
      <c r="GH12" s="101">
        <v>10</v>
      </c>
      <c r="GI12" s="102">
        <v>9</v>
      </c>
      <c r="GJ12" s="103">
        <v>19</v>
      </c>
      <c r="GK12" s="413">
        <v>0</v>
      </c>
      <c r="GL12" s="102">
        <v>26</v>
      </c>
      <c r="GM12" s="102">
        <v>27</v>
      </c>
      <c r="GN12" s="102">
        <v>16</v>
      </c>
      <c r="GO12" s="102">
        <v>12</v>
      </c>
      <c r="GP12" s="102">
        <v>6</v>
      </c>
      <c r="GQ12" s="103">
        <v>87</v>
      </c>
      <c r="GR12" s="104">
        <v>106</v>
      </c>
      <c r="GS12" s="105">
        <v>103</v>
      </c>
      <c r="GT12" s="97">
        <v>75</v>
      </c>
      <c r="GU12" s="98">
        <v>178</v>
      </c>
      <c r="GV12" s="413">
        <v>0</v>
      </c>
      <c r="GW12" s="97">
        <v>189</v>
      </c>
      <c r="GX12" s="97">
        <v>152</v>
      </c>
      <c r="GY12" s="97">
        <v>107</v>
      </c>
      <c r="GZ12" s="97">
        <v>75</v>
      </c>
      <c r="HA12" s="97">
        <v>41</v>
      </c>
      <c r="HB12" s="99">
        <v>564</v>
      </c>
      <c r="HC12" s="100">
        <v>742</v>
      </c>
      <c r="HD12" s="101">
        <v>5</v>
      </c>
      <c r="HE12" s="102">
        <v>1</v>
      </c>
      <c r="HF12" s="103">
        <v>6</v>
      </c>
      <c r="HG12" s="413">
        <v>0</v>
      </c>
      <c r="HH12" s="102">
        <v>2</v>
      </c>
      <c r="HI12" s="102">
        <v>4</v>
      </c>
      <c r="HJ12" s="102">
        <v>4</v>
      </c>
      <c r="HK12" s="102">
        <v>3</v>
      </c>
      <c r="HL12" s="102">
        <v>0</v>
      </c>
      <c r="HM12" s="103">
        <v>13</v>
      </c>
      <c r="HN12" s="104">
        <v>19</v>
      </c>
      <c r="HO12" s="101">
        <v>3</v>
      </c>
      <c r="HP12" s="102">
        <v>3</v>
      </c>
      <c r="HQ12" s="103">
        <v>6</v>
      </c>
      <c r="HR12" s="413">
        <v>0</v>
      </c>
      <c r="HS12" s="102">
        <v>4</v>
      </c>
      <c r="HT12" s="102">
        <v>9</v>
      </c>
      <c r="HU12" s="102">
        <v>5</v>
      </c>
      <c r="HV12" s="102">
        <v>6</v>
      </c>
      <c r="HW12" s="102">
        <v>3</v>
      </c>
      <c r="HX12" s="103">
        <v>27</v>
      </c>
      <c r="HY12" s="104">
        <v>33</v>
      </c>
      <c r="HZ12" s="101">
        <v>6</v>
      </c>
      <c r="IA12" s="102">
        <v>7</v>
      </c>
      <c r="IB12" s="103">
        <v>13</v>
      </c>
      <c r="IC12" s="413">
        <v>0</v>
      </c>
      <c r="ID12" s="102">
        <v>21</v>
      </c>
      <c r="IE12" s="102">
        <v>13</v>
      </c>
      <c r="IF12" s="102">
        <v>5</v>
      </c>
      <c r="IG12" s="102">
        <v>13</v>
      </c>
      <c r="IH12" s="102">
        <v>3</v>
      </c>
      <c r="II12" s="103">
        <v>55</v>
      </c>
      <c r="IJ12" s="104">
        <v>68</v>
      </c>
      <c r="IK12" s="101">
        <v>18</v>
      </c>
      <c r="IL12" s="102">
        <v>13</v>
      </c>
      <c r="IM12" s="103">
        <v>31</v>
      </c>
      <c r="IN12" s="413">
        <v>0</v>
      </c>
      <c r="IO12" s="102">
        <v>41</v>
      </c>
      <c r="IP12" s="102">
        <v>30</v>
      </c>
      <c r="IQ12" s="102">
        <v>20</v>
      </c>
      <c r="IR12" s="102">
        <v>8</v>
      </c>
      <c r="IS12" s="102">
        <v>12</v>
      </c>
      <c r="IT12" s="103">
        <v>111</v>
      </c>
      <c r="IU12" s="104">
        <v>142</v>
      </c>
      <c r="IV12" s="101">
        <v>38</v>
      </c>
      <c r="IW12" s="102">
        <v>26</v>
      </c>
      <c r="IX12" s="103">
        <v>64</v>
      </c>
      <c r="IY12" s="413">
        <v>0</v>
      </c>
      <c r="IZ12" s="102">
        <v>53</v>
      </c>
      <c r="JA12" s="102">
        <v>39</v>
      </c>
      <c r="JB12" s="102">
        <v>28</v>
      </c>
      <c r="JC12" s="102">
        <v>17</v>
      </c>
      <c r="JD12" s="102">
        <v>7</v>
      </c>
      <c r="JE12" s="103">
        <v>144</v>
      </c>
      <c r="JF12" s="104">
        <v>208</v>
      </c>
      <c r="JG12" s="101">
        <v>33</v>
      </c>
      <c r="JH12" s="102">
        <v>25</v>
      </c>
      <c r="JI12" s="103">
        <v>58</v>
      </c>
      <c r="JJ12" s="413">
        <v>0</v>
      </c>
      <c r="JK12" s="102">
        <v>68</v>
      </c>
      <c r="JL12" s="102">
        <v>57</v>
      </c>
      <c r="JM12" s="102">
        <v>45</v>
      </c>
      <c r="JN12" s="102">
        <v>28</v>
      </c>
      <c r="JO12" s="102">
        <v>16</v>
      </c>
      <c r="JP12" s="103">
        <v>214</v>
      </c>
      <c r="JQ12" s="104">
        <v>272</v>
      </c>
      <c r="JR12" s="101">
        <v>0</v>
      </c>
      <c r="JS12" s="102">
        <v>0</v>
      </c>
      <c r="JT12" s="103">
        <v>0</v>
      </c>
      <c r="JU12" s="413">
        <v>0</v>
      </c>
      <c r="JV12" s="102">
        <v>0</v>
      </c>
      <c r="JW12" s="102">
        <v>0</v>
      </c>
      <c r="JX12" s="102">
        <v>0</v>
      </c>
      <c r="JY12" s="102">
        <v>0</v>
      </c>
      <c r="JZ12" s="102">
        <v>0</v>
      </c>
      <c r="KA12" s="103">
        <v>0</v>
      </c>
      <c r="KB12" s="104">
        <v>0</v>
      </c>
      <c r="KC12" s="101">
        <v>103</v>
      </c>
      <c r="KD12" s="102">
        <v>75</v>
      </c>
      <c r="KE12" s="103">
        <v>178</v>
      </c>
      <c r="KF12" s="413">
        <v>0</v>
      </c>
      <c r="KG12" s="102">
        <v>189</v>
      </c>
      <c r="KH12" s="102">
        <v>152</v>
      </c>
      <c r="KI12" s="102">
        <v>107</v>
      </c>
      <c r="KJ12" s="102">
        <v>75</v>
      </c>
      <c r="KK12" s="102">
        <v>41</v>
      </c>
      <c r="KL12" s="103">
        <v>564</v>
      </c>
      <c r="KM12" s="104">
        <v>742</v>
      </c>
    </row>
    <row r="13" spans="2:299" s="70" customFormat="1" ht="21" customHeight="1" x14ac:dyDescent="0.2">
      <c r="B13" s="106" t="s">
        <v>9</v>
      </c>
      <c r="C13" s="96">
        <v>198</v>
      </c>
      <c r="D13" s="97">
        <v>96</v>
      </c>
      <c r="E13" s="98">
        <v>294</v>
      </c>
      <c r="F13" s="413">
        <v>0</v>
      </c>
      <c r="G13" s="97">
        <v>220</v>
      </c>
      <c r="H13" s="97">
        <v>137</v>
      </c>
      <c r="I13" s="97">
        <v>99</v>
      </c>
      <c r="J13" s="97">
        <v>103</v>
      </c>
      <c r="K13" s="97">
        <v>52</v>
      </c>
      <c r="L13" s="99">
        <v>611</v>
      </c>
      <c r="M13" s="100">
        <v>905</v>
      </c>
      <c r="N13" s="101">
        <v>5</v>
      </c>
      <c r="O13" s="102">
        <v>1</v>
      </c>
      <c r="P13" s="103">
        <v>6</v>
      </c>
      <c r="Q13" s="413">
        <v>0</v>
      </c>
      <c r="R13" s="102">
        <v>2</v>
      </c>
      <c r="S13" s="102">
        <v>2</v>
      </c>
      <c r="T13" s="102">
        <v>0</v>
      </c>
      <c r="U13" s="102">
        <v>1</v>
      </c>
      <c r="V13" s="102">
        <v>2</v>
      </c>
      <c r="W13" s="103">
        <v>7</v>
      </c>
      <c r="X13" s="104">
        <v>13</v>
      </c>
      <c r="Y13" s="101">
        <v>5</v>
      </c>
      <c r="Z13" s="102">
        <v>1</v>
      </c>
      <c r="AA13" s="103">
        <v>6</v>
      </c>
      <c r="AB13" s="413">
        <v>0</v>
      </c>
      <c r="AC13" s="102">
        <v>1</v>
      </c>
      <c r="AD13" s="102">
        <v>2</v>
      </c>
      <c r="AE13" s="102">
        <v>2</v>
      </c>
      <c r="AF13" s="102">
        <v>1</v>
      </c>
      <c r="AG13" s="102">
        <v>1</v>
      </c>
      <c r="AH13" s="103">
        <v>7</v>
      </c>
      <c r="AI13" s="104">
        <v>13</v>
      </c>
      <c r="AJ13" s="101">
        <v>10</v>
      </c>
      <c r="AK13" s="102">
        <v>2</v>
      </c>
      <c r="AL13" s="103">
        <v>12</v>
      </c>
      <c r="AM13" s="413">
        <v>0</v>
      </c>
      <c r="AN13" s="102">
        <v>18</v>
      </c>
      <c r="AO13" s="102">
        <v>12</v>
      </c>
      <c r="AP13" s="102">
        <v>8</v>
      </c>
      <c r="AQ13" s="102">
        <v>8</v>
      </c>
      <c r="AR13" s="102">
        <v>4</v>
      </c>
      <c r="AS13" s="103">
        <v>50</v>
      </c>
      <c r="AT13" s="104">
        <v>62</v>
      </c>
      <c r="AU13" s="101">
        <v>45</v>
      </c>
      <c r="AV13" s="102">
        <v>15</v>
      </c>
      <c r="AW13" s="103">
        <v>60</v>
      </c>
      <c r="AX13" s="413">
        <v>0</v>
      </c>
      <c r="AY13" s="102">
        <v>34</v>
      </c>
      <c r="AZ13" s="102">
        <v>16</v>
      </c>
      <c r="BA13" s="102">
        <v>10</v>
      </c>
      <c r="BB13" s="102">
        <v>15</v>
      </c>
      <c r="BC13" s="102">
        <v>7</v>
      </c>
      <c r="BD13" s="103">
        <v>82</v>
      </c>
      <c r="BE13" s="104">
        <v>142</v>
      </c>
      <c r="BF13" s="101">
        <v>64</v>
      </c>
      <c r="BG13" s="102">
        <v>39</v>
      </c>
      <c r="BH13" s="103">
        <v>103</v>
      </c>
      <c r="BI13" s="413">
        <v>0</v>
      </c>
      <c r="BJ13" s="102">
        <v>70</v>
      </c>
      <c r="BK13" s="102">
        <v>35</v>
      </c>
      <c r="BL13" s="102">
        <v>27</v>
      </c>
      <c r="BM13" s="102">
        <v>26</v>
      </c>
      <c r="BN13" s="102">
        <v>16</v>
      </c>
      <c r="BO13" s="103">
        <v>174</v>
      </c>
      <c r="BP13" s="104">
        <v>277</v>
      </c>
      <c r="BQ13" s="101">
        <v>69</v>
      </c>
      <c r="BR13" s="102">
        <v>38</v>
      </c>
      <c r="BS13" s="103">
        <v>107</v>
      </c>
      <c r="BT13" s="413">
        <v>0</v>
      </c>
      <c r="BU13" s="102">
        <v>95</v>
      </c>
      <c r="BV13" s="102">
        <v>70</v>
      </c>
      <c r="BW13" s="102">
        <v>52</v>
      </c>
      <c r="BX13" s="102">
        <v>52</v>
      </c>
      <c r="BY13" s="102">
        <v>22</v>
      </c>
      <c r="BZ13" s="103">
        <v>291</v>
      </c>
      <c r="CA13" s="104">
        <v>398</v>
      </c>
      <c r="CB13" s="101">
        <v>0</v>
      </c>
      <c r="CC13" s="102">
        <v>0</v>
      </c>
      <c r="CD13" s="103">
        <v>0</v>
      </c>
      <c r="CE13" s="413">
        <v>0</v>
      </c>
      <c r="CF13" s="102">
        <v>0</v>
      </c>
      <c r="CG13" s="102">
        <v>0</v>
      </c>
      <c r="CH13" s="102">
        <v>0</v>
      </c>
      <c r="CI13" s="102">
        <v>0</v>
      </c>
      <c r="CJ13" s="102">
        <v>0</v>
      </c>
      <c r="CK13" s="103">
        <v>0</v>
      </c>
      <c r="CL13" s="104">
        <v>0</v>
      </c>
      <c r="CM13" s="101">
        <v>198</v>
      </c>
      <c r="CN13" s="102">
        <v>96</v>
      </c>
      <c r="CO13" s="103">
        <v>294</v>
      </c>
      <c r="CP13" s="413">
        <v>0</v>
      </c>
      <c r="CQ13" s="102">
        <v>220</v>
      </c>
      <c r="CR13" s="102">
        <v>137</v>
      </c>
      <c r="CS13" s="102">
        <v>99</v>
      </c>
      <c r="CT13" s="102">
        <v>103</v>
      </c>
      <c r="CU13" s="102">
        <v>52</v>
      </c>
      <c r="CV13" s="103">
        <v>611</v>
      </c>
      <c r="CW13" s="104">
        <v>905</v>
      </c>
      <c r="CX13" s="105">
        <v>34</v>
      </c>
      <c r="CY13" s="97">
        <v>25</v>
      </c>
      <c r="CZ13" s="98">
        <v>59</v>
      </c>
      <c r="DA13" s="413">
        <v>0</v>
      </c>
      <c r="DB13" s="97">
        <v>30</v>
      </c>
      <c r="DC13" s="97">
        <v>23</v>
      </c>
      <c r="DD13" s="97">
        <v>22</v>
      </c>
      <c r="DE13" s="97">
        <v>15</v>
      </c>
      <c r="DF13" s="97">
        <v>14</v>
      </c>
      <c r="DG13" s="99">
        <v>104</v>
      </c>
      <c r="DH13" s="100">
        <v>163</v>
      </c>
      <c r="DI13" s="101">
        <v>1</v>
      </c>
      <c r="DJ13" s="102">
        <v>2</v>
      </c>
      <c r="DK13" s="103">
        <v>3</v>
      </c>
      <c r="DL13" s="413">
        <v>0</v>
      </c>
      <c r="DM13" s="102">
        <v>1</v>
      </c>
      <c r="DN13" s="102">
        <v>1</v>
      </c>
      <c r="DO13" s="102">
        <v>0</v>
      </c>
      <c r="DP13" s="102">
        <v>0</v>
      </c>
      <c r="DQ13" s="102">
        <v>0</v>
      </c>
      <c r="DR13" s="103">
        <v>2</v>
      </c>
      <c r="DS13" s="104">
        <v>5</v>
      </c>
      <c r="DT13" s="101">
        <v>4</v>
      </c>
      <c r="DU13" s="102">
        <v>1</v>
      </c>
      <c r="DV13" s="103">
        <v>5</v>
      </c>
      <c r="DW13" s="413">
        <v>0</v>
      </c>
      <c r="DX13" s="102">
        <v>0</v>
      </c>
      <c r="DY13" s="102">
        <v>0</v>
      </c>
      <c r="DZ13" s="102">
        <v>1</v>
      </c>
      <c r="EA13" s="102">
        <v>0</v>
      </c>
      <c r="EB13" s="102">
        <v>0</v>
      </c>
      <c r="EC13" s="103">
        <v>1</v>
      </c>
      <c r="ED13" s="104">
        <v>6</v>
      </c>
      <c r="EE13" s="101">
        <v>5</v>
      </c>
      <c r="EF13" s="102">
        <v>2</v>
      </c>
      <c r="EG13" s="103">
        <v>7</v>
      </c>
      <c r="EH13" s="413">
        <v>0</v>
      </c>
      <c r="EI13" s="102">
        <v>2</v>
      </c>
      <c r="EJ13" s="102">
        <v>1</v>
      </c>
      <c r="EK13" s="102">
        <v>1</v>
      </c>
      <c r="EL13" s="102">
        <v>0</v>
      </c>
      <c r="EM13" s="102">
        <v>2</v>
      </c>
      <c r="EN13" s="103">
        <v>6</v>
      </c>
      <c r="EO13" s="104">
        <v>13</v>
      </c>
      <c r="EP13" s="101">
        <v>12</v>
      </c>
      <c r="EQ13" s="102">
        <v>4</v>
      </c>
      <c r="ER13" s="103">
        <v>16</v>
      </c>
      <c r="ES13" s="413">
        <v>0</v>
      </c>
      <c r="ET13" s="102">
        <v>6</v>
      </c>
      <c r="EU13" s="102">
        <v>1</v>
      </c>
      <c r="EV13" s="102">
        <v>4</v>
      </c>
      <c r="EW13" s="102">
        <v>0</v>
      </c>
      <c r="EX13" s="102">
        <v>0</v>
      </c>
      <c r="EY13" s="103">
        <v>11</v>
      </c>
      <c r="EZ13" s="104">
        <v>27</v>
      </c>
      <c r="FA13" s="101">
        <v>9</v>
      </c>
      <c r="FB13" s="102">
        <v>11</v>
      </c>
      <c r="FC13" s="103">
        <v>20</v>
      </c>
      <c r="FD13" s="413">
        <v>0</v>
      </c>
      <c r="FE13" s="102">
        <v>10</v>
      </c>
      <c r="FF13" s="102">
        <v>4</v>
      </c>
      <c r="FG13" s="102">
        <v>4</v>
      </c>
      <c r="FH13" s="102">
        <v>2</v>
      </c>
      <c r="FI13" s="102">
        <v>4</v>
      </c>
      <c r="FJ13" s="103">
        <v>24</v>
      </c>
      <c r="FK13" s="104">
        <v>44</v>
      </c>
      <c r="FL13" s="101">
        <v>3</v>
      </c>
      <c r="FM13" s="102">
        <v>5</v>
      </c>
      <c r="FN13" s="103">
        <v>8</v>
      </c>
      <c r="FO13" s="413">
        <v>0</v>
      </c>
      <c r="FP13" s="102">
        <v>11</v>
      </c>
      <c r="FQ13" s="102">
        <v>16</v>
      </c>
      <c r="FR13" s="102">
        <v>12</v>
      </c>
      <c r="FS13" s="102">
        <v>13</v>
      </c>
      <c r="FT13" s="102">
        <v>8</v>
      </c>
      <c r="FU13" s="103">
        <v>60</v>
      </c>
      <c r="FV13" s="104">
        <v>68</v>
      </c>
      <c r="FW13" s="101">
        <v>0</v>
      </c>
      <c r="FX13" s="102">
        <v>0</v>
      </c>
      <c r="FY13" s="103">
        <v>0</v>
      </c>
      <c r="FZ13" s="413">
        <v>0</v>
      </c>
      <c r="GA13" s="102">
        <v>0</v>
      </c>
      <c r="GB13" s="102">
        <v>0</v>
      </c>
      <c r="GC13" s="102">
        <v>0</v>
      </c>
      <c r="GD13" s="102">
        <v>0</v>
      </c>
      <c r="GE13" s="102">
        <v>0</v>
      </c>
      <c r="GF13" s="103">
        <v>0</v>
      </c>
      <c r="GG13" s="104">
        <v>0</v>
      </c>
      <c r="GH13" s="101">
        <v>34</v>
      </c>
      <c r="GI13" s="102">
        <v>25</v>
      </c>
      <c r="GJ13" s="103">
        <v>59</v>
      </c>
      <c r="GK13" s="413">
        <v>0</v>
      </c>
      <c r="GL13" s="102">
        <v>30</v>
      </c>
      <c r="GM13" s="102">
        <v>23</v>
      </c>
      <c r="GN13" s="102">
        <v>22</v>
      </c>
      <c r="GO13" s="102">
        <v>15</v>
      </c>
      <c r="GP13" s="102">
        <v>14</v>
      </c>
      <c r="GQ13" s="103">
        <v>104</v>
      </c>
      <c r="GR13" s="104">
        <v>163</v>
      </c>
      <c r="GS13" s="105">
        <v>232</v>
      </c>
      <c r="GT13" s="97">
        <v>121</v>
      </c>
      <c r="GU13" s="98">
        <v>353</v>
      </c>
      <c r="GV13" s="413">
        <v>0</v>
      </c>
      <c r="GW13" s="97">
        <v>250</v>
      </c>
      <c r="GX13" s="97">
        <v>160</v>
      </c>
      <c r="GY13" s="97">
        <v>121</v>
      </c>
      <c r="GZ13" s="97">
        <v>118</v>
      </c>
      <c r="HA13" s="97">
        <v>66</v>
      </c>
      <c r="HB13" s="99">
        <v>715</v>
      </c>
      <c r="HC13" s="100">
        <v>1068</v>
      </c>
      <c r="HD13" s="101">
        <v>6</v>
      </c>
      <c r="HE13" s="102">
        <v>3</v>
      </c>
      <c r="HF13" s="103">
        <v>9</v>
      </c>
      <c r="HG13" s="413">
        <v>0</v>
      </c>
      <c r="HH13" s="102">
        <v>3</v>
      </c>
      <c r="HI13" s="102">
        <v>3</v>
      </c>
      <c r="HJ13" s="102">
        <v>0</v>
      </c>
      <c r="HK13" s="102">
        <v>1</v>
      </c>
      <c r="HL13" s="102">
        <v>2</v>
      </c>
      <c r="HM13" s="103">
        <v>9</v>
      </c>
      <c r="HN13" s="104">
        <v>18</v>
      </c>
      <c r="HO13" s="101">
        <v>9</v>
      </c>
      <c r="HP13" s="102">
        <v>2</v>
      </c>
      <c r="HQ13" s="103">
        <v>11</v>
      </c>
      <c r="HR13" s="413">
        <v>0</v>
      </c>
      <c r="HS13" s="102">
        <v>1</v>
      </c>
      <c r="HT13" s="102">
        <v>2</v>
      </c>
      <c r="HU13" s="102">
        <v>3</v>
      </c>
      <c r="HV13" s="102">
        <v>1</v>
      </c>
      <c r="HW13" s="102">
        <v>1</v>
      </c>
      <c r="HX13" s="103">
        <v>8</v>
      </c>
      <c r="HY13" s="104">
        <v>19</v>
      </c>
      <c r="HZ13" s="101">
        <v>15</v>
      </c>
      <c r="IA13" s="102">
        <v>4</v>
      </c>
      <c r="IB13" s="103">
        <v>19</v>
      </c>
      <c r="IC13" s="413">
        <v>0</v>
      </c>
      <c r="ID13" s="102">
        <v>20</v>
      </c>
      <c r="IE13" s="102">
        <v>13</v>
      </c>
      <c r="IF13" s="102">
        <v>9</v>
      </c>
      <c r="IG13" s="102">
        <v>8</v>
      </c>
      <c r="IH13" s="102">
        <v>6</v>
      </c>
      <c r="II13" s="103">
        <v>56</v>
      </c>
      <c r="IJ13" s="104">
        <v>75</v>
      </c>
      <c r="IK13" s="101">
        <v>57</v>
      </c>
      <c r="IL13" s="102">
        <v>19</v>
      </c>
      <c r="IM13" s="103">
        <v>76</v>
      </c>
      <c r="IN13" s="413">
        <v>0</v>
      </c>
      <c r="IO13" s="102">
        <v>40</v>
      </c>
      <c r="IP13" s="102">
        <v>17</v>
      </c>
      <c r="IQ13" s="102">
        <v>14</v>
      </c>
      <c r="IR13" s="102">
        <v>15</v>
      </c>
      <c r="IS13" s="102">
        <v>7</v>
      </c>
      <c r="IT13" s="103">
        <v>93</v>
      </c>
      <c r="IU13" s="104">
        <v>169</v>
      </c>
      <c r="IV13" s="101">
        <v>73</v>
      </c>
      <c r="IW13" s="102">
        <v>50</v>
      </c>
      <c r="IX13" s="103">
        <v>123</v>
      </c>
      <c r="IY13" s="413">
        <v>0</v>
      </c>
      <c r="IZ13" s="102">
        <v>80</v>
      </c>
      <c r="JA13" s="102">
        <v>39</v>
      </c>
      <c r="JB13" s="102">
        <v>31</v>
      </c>
      <c r="JC13" s="102">
        <v>28</v>
      </c>
      <c r="JD13" s="102">
        <v>20</v>
      </c>
      <c r="JE13" s="103">
        <v>198</v>
      </c>
      <c r="JF13" s="104">
        <v>321</v>
      </c>
      <c r="JG13" s="101">
        <v>72</v>
      </c>
      <c r="JH13" s="102">
        <v>43</v>
      </c>
      <c r="JI13" s="103">
        <v>115</v>
      </c>
      <c r="JJ13" s="413">
        <v>0</v>
      </c>
      <c r="JK13" s="102">
        <v>106</v>
      </c>
      <c r="JL13" s="102">
        <v>86</v>
      </c>
      <c r="JM13" s="102">
        <v>64</v>
      </c>
      <c r="JN13" s="102">
        <v>65</v>
      </c>
      <c r="JO13" s="102">
        <v>30</v>
      </c>
      <c r="JP13" s="103">
        <v>351</v>
      </c>
      <c r="JQ13" s="104">
        <v>466</v>
      </c>
      <c r="JR13" s="101">
        <v>0</v>
      </c>
      <c r="JS13" s="102">
        <v>0</v>
      </c>
      <c r="JT13" s="103">
        <v>0</v>
      </c>
      <c r="JU13" s="413">
        <v>0</v>
      </c>
      <c r="JV13" s="102">
        <v>0</v>
      </c>
      <c r="JW13" s="102">
        <v>0</v>
      </c>
      <c r="JX13" s="102">
        <v>0</v>
      </c>
      <c r="JY13" s="102">
        <v>0</v>
      </c>
      <c r="JZ13" s="102">
        <v>0</v>
      </c>
      <c r="KA13" s="103">
        <v>0</v>
      </c>
      <c r="KB13" s="104">
        <v>0</v>
      </c>
      <c r="KC13" s="101">
        <v>232</v>
      </c>
      <c r="KD13" s="102">
        <v>121</v>
      </c>
      <c r="KE13" s="103">
        <v>353</v>
      </c>
      <c r="KF13" s="413">
        <v>0</v>
      </c>
      <c r="KG13" s="102">
        <v>250</v>
      </c>
      <c r="KH13" s="102">
        <v>160</v>
      </c>
      <c r="KI13" s="102">
        <v>121</v>
      </c>
      <c r="KJ13" s="102">
        <v>118</v>
      </c>
      <c r="KK13" s="102">
        <v>66</v>
      </c>
      <c r="KL13" s="103">
        <v>715</v>
      </c>
      <c r="KM13" s="104">
        <v>1068</v>
      </c>
    </row>
    <row r="14" spans="2:299" s="70" customFormat="1" ht="21" customHeight="1" x14ac:dyDescent="0.2">
      <c r="B14" s="106" t="s">
        <v>10</v>
      </c>
      <c r="C14" s="96">
        <v>364</v>
      </c>
      <c r="D14" s="97">
        <v>206</v>
      </c>
      <c r="E14" s="98">
        <v>570</v>
      </c>
      <c r="F14" s="413">
        <v>0</v>
      </c>
      <c r="G14" s="97">
        <v>360</v>
      </c>
      <c r="H14" s="97">
        <v>176</v>
      </c>
      <c r="I14" s="97">
        <v>114</v>
      </c>
      <c r="J14" s="97">
        <v>112</v>
      </c>
      <c r="K14" s="97">
        <v>72</v>
      </c>
      <c r="L14" s="99">
        <v>834</v>
      </c>
      <c r="M14" s="100">
        <v>1404</v>
      </c>
      <c r="N14" s="101">
        <v>5</v>
      </c>
      <c r="O14" s="102">
        <v>2</v>
      </c>
      <c r="P14" s="103">
        <v>7</v>
      </c>
      <c r="Q14" s="413">
        <v>0</v>
      </c>
      <c r="R14" s="102">
        <v>6</v>
      </c>
      <c r="S14" s="102">
        <v>4</v>
      </c>
      <c r="T14" s="102">
        <v>0</v>
      </c>
      <c r="U14" s="102">
        <v>4</v>
      </c>
      <c r="V14" s="102">
        <v>1</v>
      </c>
      <c r="W14" s="103">
        <v>15</v>
      </c>
      <c r="X14" s="104">
        <v>22</v>
      </c>
      <c r="Y14" s="101">
        <v>12</v>
      </c>
      <c r="Z14" s="102">
        <v>4</v>
      </c>
      <c r="AA14" s="103">
        <v>16</v>
      </c>
      <c r="AB14" s="413">
        <v>0</v>
      </c>
      <c r="AC14" s="102">
        <v>16</v>
      </c>
      <c r="AD14" s="102">
        <v>7</v>
      </c>
      <c r="AE14" s="102">
        <v>3</v>
      </c>
      <c r="AF14" s="102">
        <v>4</v>
      </c>
      <c r="AG14" s="102">
        <v>6</v>
      </c>
      <c r="AH14" s="103">
        <v>36</v>
      </c>
      <c r="AI14" s="104">
        <v>52</v>
      </c>
      <c r="AJ14" s="101">
        <v>25</v>
      </c>
      <c r="AK14" s="102">
        <v>15</v>
      </c>
      <c r="AL14" s="103">
        <v>40</v>
      </c>
      <c r="AM14" s="413">
        <v>0</v>
      </c>
      <c r="AN14" s="102">
        <v>28</v>
      </c>
      <c r="AO14" s="102">
        <v>11</v>
      </c>
      <c r="AP14" s="102">
        <v>8</v>
      </c>
      <c r="AQ14" s="102">
        <v>6</v>
      </c>
      <c r="AR14" s="102">
        <v>11</v>
      </c>
      <c r="AS14" s="103">
        <v>64</v>
      </c>
      <c r="AT14" s="104">
        <v>104</v>
      </c>
      <c r="AU14" s="101">
        <v>77</v>
      </c>
      <c r="AV14" s="102">
        <v>37</v>
      </c>
      <c r="AW14" s="103">
        <v>114</v>
      </c>
      <c r="AX14" s="413">
        <v>0</v>
      </c>
      <c r="AY14" s="102">
        <v>61</v>
      </c>
      <c r="AZ14" s="102">
        <v>33</v>
      </c>
      <c r="BA14" s="102">
        <v>20</v>
      </c>
      <c r="BB14" s="102">
        <v>21</v>
      </c>
      <c r="BC14" s="102">
        <v>12</v>
      </c>
      <c r="BD14" s="103">
        <v>147</v>
      </c>
      <c r="BE14" s="104">
        <v>261</v>
      </c>
      <c r="BF14" s="101">
        <v>136</v>
      </c>
      <c r="BG14" s="102">
        <v>69</v>
      </c>
      <c r="BH14" s="103">
        <v>205</v>
      </c>
      <c r="BI14" s="413">
        <v>0</v>
      </c>
      <c r="BJ14" s="102">
        <v>131</v>
      </c>
      <c r="BK14" s="102">
        <v>54</v>
      </c>
      <c r="BL14" s="102">
        <v>32</v>
      </c>
      <c r="BM14" s="102">
        <v>28</v>
      </c>
      <c r="BN14" s="102">
        <v>15</v>
      </c>
      <c r="BO14" s="103">
        <v>260</v>
      </c>
      <c r="BP14" s="104">
        <v>465</v>
      </c>
      <c r="BQ14" s="101">
        <v>109</v>
      </c>
      <c r="BR14" s="102">
        <v>79</v>
      </c>
      <c r="BS14" s="103">
        <v>188</v>
      </c>
      <c r="BT14" s="413">
        <v>0</v>
      </c>
      <c r="BU14" s="102">
        <v>118</v>
      </c>
      <c r="BV14" s="102">
        <v>67</v>
      </c>
      <c r="BW14" s="102">
        <v>51</v>
      </c>
      <c r="BX14" s="102">
        <v>49</v>
      </c>
      <c r="BY14" s="102">
        <v>27</v>
      </c>
      <c r="BZ14" s="103">
        <v>312</v>
      </c>
      <c r="CA14" s="104">
        <v>500</v>
      </c>
      <c r="CB14" s="101">
        <v>0</v>
      </c>
      <c r="CC14" s="102">
        <v>0</v>
      </c>
      <c r="CD14" s="103">
        <v>0</v>
      </c>
      <c r="CE14" s="413">
        <v>0</v>
      </c>
      <c r="CF14" s="102">
        <v>0</v>
      </c>
      <c r="CG14" s="102">
        <v>0</v>
      </c>
      <c r="CH14" s="102">
        <v>0</v>
      </c>
      <c r="CI14" s="102">
        <v>0</v>
      </c>
      <c r="CJ14" s="102">
        <v>0</v>
      </c>
      <c r="CK14" s="103">
        <v>0</v>
      </c>
      <c r="CL14" s="104">
        <v>0</v>
      </c>
      <c r="CM14" s="101">
        <v>364</v>
      </c>
      <c r="CN14" s="102">
        <v>206</v>
      </c>
      <c r="CO14" s="103">
        <v>570</v>
      </c>
      <c r="CP14" s="413">
        <v>0</v>
      </c>
      <c r="CQ14" s="102">
        <v>360</v>
      </c>
      <c r="CR14" s="102">
        <v>176</v>
      </c>
      <c r="CS14" s="102">
        <v>114</v>
      </c>
      <c r="CT14" s="102">
        <v>112</v>
      </c>
      <c r="CU14" s="102">
        <v>72</v>
      </c>
      <c r="CV14" s="103">
        <v>834</v>
      </c>
      <c r="CW14" s="104">
        <v>1404</v>
      </c>
      <c r="CX14" s="105">
        <v>47</v>
      </c>
      <c r="CY14" s="97">
        <v>38</v>
      </c>
      <c r="CZ14" s="98">
        <v>85</v>
      </c>
      <c r="DA14" s="413">
        <v>0</v>
      </c>
      <c r="DB14" s="97">
        <v>55</v>
      </c>
      <c r="DC14" s="97">
        <v>26</v>
      </c>
      <c r="DD14" s="97">
        <v>13</v>
      </c>
      <c r="DE14" s="97">
        <v>27</v>
      </c>
      <c r="DF14" s="97">
        <v>13</v>
      </c>
      <c r="DG14" s="99">
        <v>134</v>
      </c>
      <c r="DH14" s="100">
        <v>219</v>
      </c>
      <c r="DI14" s="101">
        <v>0</v>
      </c>
      <c r="DJ14" s="102">
        <v>0</v>
      </c>
      <c r="DK14" s="103">
        <v>0</v>
      </c>
      <c r="DL14" s="413">
        <v>0</v>
      </c>
      <c r="DM14" s="102">
        <v>1</v>
      </c>
      <c r="DN14" s="102">
        <v>0</v>
      </c>
      <c r="DO14" s="102">
        <v>0</v>
      </c>
      <c r="DP14" s="102">
        <v>0</v>
      </c>
      <c r="DQ14" s="102">
        <v>0</v>
      </c>
      <c r="DR14" s="103">
        <v>1</v>
      </c>
      <c r="DS14" s="104">
        <v>1</v>
      </c>
      <c r="DT14" s="101">
        <v>5</v>
      </c>
      <c r="DU14" s="102">
        <v>4</v>
      </c>
      <c r="DV14" s="103">
        <v>9</v>
      </c>
      <c r="DW14" s="413">
        <v>0</v>
      </c>
      <c r="DX14" s="102">
        <v>4</v>
      </c>
      <c r="DY14" s="102">
        <v>0</v>
      </c>
      <c r="DZ14" s="102">
        <v>1</v>
      </c>
      <c r="EA14" s="102">
        <v>1</v>
      </c>
      <c r="EB14" s="102">
        <v>0</v>
      </c>
      <c r="EC14" s="103">
        <v>6</v>
      </c>
      <c r="ED14" s="104">
        <v>15</v>
      </c>
      <c r="EE14" s="101">
        <v>10</v>
      </c>
      <c r="EF14" s="102">
        <v>3</v>
      </c>
      <c r="EG14" s="103">
        <v>13</v>
      </c>
      <c r="EH14" s="413">
        <v>0</v>
      </c>
      <c r="EI14" s="102">
        <v>3</v>
      </c>
      <c r="EJ14" s="102">
        <v>3</v>
      </c>
      <c r="EK14" s="102">
        <v>0</v>
      </c>
      <c r="EL14" s="102">
        <v>1</v>
      </c>
      <c r="EM14" s="102">
        <v>1</v>
      </c>
      <c r="EN14" s="103">
        <v>8</v>
      </c>
      <c r="EO14" s="104">
        <v>21</v>
      </c>
      <c r="EP14" s="101">
        <v>6</v>
      </c>
      <c r="EQ14" s="102">
        <v>9</v>
      </c>
      <c r="ER14" s="103">
        <v>15</v>
      </c>
      <c r="ES14" s="413">
        <v>0</v>
      </c>
      <c r="ET14" s="102">
        <v>11</v>
      </c>
      <c r="EU14" s="102">
        <v>5</v>
      </c>
      <c r="EV14" s="102">
        <v>2</v>
      </c>
      <c r="EW14" s="102">
        <v>2</v>
      </c>
      <c r="EX14" s="102">
        <v>1</v>
      </c>
      <c r="EY14" s="103">
        <v>21</v>
      </c>
      <c r="EZ14" s="104">
        <v>36</v>
      </c>
      <c r="FA14" s="101">
        <v>18</v>
      </c>
      <c r="FB14" s="102">
        <v>12</v>
      </c>
      <c r="FC14" s="103">
        <v>30</v>
      </c>
      <c r="FD14" s="413">
        <v>0</v>
      </c>
      <c r="FE14" s="102">
        <v>15</v>
      </c>
      <c r="FF14" s="102">
        <v>7</v>
      </c>
      <c r="FG14" s="102">
        <v>2</v>
      </c>
      <c r="FH14" s="102">
        <v>6</v>
      </c>
      <c r="FI14" s="102">
        <v>1</v>
      </c>
      <c r="FJ14" s="103">
        <v>31</v>
      </c>
      <c r="FK14" s="104">
        <v>61</v>
      </c>
      <c r="FL14" s="101">
        <v>8</v>
      </c>
      <c r="FM14" s="102">
        <v>10</v>
      </c>
      <c r="FN14" s="103">
        <v>18</v>
      </c>
      <c r="FO14" s="413">
        <v>0</v>
      </c>
      <c r="FP14" s="102">
        <v>21</v>
      </c>
      <c r="FQ14" s="102">
        <v>11</v>
      </c>
      <c r="FR14" s="102">
        <v>8</v>
      </c>
      <c r="FS14" s="102">
        <v>17</v>
      </c>
      <c r="FT14" s="102">
        <v>10</v>
      </c>
      <c r="FU14" s="103">
        <v>67</v>
      </c>
      <c r="FV14" s="104">
        <v>85</v>
      </c>
      <c r="FW14" s="101">
        <v>0</v>
      </c>
      <c r="FX14" s="102">
        <v>0</v>
      </c>
      <c r="FY14" s="103">
        <v>0</v>
      </c>
      <c r="FZ14" s="413">
        <v>0</v>
      </c>
      <c r="GA14" s="102">
        <v>0</v>
      </c>
      <c r="GB14" s="102">
        <v>0</v>
      </c>
      <c r="GC14" s="102">
        <v>0</v>
      </c>
      <c r="GD14" s="102">
        <v>0</v>
      </c>
      <c r="GE14" s="102">
        <v>0</v>
      </c>
      <c r="GF14" s="103">
        <v>0</v>
      </c>
      <c r="GG14" s="104">
        <v>0</v>
      </c>
      <c r="GH14" s="101">
        <v>47</v>
      </c>
      <c r="GI14" s="102">
        <v>38</v>
      </c>
      <c r="GJ14" s="103">
        <v>85</v>
      </c>
      <c r="GK14" s="413">
        <v>0</v>
      </c>
      <c r="GL14" s="102">
        <v>55</v>
      </c>
      <c r="GM14" s="102">
        <v>26</v>
      </c>
      <c r="GN14" s="102">
        <v>13</v>
      </c>
      <c r="GO14" s="102">
        <v>27</v>
      </c>
      <c r="GP14" s="102">
        <v>13</v>
      </c>
      <c r="GQ14" s="103">
        <v>134</v>
      </c>
      <c r="GR14" s="104">
        <v>219</v>
      </c>
      <c r="GS14" s="105">
        <v>411</v>
      </c>
      <c r="GT14" s="97">
        <v>244</v>
      </c>
      <c r="GU14" s="98">
        <v>655</v>
      </c>
      <c r="GV14" s="413">
        <v>0</v>
      </c>
      <c r="GW14" s="97">
        <v>415</v>
      </c>
      <c r="GX14" s="97">
        <v>202</v>
      </c>
      <c r="GY14" s="97">
        <v>127</v>
      </c>
      <c r="GZ14" s="97">
        <v>139</v>
      </c>
      <c r="HA14" s="97">
        <v>85</v>
      </c>
      <c r="HB14" s="99">
        <v>968</v>
      </c>
      <c r="HC14" s="100">
        <v>1623</v>
      </c>
      <c r="HD14" s="101">
        <v>5</v>
      </c>
      <c r="HE14" s="102">
        <v>2</v>
      </c>
      <c r="HF14" s="103">
        <v>7</v>
      </c>
      <c r="HG14" s="413">
        <v>0</v>
      </c>
      <c r="HH14" s="102">
        <v>7</v>
      </c>
      <c r="HI14" s="102">
        <v>4</v>
      </c>
      <c r="HJ14" s="102">
        <v>0</v>
      </c>
      <c r="HK14" s="102">
        <v>4</v>
      </c>
      <c r="HL14" s="102">
        <v>1</v>
      </c>
      <c r="HM14" s="103">
        <v>16</v>
      </c>
      <c r="HN14" s="104">
        <v>23</v>
      </c>
      <c r="HO14" s="101">
        <v>17</v>
      </c>
      <c r="HP14" s="102">
        <v>8</v>
      </c>
      <c r="HQ14" s="103">
        <v>25</v>
      </c>
      <c r="HR14" s="413">
        <v>0</v>
      </c>
      <c r="HS14" s="102">
        <v>20</v>
      </c>
      <c r="HT14" s="102">
        <v>7</v>
      </c>
      <c r="HU14" s="102">
        <v>4</v>
      </c>
      <c r="HV14" s="102">
        <v>5</v>
      </c>
      <c r="HW14" s="102">
        <v>6</v>
      </c>
      <c r="HX14" s="103">
        <v>42</v>
      </c>
      <c r="HY14" s="104">
        <v>67</v>
      </c>
      <c r="HZ14" s="101">
        <v>35</v>
      </c>
      <c r="IA14" s="102">
        <v>18</v>
      </c>
      <c r="IB14" s="103">
        <v>53</v>
      </c>
      <c r="IC14" s="413">
        <v>0</v>
      </c>
      <c r="ID14" s="102">
        <v>31</v>
      </c>
      <c r="IE14" s="102">
        <v>14</v>
      </c>
      <c r="IF14" s="102">
        <v>8</v>
      </c>
      <c r="IG14" s="102">
        <v>7</v>
      </c>
      <c r="IH14" s="102">
        <v>12</v>
      </c>
      <c r="II14" s="103">
        <v>72</v>
      </c>
      <c r="IJ14" s="104">
        <v>125</v>
      </c>
      <c r="IK14" s="101">
        <v>83</v>
      </c>
      <c r="IL14" s="102">
        <v>46</v>
      </c>
      <c r="IM14" s="103">
        <v>129</v>
      </c>
      <c r="IN14" s="413">
        <v>0</v>
      </c>
      <c r="IO14" s="102">
        <v>72</v>
      </c>
      <c r="IP14" s="102">
        <v>38</v>
      </c>
      <c r="IQ14" s="102">
        <v>22</v>
      </c>
      <c r="IR14" s="102">
        <v>23</v>
      </c>
      <c r="IS14" s="102">
        <v>13</v>
      </c>
      <c r="IT14" s="103">
        <v>168</v>
      </c>
      <c r="IU14" s="104">
        <v>297</v>
      </c>
      <c r="IV14" s="101">
        <v>154</v>
      </c>
      <c r="IW14" s="102">
        <v>81</v>
      </c>
      <c r="IX14" s="103">
        <v>235</v>
      </c>
      <c r="IY14" s="413">
        <v>0</v>
      </c>
      <c r="IZ14" s="102">
        <v>146</v>
      </c>
      <c r="JA14" s="102">
        <v>61</v>
      </c>
      <c r="JB14" s="102">
        <v>34</v>
      </c>
      <c r="JC14" s="102">
        <v>34</v>
      </c>
      <c r="JD14" s="102">
        <v>16</v>
      </c>
      <c r="JE14" s="103">
        <v>291</v>
      </c>
      <c r="JF14" s="104">
        <v>526</v>
      </c>
      <c r="JG14" s="101">
        <v>117</v>
      </c>
      <c r="JH14" s="102">
        <v>89</v>
      </c>
      <c r="JI14" s="103">
        <v>206</v>
      </c>
      <c r="JJ14" s="413">
        <v>0</v>
      </c>
      <c r="JK14" s="102">
        <v>139</v>
      </c>
      <c r="JL14" s="102">
        <v>78</v>
      </c>
      <c r="JM14" s="102">
        <v>59</v>
      </c>
      <c r="JN14" s="102">
        <v>66</v>
      </c>
      <c r="JO14" s="102">
        <v>37</v>
      </c>
      <c r="JP14" s="103">
        <v>379</v>
      </c>
      <c r="JQ14" s="104">
        <v>585</v>
      </c>
      <c r="JR14" s="101">
        <v>0</v>
      </c>
      <c r="JS14" s="102">
        <v>0</v>
      </c>
      <c r="JT14" s="103">
        <v>0</v>
      </c>
      <c r="JU14" s="413">
        <v>0</v>
      </c>
      <c r="JV14" s="102">
        <v>0</v>
      </c>
      <c r="JW14" s="102">
        <v>0</v>
      </c>
      <c r="JX14" s="102">
        <v>0</v>
      </c>
      <c r="JY14" s="102">
        <v>0</v>
      </c>
      <c r="JZ14" s="102">
        <v>0</v>
      </c>
      <c r="KA14" s="103">
        <v>0</v>
      </c>
      <c r="KB14" s="104">
        <v>0</v>
      </c>
      <c r="KC14" s="101">
        <v>411</v>
      </c>
      <c r="KD14" s="102">
        <v>244</v>
      </c>
      <c r="KE14" s="103">
        <v>655</v>
      </c>
      <c r="KF14" s="413">
        <v>0</v>
      </c>
      <c r="KG14" s="102">
        <v>415</v>
      </c>
      <c r="KH14" s="102">
        <v>202</v>
      </c>
      <c r="KI14" s="102">
        <v>127</v>
      </c>
      <c r="KJ14" s="102">
        <v>139</v>
      </c>
      <c r="KK14" s="102">
        <v>85</v>
      </c>
      <c r="KL14" s="103">
        <v>968</v>
      </c>
      <c r="KM14" s="104">
        <v>1623</v>
      </c>
    </row>
    <row r="15" spans="2:299" s="70" customFormat="1" ht="21" customHeight="1" x14ac:dyDescent="0.2">
      <c r="B15" s="106" t="s">
        <v>11</v>
      </c>
      <c r="C15" s="96">
        <v>87</v>
      </c>
      <c r="D15" s="97">
        <v>76</v>
      </c>
      <c r="E15" s="98">
        <v>163</v>
      </c>
      <c r="F15" s="413">
        <v>0</v>
      </c>
      <c r="G15" s="97">
        <v>143</v>
      </c>
      <c r="H15" s="97">
        <v>92</v>
      </c>
      <c r="I15" s="97">
        <v>63</v>
      </c>
      <c r="J15" s="97">
        <v>51</v>
      </c>
      <c r="K15" s="97">
        <v>28</v>
      </c>
      <c r="L15" s="99">
        <v>377</v>
      </c>
      <c r="M15" s="100">
        <v>540</v>
      </c>
      <c r="N15" s="101">
        <v>0</v>
      </c>
      <c r="O15" s="102">
        <v>1</v>
      </c>
      <c r="P15" s="103">
        <v>1</v>
      </c>
      <c r="Q15" s="413">
        <v>0</v>
      </c>
      <c r="R15" s="102">
        <v>1</v>
      </c>
      <c r="S15" s="102">
        <v>0</v>
      </c>
      <c r="T15" s="102">
        <v>1</v>
      </c>
      <c r="U15" s="102">
        <v>1</v>
      </c>
      <c r="V15" s="102">
        <v>1</v>
      </c>
      <c r="W15" s="103">
        <v>4</v>
      </c>
      <c r="X15" s="104">
        <v>5</v>
      </c>
      <c r="Y15" s="101">
        <v>3</v>
      </c>
      <c r="Z15" s="102">
        <v>5</v>
      </c>
      <c r="AA15" s="103">
        <v>8</v>
      </c>
      <c r="AB15" s="413">
        <v>0</v>
      </c>
      <c r="AC15" s="102">
        <v>9</v>
      </c>
      <c r="AD15" s="102">
        <v>4</v>
      </c>
      <c r="AE15" s="102">
        <v>4</v>
      </c>
      <c r="AF15" s="102">
        <v>6</v>
      </c>
      <c r="AG15" s="102">
        <v>5</v>
      </c>
      <c r="AH15" s="103">
        <v>28</v>
      </c>
      <c r="AI15" s="104">
        <v>36</v>
      </c>
      <c r="AJ15" s="101">
        <v>3</v>
      </c>
      <c r="AK15" s="102">
        <v>8</v>
      </c>
      <c r="AL15" s="103">
        <v>11</v>
      </c>
      <c r="AM15" s="413">
        <v>0</v>
      </c>
      <c r="AN15" s="102">
        <v>8</v>
      </c>
      <c r="AO15" s="102">
        <v>15</v>
      </c>
      <c r="AP15" s="102">
        <v>6</v>
      </c>
      <c r="AQ15" s="102">
        <v>4</v>
      </c>
      <c r="AR15" s="102">
        <v>3</v>
      </c>
      <c r="AS15" s="103">
        <v>36</v>
      </c>
      <c r="AT15" s="104">
        <v>47</v>
      </c>
      <c r="AU15" s="101">
        <v>14</v>
      </c>
      <c r="AV15" s="102">
        <v>12</v>
      </c>
      <c r="AW15" s="103">
        <v>26</v>
      </c>
      <c r="AX15" s="413">
        <v>0</v>
      </c>
      <c r="AY15" s="102">
        <v>25</v>
      </c>
      <c r="AZ15" s="102">
        <v>12</v>
      </c>
      <c r="BA15" s="102">
        <v>9</v>
      </c>
      <c r="BB15" s="102">
        <v>5</v>
      </c>
      <c r="BC15" s="102">
        <v>7</v>
      </c>
      <c r="BD15" s="103">
        <v>58</v>
      </c>
      <c r="BE15" s="104">
        <v>84</v>
      </c>
      <c r="BF15" s="101">
        <v>33</v>
      </c>
      <c r="BG15" s="102">
        <v>24</v>
      </c>
      <c r="BH15" s="103">
        <v>57</v>
      </c>
      <c r="BI15" s="413">
        <v>0</v>
      </c>
      <c r="BJ15" s="102">
        <v>39</v>
      </c>
      <c r="BK15" s="102">
        <v>17</v>
      </c>
      <c r="BL15" s="102">
        <v>20</v>
      </c>
      <c r="BM15" s="102">
        <v>15</v>
      </c>
      <c r="BN15" s="102">
        <v>8</v>
      </c>
      <c r="BO15" s="103">
        <v>99</v>
      </c>
      <c r="BP15" s="104">
        <v>156</v>
      </c>
      <c r="BQ15" s="101">
        <v>34</v>
      </c>
      <c r="BR15" s="102">
        <v>26</v>
      </c>
      <c r="BS15" s="103">
        <v>60</v>
      </c>
      <c r="BT15" s="413">
        <v>0</v>
      </c>
      <c r="BU15" s="102">
        <v>61</v>
      </c>
      <c r="BV15" s="102">
        <v>44</v>
      </c>
      <c r="BW15" s="102">
        <v>23</v>
      </c>
      <c r="BX15" s="102">
        <v>20</v>
      </c>
      <c r="BY15" s="102">
        <v>4</v>
      </c>
      <c r="BZ15" s="103">
        <v>152</v>
      </c>
      <c r="CA15" s="104">
        <v>212</v>
      </c>
      <c r="CB15" s="101">
        <v>0</v>
      </c>
      <c r="CC15" s="102">
        <v>0</v>
      </c>
      <c r="CD15" s="103">
        <v>0</v>
      </c>
      <c r="CE15" s="413">
        <v>0</v>
      </c>
      <c r="CF15" s="102">
        <v>0</v>
      </c>
      <c r="CG15" s="102">
        <v>0</v>
      </c>
      <c r="CH15" s="102">
        <v>0</v>
      </c>
      <c r="CI15" s="102">
        <v>0</v>
      </c>
      <c r="CJ15" s="102">
        <v>0</v>
      </c>
      <c r="CK15" s="103">
        <v>0</v>
      </c>
      <c r="CL15" s="104">
        <v>0</v>
      </c>
      <c r="CM15" s="101">
        <v>87</v>
      </c>
      <c r="CN15" s="102">
        <v>76</v>
      </c>
      <c r="CO15" s="103">
        <v>163</v>
      </c>
      <c r="CP15" s="413">
        <v>0</v>
      </c>
      <c r="CQ15" s="102">
        <v>143</v>
      </c>
      <c r="CR15" s="102">
        <v>92</v>
      </c>
      <c r="CS15" s="102">
        <v>63</v>
      </c>
      <c r="CT15" s="102">
        <v>51</v>
      </c>
      <c r="CU15" s="102">
        <v>28</v>
      </c>
      <c r="CV15" s="103">
        <v>377</v>
      </c>
      <c r="CW15" s="104">
        <v>540</v>
      </c>
      <c r="CX15" s="105">
        <v>11</v>
      </c>
      <c r="CY15" s="97">
        <v>16</v>
      </c>
      <c r="CZ15" s="98">
        <v>27</v>
      </c>
      <c r="DA15" s="413">
        <v>0</v>
      </c>
      <c r="DB15" s="97">
        <v>22</v>
      </c>
      <c r="DC15" s="97">
        <v>18</v>
      </c>
      <c r="DD15" s="97">
        <v>15</v>
      </c>
      <c r="DE15" s="97">
        <v>13</v>
      </c>
      <c r="DF15" s="97">
        <v>6</v>
      </c>
      <c r="DG15" s="99">
        <v>74</v>
      </c>
      <c r="DH15" s="100">
        <v>101</v>
      </c>
      <c r="DI15" s="101">
        <v>1</v>
      </c>
      <c r="DJ15" s="102">
        <v>1</v>
      </c>
      <c r="DK15" s="103">
        <v>2</v>
      </c>
      <c r="DL15" s="413">
        <v>0</v>
      </c>
      <c r="DM15" s="102">
        <v>1</v>
      </c>
      <c r="DN15" s="102">
        <v>0</v>
      </c>
      <c r="DO15" s="102">
        <v>0</v>
      </c>
      <c r="DP15" s="102">
        <v>0</v>
      </c>
      <c r="DQ15" s="102">
        <v>0</v>
      </c>
      <c r="DR15" s="103">
        <v>1</v>
      </c>
      <c r="DS15" s="104">
        <v>3</v>
      </c>
      <c r="DT15" s="101">
        <v>0</v>
      </c>
      <c r="DU15" s="102">
        <v>2</v>
      </c>
      <c r="DV15" s="103">
        <v>2</v>
      </c>
      <c r="DW15" s="413">
        <v>0</v>
      </c>
      <c r="DX15" s="102">
        <v>2</v>
      </c>
      <c r="DY15" s="102">
        <v>0</v>
      </c>
      <c r="DZ15" s="102">
        <v>0</v>
      </c>
      <c r="EA15" s="102">
        <v>0</v>
      </c>
      <c r="EB15" s="102">
        <v>0</v>
      </c>
      <c r="EC15" s="103">
        <v>2</v>
      </c>
      <c r="ED15" s="104">
        <v>4</v>
      </c>
      <c r="EE15" s="101">
        <v>0</v>
      </c>
      <c r="EF15" s="102">
        <v>1</v>
      </c>
      <c r="EG15" s="103">
        <v>1</v>
      </c>
      <c r="EH15" s="413">
        <v>0</v>
      </c>
      <c r="EI15" s="102">
        <v>1</v>
      </c>
      <c r="EJ15" s="102">
        <v>2</v>
      </c>
      <c r="EK15" s="102">
        <v>1</v>
      </c>
      <c r="EL15" s="102">
        <v>1</v>
      </c>
      <c r="EM15" s="102">
        <v>1</v>
      </c>
      <c r="EN15" s="103">
        <v>6</v>
      </c>
      <c r="EO15" s="104">
        <v>7</v>
      </c>
      <c r="EP15" s="101">
        <v>3</v>
      </c>
      <c r="EQ15" s="102">
        <v>5</v>
      </c>
      <c r="ER15" s="103">
        <v>8</v>
      </c>
      <c r="ES15" s="413">
        <v>0</v>
      </c>
      <c r="ET15" s="102">
        <v>2</v>
      </c>
      <c r="EU15" s="102">
        <v>4</v>
      </c>
      <c r="EV15" s="102">
        <v>0</v>
      </c>
      <c r="EW15" s="102">
        <v>1</v>
      </c>
      <c r="EX15" s="102">
        <v>1</v>
      </c>
      <c r="EY15" s="103">
        <v>8</v>
      </c>
      <c r="EZ15" s="104">
        <v>16</v>
      </c>
      <c r="FA15" s="101">
        <v>5</v>
      </c>
      <c r="FB15" s="102">
        <v>4</v>
      </c>
      <c r="FC15" s="103">
        <v>9</v>
      </c>
      <c r="FD15" s="413">
        <v>0</v>
      </c>
      <c r="FE15" s="102">
        <v>9</v>
      </c>
      <c r="FF15" s="102">
        <v>3</v>
      </c>
      <c r="FG15" s="102">
        <v>4</v>
      </c>
      <c r="FH15" s="102">
        <v>3</v>
      </c>
      <c r="FI15" s="102">
        <v>3</v>
      </c>
      <c r="FJ15" s="103">
        <v>22</v>
      </c>
      <c r="FK15" s="104">
        <v>31</v>
      </c>
      <c r="FL15" s="101">
        <v>2</v>
      </c>
      <c r="FM15" s="102">
        <v>3</v>
      </c>
      <c r="FN15" s="103">
        <v>5</v>
      </c>
      <c r="FO15" s="413">
        <v>0</v>
      </c>
      <c r="FP15" s="102">
        <v>7</v>
      </c>
      <c r="FQ15" s="102">
        <v>9</v>
      </c>
      <c r="FR15" s="102">
        <v>10</v>
      </c>
      <c r="FS15" s="102">
        <v>8</v>
      </c>
      <c r="FT15" s="102">
        <v>1</v>
      </c>
      <c r="FU15" s="103">
        <v>35</v>
      </c>
      <c r="FV15" s="104">
        <v>40</v>
      </c>
      <c r="FW15" s="101">
        <v>0</v>
      </c>
      <c r="FX15" s="102">
        <v>0</v>
      </c>
      <c r="FY15" s="103">
        <v>0</v>
      </c>
      <c r="FZ15" s="413">
        <v>0</v>
      </c>
      <c r="GA15" s="102">
        <v>0</v>
      </c>
      <c r="GB15" s="102">
        <v>0</v>
      </c>
      <c r="GC15" s="102">
        <v>0</v>
      </c>
      <c r="GD15" s="102">
        <v>0</v>
      </c>
      <c r="GE15" s="102">
        <v>0</v>
      </c>
      <c r="GF15" s="103">
        <v>0</v>
      </c>
      <c r="GG15" s="104">
        <v>0</v>
      </c>
      <c r="GH15" s="101">
        <v>11</v>
      </c>
      <c r="GI15" s="102">
        <v>16</v>
      </c>
      <c r="GJ15" s="103">
        <v>27</v>
      </c>
      <c r="GK15" s="413">
        <v>0</v>
      </c>
      <c r="GL15" s="102">
        <v>22</v>
      </c>
      <c r="GM15" s="102">
        <v>18</v>
      </c>
      <c r="GN15" s="102">
        <v>15</v>
      </c>
      <c r="GO15" s="102">
        <v>13</v>
      </c>
      <c r="GP15" s="102">
        <v>6</v>
      </c>
      <c r="GQ15" s="103">
        <v>74</v>
      </c>
      <c r="GR15" s="104">
        <v>101</v>
      </c>
      <c r="GS15" s="105">
        <v>98</v>
      </c>
      <c r="GT15" s="97">
        <v>92</v>
      </c>
      <c r="GU15" s="98">
        <v>190</v>
      </c>
      <c r="GV15" s="413">
        <v>0</v>
      </c>
      <c r="GW15" s="97">
        <v>165</v>
      </c>
      <c r="GX15" s="97">
        <v>110</v>
      </c>
      <c r="GY15" s="97">
        <v>78</v>
      </c>
      <c r="GZ15" s="97">
        <v>64</v>
      </c>
      <c r="HA15" s="97">
        <v>34</v>
      </c>
      <c r="HB15" s="99">
        <v>451</v>
      </c>
      <c r="HC15" s="100">
        <v>641</v>
      </c>
      <c r="HD15" s="101">
        <v>1</v>
      </c>
      <c r="HE15" s="102">
        <v>2</v>
      </c>
      <c r="HF15" s="103">
        <v>3</v>
      </c>
      <c r="HG15" s="413">
        <v>0</v>
      </c>
      <c r="HH15" s="102">
        <v>2</v>
      </c>
      <c r="HI15" s="102">
        <v>0</v>
      </c>
      <c r="HJ15" s="102">
        <v>1</v>
      </c>
      <c r="HK15" s="102">
        <v>1</v>
      </c>
      <c r="HL15" s="102">
        <v>1</v>
      </c>
      <c r="HM15" s="103">
        <v>5</v>
      </c>
      <c r="HN15" s="104">
        <v>8</v>
      </c>
      <c r="HO15" s="101">
        <v>3</v>
      </c>
      <c r="HP15" s="102">
        <v>7</v>
      </c>
      <c r="HQ15" s="103">
        <v>10</v>
      </c>
      <c r="HR15" s="413">
        <v>0</v>
      </c>
      <c r="HS15" s="102">
        <v>11</v>
      </c>
      <c r="HT15" s="102">
        <v>4</v>
      </c>
      <c r="HU15" s="102">
        <v>4</v>
      </c>
      <c r="HV15" s="102">
        <v>6</v>
      </c>
      <c r="HW15" s="102">
        <v>5</v>
      </c>
      <c r="HX15" s="103">
        <v>30</v>
      </c>
      <c r="HY15" s="104">
        <v>40</v>
      </c>
      <c r="HZ15" s="101">
        <v>3</v>
      </c>
      <c r="IA15" s="102">
        <v>9</v>
      </c>
      <c r="IB15" s="103">
        <v>12</v>
      </c>
      <c r="IC15" s="413">
        <v>0</v>
      </c>
      <c r="ID15" s="102">
        <v>9</v>
      </c>
      <c r="IE15" s="102">
        <v>17</v>
      </c>
      <c r="IF15" s="102">
        <v>7</v>
      </c>
      <c r="IG15" s="102">
        <v>5</v>
      </c>
      <c r="IH15" s="102">
        <v>4</v>
      </c>
      <c r="II15" s="103">
        <v>42</v>
      </c>
      <c r="IJ15" s="104">
        <v>54</v>
      </c>
      <c r="IK15" s="101">
        <v>17</v>
      </c>
      <c r="IL15" s="102">
        <v>17</v>
      </c>
      <c r="IM15" s="103">
        <v>34</v>
      </c>
      <c r="IN15" s="413">
        <v>0</v>
      </c>
      <c r="IO15" s="102">
        <v>27</v>
      </c>
      <c r="IP15" s="102">
        <v>16</v>
      </c>
      <c r="IQ15" s="102">
        <v>9</v>
      </c>
      <c r="IR15" s="102">
        <v>6</v>
      </c>
      <c r="IS15" s="102">
        <v>8</v>
      </c>
      <c r="IT15" s="103">
        <v>66</v>
      </c>
      <c r="IU15" s="104">
        <v>100</v>
      </c>
      <c r="IV15" s="101">
        <v>38</v>
      </c>
      <c r="IW15" s="102">
        <v>28</v>
      </c>
      <c r="IX15" s="103">
        <v>66</v>
      </c>
      <c r="IY15" s="413">
        <v>0</v>
      </c>
      <c r="IZ15" s="102">
        <v>48</v>
      </c>
      <c r="JA15" s="102">
        <v>20</v>
      </c>
      <c r="JB15" s="102">
        <v>24</v>
      </c>
      <c r="JC15" s="102">
        <v>18</v>
      </c>
      <c r="JD15" s="102">
        <v>11</v>
      </c>
      <c r="JE15" s="103">
        <v>121</v>
      </c>
      <c r="JF15" s="104">
        <v>187</v>
      </c>
      <c r="JG15" s="101">
        <v>36</v>
      </c>
      <c r="JH15" s="102">
        <v>29</v>
      </c>
      <c r="JI15" s="103">
        <v>65</v>
      </c>
      <c r="JJ15" s="413">
        <v>0</v>
      </c>
      <c r="JK15" s="102">
        <v>68</v>
      </c>
      <c r="JL15" s="102">
        <v>53</v>
      </c>
      <c r="JM15" s="102">
        <v>33</v>
      </c>
      <c r="JN15" s="102">
        <v>28</v>
      </c>
      <c r="JO15" s="102">
        <v>5</v>
      </c>
      <c r="JP15" s="103">
        <v>187</v>
      </c>
      <c r="JQ15" s="104">
        <v>252</v>
      </c>
      <c r="JR15" s="101">
        <v>0</v>
      </c>
      <c r="JS15" s="102">
        <v>0</v>
      </c>
      <c r="JT15" s="103">
        <v>0</v>
      </c>
      <c r="JU15" s="413">
        <v>0</v>
      </c>
      <c r="JV15" s="102">
        <v>0</v>
      </c>
      <c r="JW15" s="102">
        <v>0</v>
      </c>
      <c r="JX15" s="102">
        <v>0</v>
      </c>
      <c r="JY15" s="102">
        <v>0</v>
      </c>
      <c r="JZ15" s="102">
        <v>0</v>
      </c>
      <c r="KA15" s="103">
        <v>0</v>
      </c>
      <c r="KB15" s="104">
        <v>0</v>
      </c>
      <c r="KC15" s="101">
        <v>98</v>
      </c>
      <c r="KD15" s="102">
        <v>92</v>
      </c>
      <c r="KE15" s="103">
        <v>190</v>
      </c>
      <c r="KF15" s="413">
        <v>0</v>
      </c>
      <c r="KG15" s="102">
        <v>165</v>
      </c>
      <c r="KH15" s="102">
        <v>110</v>
      </c>
      <c r="KI15" s="102">
        <v>78</v>
      </c>
      <c r="KJ15" s="102">
        <v>64</v>
      </c>
      <c r="KK15" s="102">
        <v>34</v>
      </c>
      <c r="KL15" s="103">
        <v>451</v>
      </c>
      <c r="KM15" s="104">
        <v>641</v>
      </c>
    </row>
    <row r="16" spans="2:299" s="70" customFormat="1" ht="21" customHeight="1" x14ac:dyDescent="0.2">
      <c r="B16" s="106" t="s">
        <v>12</v>
      </c>
      <c r="C16" s="96">
        <v>167</v>
      </c>
      <c r="D16" s="97">
        <v>174</v>
      </c>
      <c r="E16" s="98">
        <v>341</v>
      </c>
      <c r="F16" s="413">
        <v>0</v>
      </c>
      <c r="G16" s="97">
        <v>176</v>
      </c>
      <c r="H16" s="97">
        <v>147</v>
      </c>
      <c r="I16" s="97">
        <v>90</v>
      </c>
      <c r="J16" s="97">
        <v>92</v>
      </c>
      <c r="K16" s="97">
        <v>33</v>
      </c>
      <c r="L16" s="99">
        <v>538</v>
      </c>
      <c r="M16" s="100">
        <v>879</v>
      </c>
      <c r="N16" s="107">
        <v>7</v>
      </c>
      <c r="O16" s="102">
        <v>1</v>
      </c>
      <c r="P16" s="103">
        <v>8</v>
      </c>
      <c r="Q16" s="413">
        <v>0</v>
      </c>
      <c r="R16" s="102">
        <v>0</v>
      </c>
      <c r="S16" s="102">
        <v>5</v>
      </c>
      <c r="T16" s="102">
        <v>0</v>
      </c>
      <c r="U16" s="102">
        <v>2</v>
      </c>
      <c r="V16" s="102">
        <v>1</v>
      </c>
      <c r="W16" s="103">
        <v>8</v>
      </c>
      <c r="X16" s="104">
        <v>16</v>
      </c>
      <c r="Y16" s="101">
        <v>13</v>
      </c>
      <c r="Z16" s="102">
        <v>8</v>
      </c>
      <c r="AA16" s="103">
        <v>21</v>
      </c>
      <c r="AB16" s="413">
        <v>0</v>
      </c>
      <c r="AC16" s="102">
        <v>3</v>
      </c>
      <c r="AD16" s="102">
        <v>3</v>
      </c>
      <c r="AE16" s="102">
        <v>3</v>
      </c>
      <c r="AF16" s="102">
        <v>3</v>
      </c>
      <c r="AG16" s="102">
        <v>1</v>
      </c>
      <c r="AH16" s="103">
        <v>13</v>
      </c>
      <c r="AI16" s="104">
        <v>34</v>
      </c>
      <c r="AJ16" s="107">
        <v>10</v>
      </c>
      <c r="AK16" s="102">
        <v>16</v>
      </c>
      <c r="AL16" s="103">
        <v>26</v>
      </c>
      <c r="AM16" s="413">
        <v>0</v>
      </c>
      <c r="AN16" s="102">
        <v>17</v>
      </c>
      <c r="AO16" s="102">
        <v>11</v>
      </c>
      <c r="AP16" s="102">
        <v>11</v>
      </c>
      <c r="AQ16" s="102">
        <v>6</v>
      </c>
      <c r="AR16" s="102">
        <v>4</v>
      </c>
      <c r="AS16" s="103">
        <v>49</v>
      </c>
      <c r="AT16" s="104">
        <v>75</v>
      </c>
      <c r="AU16" s="101">
        <v>29</v>
      </c>
      <c r="AV16" s="102">
        <v>30</v>
      </c>
      <c r="AW16" s="103">
        <v>59</v>
      </c>
      <c r="AX16" s="413">
        <v>0</v>
      </c>
      <c r="AY16" s="102">
        <v>23</v>
      </c>
      <c r="AZ16" s="102">
        <v>31</v>
      </c>
      <c r="BA16" s="102">
        <v>14</v>
      </c>
      <c r="BB16" s="102">
        <v>16</v>
      </c>
      <c r="BC16" s="102">
        <v>6</v>
      </c>
      <c r="BD16" s="103">
        <v>90</v>
      </c>
      <c r="BE16" s="104">
        <v>149</v>
      </c>
      <c r="BF16" s="107">
        <v>57</v>
      </c>
      <c r="BG16" s="102">
        <v>63</v>
      </c>
      <c r="BH16" s="103">
        <v>120</v>
      </c>
      <c r="BI16" s="413">
        <v>0</v>
      </c>
      <c r="BJ16" s="102">
        <v>71</v>
      </c>
      <c r="BK16" s="102">
        <v>35</v>
      </c>
      <c r="BL16" s="102">
        <v>24</v>
      </c>
      <c r="BM16" s="102">
        <v>24</v>
      </c>
      <c r="BN16" s="102">
        <v>9</v>
      </c>
      <c r="BO16" s="103">
        <v>163</v>
      </c>
      <c r="BP16" s="104">
        <v>283</v>
      </c>
      <c r="BQ16" s="101">
        <v>51</v>
      </c>
      <c r="BR16" s="102">
        <v>56</v>
      </c>
      <c r="BS16" s="103">
        <v>107</v>
      </c>
      <c r="BT16" s="413">
        <v>0</v>
      </c>
      <c r="BU16" s="102">
        <v>62</v>
      </c>
      <c r="BV16" s="102">
        <v>62</v>
      </c>
      <c r="BW16" s="102">
        <v>38</v>
      </c>
      <c r="BX16" s="102">
        <v>41</v>
      </c>
      <c r="BY16" s="102">
        <v>12</v>
      </c>
      <c r="BZ16" s="103">
        <v>215</v>
      </c>
      <c r="CA16" s="104">
        <v>322</v>
      </c>
      <c r="CB16" s="101">
        <v>0</v>
      </c>
      <c r="CC16" s="102">
        <v>0</v>
      </c>
      <c r="CD16" s="103">
        <v>0</v>
      </c>
      <c r="CE16" s="413">
        <v>0</v>
      </c>
      <c r="CF16" s="102">
        <v>0</v>
      </c>
      <c r="CG16" s="102">
        <v>0</v>
      </c>
      <c r="CH16" s="102">
        <v>0</v>
      </c>
      <c r="CI16" s="102">
        <v>0</v>
      </c>
      <c r="CJ16" s="102">
        <v>0</v>
      </c>
      <c r="CK16" s="103">
        <v>0</v>
      </c>
      <c r="CL16" s="104">
        <v>0</v>
      </c>
      <c r="CM16" s="101">
        <v>167</v>
      </c>
      <c r="CN16" s="102">
        <v>174</v>
      </c>
      <c r="CO16" s="103">
        <v>341</v>
      </c>
      <c r="CP16" s="413">
        <v>0</v>
      </c>
      <c r="CQ16" s="102">
        <v>176</v>
      </c>
      <c r="CR16" s="102">
        <v>147</v>
      </c>
      <c r="CS16" s="102">
        <v>90</v>
      </c>
      <c r="CT16" s="102">
        <v>92</v>
      </c>
      <c r="CU16" s="102">
        <v>33</v>
      </c>
      <c r="CV16" s="103">
        <v>538</v>
      </c>
      <c r="CW16" s="104">
        <v>879</v>
      </c>
      <c r="CX16" s="105">
        <v>22</v>
      </c>
      <c r="CY16" s="97">
        <v>24</v>
      </c>
      <c r="CZ16" s="98">
        <v>46</v>
      </c>
      <c r="DA16" s="413">
        <v>0</v>
      </c>
      <c r="DB16" s="97">
        <v>20</v>
      </c>
      <c r="DC16" s="97">
        <v>20</v>
      </c>
      <c r="DD16" s="97">
        <v>14</v>
      </c>
      <c r="DE16" s="97">
        <v>14</v>
      </c>
      <c r="DF16" s="97">
        <v>11</v>
      </c>
      <c r="DG16" s="99">
        <v>79</v>
      </c>
      <c r="DH16" s="100">
        <v>125</v>
      </c>
      <c r="DI16" s="107">
        <v>0</v>
      </c>
      <c r="DJ16" s="102">
        <v>0</v>
      </c>
      <c r="DK16" s="103">
        <v>0</v>
      </c>
      <c r="DL16" s="413">
        <v>0</v>
      </c>
      <c r="DM16" s="102">
        <v>0</v>
      </c>
      <c r="DN16" s="102">
        <v>1</v>
      </c>
      <c r="DO16" s="102">
        <v>1</v>
      </c>
      <c r="DP16" s="102">
        <v>1</v>
      </c>
      <c r="DQ16" s="102">
        <v>0</v>
      </c>
      <c r="DR16" s="103">
        <v>3</v>
      </c>
      <c r="DS16" s="104">
        <v>3</v>
      </c>
      <c r="DT16" s="101">
        <v>1</v>
      </c>
      <c r="DU16" s="102">
        <v>1</v>
      </c>
      <c r="DV16" s="103">
        <v>2</v>
      </c>
      <c r="DW16" s="413">
        <v>0</v>
      </c>
      <c r="DX16" s="102">
        <v>1</v>
      </c>
      <c r="DY16" s="102">
        <v>2</v>
      </c>
      <c r="DZ16" s="102">
        <v>0</v>
      </c>
      <c r="EA16" s="102">
        <v>0</v>
      </c>
      <c r="EB16" s="102">
        <v>0</v>
      </c>
      <c r="EC16" s="103">
        <v>3</v>
      </c>
      <c r="ED16" s="104">
        <v>5</v>
      </c>
      <c r="EE16" s="107">
        <v>2</v>
      </c>
      <c r="EF16" s="102">
        <v>4</v>
      </c>
      <c r="EG16" s="103">
        <v>6</v>
      </c>
      <c r="EH16" s="413">
        <v>0</v>
      </c>
      <c r="EI16" s="102">
        <v>1</v>
      </c>
      <c r="EJ16" s="102">
        <v>2</v>
      </c>
      <c r="EK16" s="102">
        <v>0</v>
      </c>
      <c r="EL16" s="102">
        <v>2</v>
      </c>
      <c r="EM16" s="102">
        <v>0</v>
      </c>
      <c r="EN16" s="103">
        <v>5</v>
      </c>
      <c r="EO16" s="104">
        <v>11</v>
      </c>
      <c r="EP16" s="101">
        <v>4</v>
      </c>
      <c r="EQ16" s="102">
        <v>3</v>
      </c>
      <c r="ER16" s="103">
        <v>7</v>
      </c>
      <c r="ES16" s="413">
        <v>0</v>
      </c>
      <c r="ET16" s="102">
        <v>5</v>
      </c>
      <c r="EU16" s="102">
        <v>1</v>
      </c>
      <c r="EV16" s="102">
        <v>1</v>
      </c>
      <c r="EW16" s="102">
        <v>0</v>
      </c>
      <c r="EX16" s="102">
        <v>0</v>
      </c>
      <c r="EY16" s="103">
        <v>7</v>
      </c>
      <c r="EZ16" s="104">
        <v>14</v>
      </c>
      <c r="FA16" s="107">
        <v>7</v>
      </c>
      <c r="FB16" s="102">
        <v>10</v>
      </c>
      <c r="FC16" s="103">
        <v>17</v>
      </c>
      <c r="FD16" s="413">
        <v>0</v>
      </c>
      <c r="FE16" s="102">
        <v>8</v>
      </c>
      <c r="FF16" s="102">
        <v>4</v>
      </c>
      <c r="FG16" s="102">
        <v>2</v>
      </c>
      <c r="FH16" s="102">
        <v>5</v>
      </c>
      <c r="FI16" s="102">
        <v>5</v>
      </c>
      <c r="FJ16" s="103">
        <v>24</v>
      </c>
      <c r="FK16" s="104">
        <v>41</v>
      </c>
      <c r="FL16" s="101">
        <v>8</v>
      </c>
      <c r="FM16" s="102">
        <v>6</v>
      </c>
      <c r="FN16" s="103">
        <v>14</v>
      </c>
      <c r="FO16" s="413">
        <v>0</v>
      </c>
      <c r="FP16" s="102">
        <v>5</v>
      </c>
      <c r="FQ16" s="102">
        <v>10</v>
      </c>
      <c r="FR16" s="102">
        <v>10</v>
      </c>
      <c r="FS16" s="102">
        <v>6</v>
      </c>
      <c r="FT16" s="102">
        <v>6</v>
      </c>
      <c r="FU16" s="103">
        <v>37</v>
      </c>
      <c r="FV16" s="104">
        <v>51</v>
      </c>
      <c r="FW16" s="101">
        <v>0</v>
      </c>
      <c r="FX16" s="102">
        <v>0</v>
      </c>
      <c r="FY16" s="103">
        <v>0</v>
      </c>
      <c r="FZ16" s="413">
        <v>0</v>
      </c>
      <c r="GA16" s="102">
        <v>0</v>
      </c>
      <c r="GB16" s="102">
        <v>0</v>
      </c>
      <c r="GC16" s="102">
        <v>0</v>
      </c>
      <c r="GD16" s="102">
        <v>0</v>
      </c>
      <c r="GE16" s="102">
        <v>0</v>
      </c>
      <c r="GF16" s="103">
        <v>0</v>
      </c>
      <c r="GG16" s="104">
        <v>0</v>
      </c>
      <c r="GH16" s="101">
        <v>22</v>
      </c>
      <c r="GI16" s="102">
        <v>24</v>
      </c>
      <c r="GJ16" s="103">
        <v>46</v>
      </c>
      <c r="GK16" s="413">
        <v>0</v>
      </c>
      <c r="GL16" s="102">
        <v>20</v>
      </c>
      <c r="GM16" s="102">
        <v>20</v>
      </c>
      <c r="GN16" s="102">
        <v>14</v>
      </c>
      <c r="GO16" s="102">
        <v>14</v>
      </c>
      <c r="GP16" s="102">
        <v>11</v>
      </c>
      <c r="GQ16" s="103">
        <v>79</v>
      </c>
      <c r="GR16" s="104">
        <v>125</v>
      </c>
      <c r="GS16" s="105">
        <v>189</v>
      </c>
      <c r="GT16" s="97">
        <v>198</v>
      </c>
      <c r="GU16" s="98">
        <v>387</v>
      </c>
      <c r="GV16" s="413">
        <v>0</v>
      </c>
      <c r="GW16" s="97">
        <v>196</v>
      </c>
      <c r="GX16" s="97">
        <v>167</v>
      </c>
      <c r="GY16" s="97">
        <v>104</v>
      </c>
      <c r="GZ16" s="97">
        <v>106</v>
      </c>
      <c r="HA16" s="97">
        <v>44</v>
      </c>
      <c r="HB16" s="99">
        <v>617</v>
      </c>
      <c r="HC16" s="100">
        <v>1004</v>
      </c>
      <c r="HD16" s="107">
        <v>7</v>
      </c>
      <c r="HE16" s="102">
        <v>1</v>
      </c>
      <c r="HF16" s="103">
        <v>8</v>
      </c>
      <c r="HG16" s="413">
        <v>0</v>
      </c>
      <c r="HH16" s="102">
        <v>0</v>
      </c>
      <c r="HI16" s="102">
        <v>6</v>
      </c>
      <c r="HJ16" s="102">
        <v>1</v>
      </c>
      <c r="HK16" s="102">
        <v>3</v>
      </c>
      <c r="HL16" s="102">
        <v>1</v>
      </c>
      <c r="HM16" s="103">
        <v>11</v>
      </c>
      <c r="HN16" s="104">
        <v>19</v>
      </c>
      <c r="HO16" s="101">
        <v>14</v>
      </c>
      <c r="HP16" s="102">
        <v>9</v>
      </c>
      <c r="HQ16" s="103">
        <v>23</v>
      </c>
      <c r="HR16" s="413">
        <v>0</v>
      </c>
      <c r="HS16" s="102">
        <v>4</v>
      </c>
      <c r="HT16" s="102">
        <v>5</v>
      </c>
      <c r="HU16" s="102">
        <v>3</v>
      </c>
      <c r="HV16" s="102">
        <v>3</v>
      </c>
      <c r="HW16" s="102">
        <v>1</v>
      </c>
      <c r="HX16" s="103">
        <v>16</v>
      </c>
      <c r="HY16" s="104">
        <v>39</v>
      </c>
      <c r="HZ16" s="107">
        <v>12</v>
      </c>
      <c r="IA16" s="102">
        <v>20</v>
      </c>
      <c r="IB16" s="103">
        <v>32</v>
      </c>
      <c r="IC16" s="413">
        <v>0</v>
      </c>
      <c r="ID16" s="102">
        <v>18</v>
      </c>
      <c r="IE16" s="102">
        <v>13</v>
      </c>
      <c r="IF16" s="102">
        <v>11</v>
      </c>
      <c r="IG16" s="102">
        <v>8</v>
      </c>
      <c r="IH16" s="102">
        <v>4</v>
      </c>
      <c r="II16" s="103">
        <v>54</v>
      </c>
      <c r="IJ16" s="104">
        <v>86</v>
      </c>
      <c r="IK16" s="101">
        <v>33</v>
      </c>
      <c r="IL16" s="102">
        <v>33</v>
      </c>
      <c r="IM16" s="103">
        <v>66</v>
      </c>
      <c r="IN16" s="413">
        <v>0</v>
      </c>
      <c r="IO16" s="102">
        <v>28</v>
      </c>
      <c r="IP16" s="102">
        <v>32</v>
      </c>
      <c r="IQ16" s="102">
        <v>15</v>
      </c>
      <c r="IR16" s="102">
        <v>16</v>
      </c>
      <c r="IS16" s="102">
        <v>6</v>
      </c>
      <c r="IT16" s="103">
        <v>97</v>
      </c>
      <c r="IU16" s="104">
        <v>163</v>
      </c>
      <c r="IV16" s="107">
        <v>64</v>
      </c>
      <c r="IW16" s="102">
        <v>73</v>
      </c>
      <c r="IX16" s="103">
        <v>137</v>
      </c>
      <c r="IY16" s="413">
        <v>0</v>
      </c>
      <c r="IZ16" s="102">
        <v>79</v>
      </c>
      <c r="JA16" s="102">
        <v>39</v>
      </c>
      <c r="JB16" s="102">
        <v>26</v>
      </c>
      <c r="JC16" s="102">
        <v>29</v>
      </c>
      <c r="JD16" s="102">
        <v>14</v>
      </c>
      <c r="JE16" s="103">
        <v>187</v>
      </c>
      <c r="JF16" s="104">
        <v>324</v>
      </c>
      <c r="JG16" s="101">
        <v>59</v>
      </c>
      <c r="JH16" s="102">
        <v>62</v>
      </c>
      <c r="JI16" s="103">
        <v>121</v>
      </c>
      <c r="JJ16" s="413">
        <v>0</v>
      </c>
      <c r="JK16" s="102">
        <v>67</v>
      </c>
      <c r="JL16" s="102">
        <v>72</v>
      </c>
      <c r="JM16" s="102">
        <v>48</v>
      </c>
      <c r="JN16" s="102">
        <v>47</v>
      </c>
      <c r="JO16" s="102">
        <v>18</v>
      </c>
      <c r="JP16" s="103">
        <v>252</v>
      </c>
      <c r="JQ16" s="104">
        <v>373</v>
      </c>
      <c r="JR16" s="101">
        <v>0</v>
      </c>
      <c r="JS16" s="102">
        <v>0</v>
      </c>
      <c r="JT16" s="103">
        <v>0</v>
      </c>
      <c r="JU16" s="413">
        <v>0</v>
      </c>
      <c r="JV16" s="102">
        <v>0</v>
      </c>
      <c r="JW16" s="102">
        <v>0</v>
      </c>
      <c r="JX16" s="102">
        <v>0</v>
      </c>
      <c r="JY16" s="102">
        <v>0</v>
      </c>
      <c r="JZ16" s="102">
        <v>0</v>
      </c>
      <c r="KA16" s="103">
        <v>0</v>
      </c>
      <c r="KB16" s="104">
        <v>0</v>
      </c>
      <c r="KC16" s="101">
        <v>189</v>
      </c>
      <c r="KD16" s="102">
        <v>198</v>
      </c>
      <c r="KE16" s="103">
        <v>387</v>
      </c>
      <c r="KF16" s="413">
        <v>0</v>
      </c>
      <c r="KG16" s="102">
        <v>196</v>
      </c>
      <c r="KH16" s="102">
        <v>167</v>
      </c>
      <c r="KI16" s="102">
        <v>104</v>
      </c>
      <c r="KJ16" s="102">
        <v>106</v>
      </c>
      <c r="KK16" s="102">
        <v>44</v>
      </c>
      <c r="KL16" s="103">
        <v>617</v>
      </c>
      <c r="KM16" s="104">
        <v>1004</v>
      </c>
    </row>
    <row r="17" spans="2:299" s="70" customFormat="1" ht="21" customHeight="1" x14ac:dyDescent="0.2">
      <c r="B17" s="106" t="s">
        <v>13</v>
      </c>
      <c r="C17" s="96">
        <v>49</v>
      </c>
      <c r="D17" s="97">
        <v>39</v>
      </c>
      <c r="E17" s="98">
        <v>88</v>
      </c>
      <c r="F17" s="413">
        <v>0</v>
      </c>
      <c r="G17" s="97">
        <v>69</v>
      </c>
      <c r="H17" s="97">
        <v>69</v>
      </c>
      <c r="I17" s="97">
        <v>38</v>
      </c>
      <c r="J17" s="97">
        <v>33</v>
      </c>
      <c r="K17" s="97">
        <v>17</v>
      </c>
      <c r="L17" s="99">
        <v>226</v>
      </c>
      <c r="M17" s="100">
        <v>314</v>
      </c>
      <c r="N17" s="101">
        <v>0</v>
      </c>
      <c r="O17" s="102">
        <v>0</v>
      </c>
      <c r="P17" s="103">
        <v>0</v>
      </c>
      <c r="Q17" s="413">
        <v>0</v>
      </c>
      <c r="R17" s="102">
        <v>1</v>
      </c>
      <c r="S17" s="102">
        <v>1</v>
      </c>
      <c r="T17" s="102">
        <v>0</v>
      </c>
      <c r="U17" s="102">
        <v>0</v>
      </c>
      <c r="V17" s="102">
        <v>0</v>
      </c>
      <c r="W17" s="103">
        <v>2</v>
      </c>
      <c r="X17" s="104">
        <v>2</v>
      </c>
      <c r="Y17" s="101">
        <v>0</v>
      </c>
      <c r="Z17" s="102">
        <v>0</v>
      </c>
      <c r="AA17" s="103">
        <v>0</v>
      </c>
      <c r="AB17" s="413">
        <v>0</v>
      </c>
      <c r="AC17" s="102">
        <v>1</v>
      </c>
      <c r="AD17" s="102">
        <v>0</v>
      </c>
      <c r="AE17" s="102">
        <v>1</v>
      </c>
      <c r="AF17" s="102">
        <v>1</v>
      </c>
      <c r="AG17" s="102">
        <v>1</v>
      </c>
      <c r="AH17" s="103">
        <v>4</v>
      </c>
      <c r="AI17" s="104">
        <v>4</v>
      </c>
      <c r="AJ17" s="101">
        <v>4</v>
      </c>
      <c r="AK17" s="102">
        <v>4</v>
      </c>
      <c r="AL17" s="103">
        <v>8</v>
      </c>
      <c r="AM17" s="413">
        <v>0</v>
      </c>
      <c r="AN17" s="102">
        <v>2</v>
      </c>
      <c r="AO17" s="102">
        <v>4</v>
      </c>
      <c r="AP17" s="102">
        <v>1</v>
      </c>
      <c r="AQ17" s="102">
        <v>1</v>
      </c>
      <c r="AR17" s="102">
        <v>0</v>
      </c>
      <c r="AS17" s="103">
        <v>8</v>
      </c>
      <c r="AT17" s="104">
        <v>16</v>
      </c>
      <c r="AU17" s="101">
        <v>8</v>
      </c>
      <c r="AV17" s="102">
        <v>5</v>
      </c>
      <c r="AW17" s="103">
        <v>13</v>
      </c>
      <c r="AX17" s="413">
        <v>0</v>
      </c>
      <c r="AY17" s="102">
        <v>10</v>
      </c>
      <c r="AZ17" s="102">
        <v>11</v>
      </c>
      <c r="BA17" s="102">
        <v>5</v>
      </c>
      <c r="BB17" s="102">
        <v>6</v>
      </c>
      <c r="BC17" s="102">
        <v>0</v>
      </c>
      <c r="BD17" s="103">
        <v>32</v>
      </c>
      <c r="BE17" s="104">
        <v>45</v>
      </c>
      <c r="BF17" s="101">
        <v>19</v>
      </c>
      <c r="BG17" s="102">
        <v>14</v>
      </c>
      <c r="BH17" s="103">
        <v>33</v>
      </c>
      <c r="BI17" s="413">
        <v>0</v>
      </c>
      <c r="BJ17" s="102">
        <v>22</v>
      </c>
      <c r="BK17" s="102">
        <v>24</v>
      </c>
      <c r="BL17" s="102">
        <v>8</v>
      </c>
      <c r="BM17" s="102">
        <v>12</v>
      </c>
      <c r="BN17" s="102">
        <v>7</v>
      </c>
      <c r="BO17" s="103">
        <v>73</v>
      </c>
      <c r="BP17" s="104">
        <v>106</v>
      </c>
      <c r="BQ17" s="101">
        <v>18</v>
      </c>
      <c r="BR17" s="102">
        <v>16</v>
      </c>
      <c r="BS17" s="103">
        <v>34</v>
      </c>
      <c r="BT17" s="413">
        <v>0</v>
      </c>
      <c r="BU17" s="102">
        <v>33</v>
      </c>
      <c r="BV17" s="102">
        <v>29</v>
      </c>
      <c r="BW17" s="102">
        <v>23</v>
      </c>
      <c r="BX17" s="102">
        <v>13</v>
      </c>
      <c r="BY17" s="102">
        <v>9</v>
      </c>
      <c r="BZ17" s="103">
        <v>107</v>
      </c>
      <c r="CA17" s="104">
        <v>141</v>
      </c>
      <c r="CB17" s="101">
        <v>0</v>
      </c>
      <c r="CC17" s="102">
        <v>0</v>
      </c>
      <c r="CD17" s="103">
        <v>0</v>
      </c>
      <c r="CE17" s="413">
        <v>0</v>
      </c>
      <c r="CF17" s="102">
        <v>0</v>
      </c>
      <c r="CG17" s="102">
        <v>0</v>
      </c>
      <c r="CH17" s="102">
        <v>0</v>
      </c>
      <c r="CI17" s="102">
        <v>0</v>
      </c>
      <c r="CJ17" s="102">
        <v>0</v>
      </c>
      <c r="CK17" s="103">
        <v>0</v>
      </c>
      <c r="CL17" s="104">
        <v>0</v>
      </c>
      <c r="CM17" s="101">
        <v>49</v>
      </c>
      <c r="CN17" s="102">
        <v>39</v>
      </c>
      <c r="CO17" s="103">
        <v>88</v>
      </c>
      <c r="CP17" s="413">
        <v>0</v>
      </c>
      <c r="CQ17" s="102">
        <v>69</v>
      </c>
      <c r="CR17" s="102">
        <v>69</v>
      </c>
      <c r="CS17" s="102">
        <v>38</v>
      </c>
      <c r="CT17" s="102">
        <v>33</v>
      </c>
      <c r="CU17" s="102">
        <v>17</v>
      </c>
      <c r="CV17" s="103">
        <v>226</v>
      </c>
      <c r="CW17" s="104">
        <v>314</v>
      </c>
      <c r="CX17" s="105">
        <v>6</v>
      </c>
      <c r="CY17" s="97">
        <v>8</v>
      </c>
      <c r="CZ17" s="98">
        <v>14</v>
      </c>
      <c r="DA17" s="413">
        <v>0</v>
      </c>
      <c r="DB17" s="97">
        <v>18</v>
      </c>
      <c r="DC17" s="97">
        <v>9</v>
      </c>
      <c r="DD17" s="97">
        <v>3</v>
      </c>
      <c r="DE17" s="97">
        <v>12</v>
      </c>
      <c r="DF17" s="97">
        <v>3</v>
      </c>
      <c r="DG17" s="99">
        <v>45</v>
      </c>
      <c r="DH17" s="100">
        <v>59</v>
      </c>
      <c r="DI17" s="101">
        <v>0</v>
      </c>
      <c r="DJ17" s="102">
        <v>0</v>
      </c>
      <c r="DK17" s="103">
        <v>0</v>
      </c>
      <c r="DL17" s="413">
        <v>0</v>
      </c>
      <c r="DM17" s="102">
        <v>0</v>
      </c>
      <c r="DN17" s="102">
        <v>0</v>
      </c>
      <c r="DO17" s="102">
        <v>0</v>
      </c>
      <c r="DP17" s="102">
        <v>0</v>
      </c>
      <c r="DQ17" s="102">
        <v>0</v>
      </c>
      <c r="DR17" s="103">
        <v>0</v>
      </c>
      <c r="DS17" s="104">
        <v>0</v>
      </c>
      <c r="DT17" s="101">
        <v>1</v>
      </c>
      <c r="DU17" s="102">
        <v>0</v>
      </c>
      <c r="DV17" s="103">
        <v>1</v>
      </c>
      <c r="DW17" s="413">
        <v>0</v>
      </c>
      <c r="DX17" s="102">
        <v>0</v>
      </c>
      <c r="DY17" s="102">
        <v>0</v>
      </c>
      <c r="DZ17" s="102">
        <v>0</v>
      </c>
      <c r="EA17" s="102">
        <v>0</v>
      </c>
      <c r="EB17" s="102">
        <v>0</v>
      </c>
      <c r="EC17" s="103">
        <v>0</v>
      </c>
      <c r="ED17" s="104">
        <v>1</v>
      </c>
      <c r="EE17" s="101">
        <v>0</v>
      </c>
      <c r="EF17" s="102">
        <v>1</v>
      </c>
      <c r="EG17" s="103">
        <v>1</v>
      </c>
      <c r="EH17" s="413">
        <v>0</v>
      </c>
      <c r="EI17" s="102">
        <v>1</v>
      </c>
      <c r="EJ17" s="102">
        <v>0</v>
      </c>
      <c r="EK17" s="102">
        <v>0</v>
      </c>
      <c r="EL17" s="102">
        <v>0</v>
      </c>
      <c r="EM17" s="102">
        <v>0</v>
      </c>
      <c r="EN17" s="103">
        <v>1</v>
      </c>
      <c r="EO17" s="104">
        <v>2</v>
      </c>
      <c r="EP17" s="101">
        <v>0</v>
      </c>
      <c r="EQ17" s="102">
        <v>2</v>
      </c>
      <c r="ER17" s="103">
        <v>2</v>
      </c>
      <c r="ES17" s="413">
        <v>0</v>
      </c>
      <c r="ET17" s="102">
        <v>3</v>
      </c>
      <c r="EU17" s="102">
        <v>3</v>
      </c>
      <c r="EV17" s="102">
        <v>2</v>
      </c>
      <c r="EW17" s="102">
        <v>2</v>
      </c>
      <c r="EX17" s="102">
        <v>1</v>
      </c>
      <c r="EY17" s="103">
        <v>11</v>
      </c>
      <c r="EZ17" s="104">
        <v>13</v>
      </c>
      <c r="FA17" s="101">
        <v>3</v>
      </c>
      <c r="FB17" s="102">
        <v>4</v>
      </c>
      <c r="FC17" s="103">
        <v>7</v>
      </c>
      <c r="FD17" s="413">
        <v>0</v>
      </c>
      <c r="FE17" s="102">
        <v>5</v>
      </c>
      <c r="FF17" s="102">
        <v>4</v>
      </c>
      <c r="FG17" s="102">
        <v>0</v>
      </c>
      <c r="FH17" s="102">
        <v>2</v>
      </c>
      <c r="FI17" s="102">
        <v>0</v>
      </c>
      <c r="FJ17" s="103">
        <v>11</v>
      </c>
      <c r="FK17" s="104">
        <v>18</v>
      </c>
      <c r="FL17" s="101">
        <v>2</v>
      </c>
      <c r="FM17" s="102">
        <v>1</v>
      </c>
      <c r="FN17" s="103">
        <v>3</v>
      </c>
      <c r="FO17" s="413">
        <v>0</v>
      </c>
      <c r="FP17" s="102">
        <v>9</v>
      </c>
      <c r="FQ17" s="102">
        <v>2</v>
      </c>
      <c r="FR17" s="102">
        <v>1</v>
      </c>
      <c r="FS17" s="102">
        <v>8</v>
      </c>
      <c r="FT17" s="102">
        <v>2</v>
      </c>
      <c r="FU17" s="103">
        <v>22</v>
      </c>
      <c r="FV17" s="104">
        <v>25</v>
      </c>
      <c r="FW17" s="101">
        <v>0</v>
      </c>
      <c r="FX17" s="102">
        <v>0</v>
      </c>
      <c r="FY17" s="103">
        <v>0</v>
      </c>
      <c r="FZ17" s="413">
        <v>0</v>
      </c>
      <c r="GA17" s="102">
        <v>0</v>
      </c>
      <c r="GB17" s="102">
        <v>0</v>
      </c>
      <c r="GC17" s="102">
        <v>0</v>
      </c>
      <c r="GD17" s="102">
        <v>0</v>
      </c>
      <c r="GE17" s="102">
        <v>0</v>
      </c>
      <c r="GF17" s="103">
        <v>0</v>
      </c>
      <c r="GG17" s="104">
        <v>0</v>
      </c>
      <c r="GH17" s="101">
        <v>6</v>
      </c>
      <c r="GI17" s="102">
        <v>8</v>
      </c>
      <c r="GJ17" s="103">
        <v>14</v>
      </c>
      <c r="GK17" s="413">
        <v>0</v>
      </c>
      <c r="GL17" s="102">
        <v>18</v>
      </c>
      <c r="GM17" s="102">
        <v>9</v>
      </c>
      <c r="GN17" s="102">
        <v>3</v>
      </c>
      <c r="GO17" s="102">
        <v>12</v>
      </c>
      <c r="GP17" s="102">
        <v>3</v>
      </c>
      <c r="GQ17" s="103">
        <v>45</v>
      </c>
      <c r="GR17" s="104">
        <v>59</v>
      </c>
      <c r="GS17" s="105">
        <v>55</v>
      </c>
      <c r="GT17" s="97">
        <v>47</v>
      </c>
      <c r="GU17" s="98">
        <v>102</v>
      </c>
      <c r="GV17" s="413">
        <v>0</v>
      </c>
      <c r="GW17" s="97">
        <v>87</v>
      </c>
      <c r="GX17" s="97">
        <v>78</v>
      </c>
      <c r="GY17" s="97">
        <v>41</v>
      </c>
      <c r="GZ17" s="97">
        <v>45</v>
      </c>
      <c r="HA17" s="97">
        <v>20</v>
      </c>
      <c r="HB17" s="99">
        <v>271</v>
      </c>
      <c r="HC17" s="100">
        <v>373</v>
      </c>
      <c r="HD17" s="101">
        <v>0</v>
      </c>
      <c r="HE17" s="102">
        <v>0</v>
      </c>
      <c r="HF17" s="103">
        <v>0</v>
      </c>
      <c r="HG17" s="413">
        <v>0</v>
      </c>
      <c r="HH17" s="102">
        <v>1</v>
      </c>
      <c r="HI17" s="102">
        <v>1</v>
      </c>
      <c r="HJ17" s="102">
        <v>0</v>
      </c>
      <c r="HK17" s="102">
        <v>0</v>
      </c>
      <c r="HL17" s="102">
        <v>0</v>
      </c>
      <c r="HM17" s="103">
        <v>2</v>
      </c>
      <c r="HN17" s="104">
        <v>2</v>
      </c>
      <c r="HO17" s="101">
        <v>1</v>
      </c>
      <c r="HP17" s="102">
        <v>0</v>
      </c>
      <c r="HQ17" s="103">
        <v>1</v>
      </c>
      <c r="HR17" s="413">
        <v>0</v>
      </c>
      <c r="HS17" s="102">
        <v>1</v>
      </c>
      <c r="HT17" s="102">
        <v>0</v>
      </c>
      <c r="HU17" s="102">
        <v>1</v>
      </c>
      <c r="HV17" s="102">
        <v>1</v>
      </c>
      <c r="HW17" s="102">
        <v>1</v>
      </c>
      <c r="HX17" s="103">
        <v>4</v>
      </c>
      <c r="HY17" s="104">
        <v>5</v>
      </c>
      <c r="HZ17" s="101">
        <v>4</v>
      </c>
      <c r="IA17" s="102">
        <v>5</v>
      </c>
      <c r="IB17" s="103">
        <v>9</v>
      </c>
      <c r="IC17" s="413">
        <v>0</v>
      </c>
      <c r="ID17" s="102">
        <v>3</v>
      </c>
      <c r="IE17" s="102">
        <v>4</v>
      </c>
      <c r="IF17" s="102">
        <v>1</v>
      </c>
      <c r="IG17" s="102">
        <v>1</v>
      </c>
      <c r="IH17" s="102">
        <v>0</v>
      </c>
      <c r="II17" s="103">
        <v>9</v>
      </c>
      <c r="IJ17" s="104">
        <v>18</v>
      </c>
      <c r="IK17" s="101">
        <v>8</v>
      </c>
      <c r="IL17" s="102">
        <v>7</v>
      </c>
      <c r="IM17" s="103">
        <v>15</v>
      </c>
      <c r="IN17" s="413">
        <v>0</v>
      </c>
      <c r="IO17" s="102">
        <v>13</v>
      </c>
      <c r="IP17" s="102">
        <v>14</v>
      </c>
      <c r="IQ17" s="102">
        <v>7</v>
      </c>
      <c r="IR17" s="102">
        <v>8</v>
      </c>
      <c r="IS17" s="102">
        <v>1</v>
      </c>
      <c r="IT17" s="103">
        <v>43</v>
      </c>
      <c r="IU17" s="104">
        <v>58</v>
      </c>
      <c r="IV17" s="101">
        <v>22</v>
      </c>
      <c r="IW17" s="102">
        <v>18</v>
      </c>
      <c r="IX17" s="103">
        <v>40</v>
      </c>
      <c r="IY17" s="413">
        <v>0</v>
      </c>
      <c r="IZ17" s="102">
        <v>27</v>
      </c>
      <c r="JA17" s="102">
        <v>28</v>
      </c>
      <c r="JB17" s="102">
        <v>8</v>
      </c>
      <c r="JC17" s="102">
        <v>14</v>
      </c>
      <c r="JD17" s="102">
        <v>7</v>
      </c>
      <c r="JE17" s="103">
        <v>84</v>
      </c>
      <c r="JF17" s="104">
        <v>124</v>
      </c>
      <c r="JG17" s="101">
        <v>20</v>
      </c>
      <c r="JH17" s="102">
        <v>17</v>
      </c>
      <c r="JI17" s="103">
        <v>37</v>
      </c>
      <c r="JJ17" s="413">
        <v>0</v>
      </c>
      <c r="JK17" s="102">
        <v>42</v>
      </c>
      <c r="JL17" s="102">
        <v>31</v>
      </c>
      <c r="JM17" s="102">
        <v>24</v>
      </c>
      <c r="JN17" s="102">
        <v>21</v>
      </c>
      <c r="JO17" s="102">
        <v>11</v>
      </c>
      <c r="JP17" s="103">
        <v>129</v>
      </c>
      <c r="JQ17" s="104">
        <v>166</v>
      </c>
      <c r="JR17" s="101">
        <v>0</v>
      </c>
      <c r="JS17" s="102">
        <v>0</v>
      </c>
      <c r="JT17" s="103">
        <v>0</v>
      </c>
      <c r="JU17" s="413">
        <v>0</v>
      </c>
      <c r="JV17" s="102">
        <v>0</v>
      </c>
      <c r="JW17" s="102">
        <v>0</v>
      </c>
      <c r="JX17" s="102">
        <v>0</v>
      </c>
      <c r="JY17" s="102">
        <v>0</v>
      </c>
      <c r="JZ17" s="102">
        <v>0</v>
      </c>
      <c r="KA17" s="103">
        <v>0</v>
      </c>
      <c r="KB17" s="104">
        <v>0</v>
      </c>
      <c r="KC17" s="101">
        <v>55</v>
      </c>
      <c r="KD17" s="102">
        <v>47</v>
      </c>
      <c r="KE17" s="103">
        <v>102</v>
      </c>
      <c r="KF17" s="413">
        <v>0</v>
      </c>
      <c r="KG17" s="102">
        <v>87</v>
      </c>
      <c r="KH17" s="102">
        <v>78</v>
      </c>
      <c r="KI17" s="102">
        <v>41</v>
      </c>
      <c r="KJ17" s="102">
        <v>45</v>
      </c>
      <c r="KK17" s="102">
        <v>20</v>
      </c>
      <c r="KL17" s="103">
        <v>271</v>
      </c>
      <c r="KM17" s="104">
        <v>373</v>
      </c>
    </row>
    <row r="18" spans="2:299" s="70" customFormat="1" ht="21" customHeight="1" x14ac:dyDescent="0.2">
      <c r="B18" s="106" t="s">
        <v>15</v>
      </c>
      <c r="C18" s="96">
        <v>16</v>
      </c>
      <c r="D18" s="97">
        <v>18</v>
      </c>
      <c r="E18" s="98">
        <v>34</v>
      </c>
      <c r="F18" s="413">
        <v>0</v>
      </c>
      <c r="G18" s="97">
        <v>37</v>
      </c>
      <c r="H18" s="97">
        <v>34</v>
      </c>
      <c r="I18" s="97">
        <v>17</v>
      </c>
      <c r="J18" s="97">
        <v>27</v>
      </c>
      <c r="K18" s="97">
        <v>8</v>
      </c>
      <c r="L18" s="99">
        <v>123</v>
      </c>
      <c r="M18" s="100">
        <v>157</v>
      </c>
      <c r="N18" s="101">
        <v>1</v>
      </c>
      <c r="O18" s="102">
        <v>0</v>
      </c>
      <c r="P18" s="103">
        <v>1</v>
      </c>
      <c r="Q18" s="413">
        <v>0</v>
      </c>
      <c r="R18" s="102">
        <v>1</v>
      </c>
      <c r="S18" s="102">
        <v>0</v>
      </c>
      <c r="T18" s="102">
        <v>0</v>
      </c>
      <c r="U18" s="102">
        <v>0</v>
      </c>
      <c r="V18" s="102">
        <v>0</v>
      </c>
      <c r="W18" s="103">
        <v>1</v>
      </c>
      <c r="X18" s="104">
        <v>2</v>
      </c>
      <c r="Y18" s="101">
        <v>0</v>
      </c>
      <c r="Z18" s="102">
        <v>2</v>
      </c>
      <c r="AA18" s="103">
        <v>2</v>
      </c>
      <c r="AB18" s="413">
        <v>0</v>
      </c>
      <c r="AC18" s="102">
        <v>2</v>
      </c>
      <c r="AD18" s="102">
        <v>1</v>
      </c>
      <c r="AE18" s="102">
        <v>1</v>
      </c>
      <c r="AF18" s="102">
        <v>0</v>
      </c>
      <c r="AG18" s="102">
        <v>1</v>
      </c>
      <c r="AH18" s="103">
        <v>5</v>
      </c>
      <c r="AI18" s="104">
        <v>7</v>
      </c>
      <c r="AJ18" s="101">
        <v>4</v>
      </c>
      <c r="AK18" s="102">
        <v>3</v>
      </c>
      <c r="AL18" s="103">
        <v>7</v>
      </c>
      <c r="AM18" s="413">
        <v>0</v>
      </c>
      <c r="AN18" s="102">
        <v>5</v>
      </c>
      <c r="AO18" s="102">
        <v>6</v>
      </c>
      <c r="AP18" s="102">
        <v>1</v>
      </c>
      <c r="AQ18" s="102">
        <v>6</v>
      </c>
      <c r="AR18" s="102">
        <v>2</v>
      </c>
      <c r="AS18" s="103">
        <v>20</v>
      </c>
      <c r="AT18" s="104">
        <v>27</v>
      </c>
      <c r="AU18" s="101">
        <v>4</v>
      </c>
      <c r="AV18" s="102">
        <v>4</v>
      </c>
      <c r="AW18" s="103">
        <v>8</v>
      </c>
      <c r="AX18" s="413">
        <v>0</v>
      </c>
      <c r="AY18" s="102">
        <v>11</v>
      </c>
      <c r="AZ18" s="102">
        <v>1</v>
      </c>
      <c r="BA18" s="102">
        <v>4</v>
      </c>
      <c r="BB18" s="102">
        <v>4</v>
      </c>
      <c r="BC18" s="102">
        <v>0</v>
      </c>
      <c r="BD18" s="103">
        <v>20</v>
      </c>
      <c r="BE18" s="104">
        <v>28</v>
      </c>
      <c r="BF18" s="101">
        <v>5</v>
      </c>
      <c r="BG18" s="102">
        <v>3</v>
      </c>
      <c r="BH18" s="103">
        <v>8</v>
      </c>
      <c r="BI18" s="413">
        <v>0</v>
      </c>
      <c r="BJ18" s="102">
        <v>10</v>
      </c>
      <c r="BK18" s="102">
        <v>11</v>
      </c>
      <c r="BL18" s="102">
        <v>5</v>
      </c>
      <c r="BM18" s="102">
        <v>9</v>
      </c>
      <c r="BN18" s="102">
        <v>1</v>
      </c>
      <c r="BO18" s="103">
        <v>36</v>
      </c>
      <c r="BP18" s="104">
        <v>44</v>
      </c>
      <c r="BQ18" s="101">
        <v>2</v>
      </c>
      <c r="BR18" s="102">
        <v>6</v>
      </c>
      <c r="BS18" s="103">
        <v>8</v>
      </c>
      <c r="BT18" s="413">
        <v>0</v>
      </c>
      <c r="BU18" s="102">
        <v>8</v>
      </c>
      <c r="BV18" s="102">
        <v>15</v>
      </c>
      <c r="BW18" s="102">
        <v>6</v>
      </c>
      <c r="BX18" s="102">
        <v>8</v>
      </c>
      <c r="BY18" s="102">
        <v>4</v>
      </c>
      <c r="BZ18" s="103">
        <v>41</v>
      </c>
      <c r="CA18" s="104">
        <v>49</v>
      </c>
      <c r="CB18" s="101">
        <v>0</v>
      </c>
      <c r="CC18" s="102">
        <v>0</v>
      </c>
      <c r="CD18" s="103">
        <v>0</v>
      </c>
      <c r="CE18" s="413">
        <v>0</v>
      </c>
      <c r="CF18" s="102">
        <v>0</v>
      </c>
      <c r="CG18" s="102">
        <v>0</v>
      </c>
      <c r="CH18" s="102">
        <v>0</v>
      </c>
      <c r="CI18" s="102">
        <v>0</v>
      </c>
      <c r="CJ18" s="102">
        <v>0</v>
      </c>
      <c r="CK18" s="103">
        <v>0</v>
      </c>
      <c r="CL18" s="104">
        <v>0</v>
      </c>
      <c r="CM18" s="101">
        <v>16</v>
      </c>
      <c r="CN18" s="102">
        <v>18</v>
      </c>
      <c r="CO18" s="103">
        <v>34</v>
      </c>
      <c r="CP18" s="413">
        <v>0</v>
      </c>
      <c r="CQ18" s="102">
        <v>37</v>
      </c>
      <c r="CR18" s="102">
        <v>34</v>
      </c>
      <c r="CS18" s="102">
        <v>17</v>
      </c>
      <c r="CT18" s="102">
        <v>27</v>
      </c>
      <c r="CU18" s="102">
        <v>8</v>
      </c>
      <c r="CV18" s="103">
        <v>123</v>
      </c>
      <c r="CW18" s="104">
        <v>157</v>
      </c>
      <c r="CX18" s="105">
        <v>0</v>
      </c>
      <c r="CY18" s="97">
        <v>8</v>
      </c>
      <c r="CZ18" s="98">
        <v>8</v>
      </c>
      <c r="DA18" s="413">
        <v>0</v>
      </c>
      <c r="DB18" s="97">
        <v>8</v>
      </c>
      <c r="DC18" s="97">
        <v>6</v>
      </c>
      <c r="DD18" s="97">
        <v>4</v>
      </c>
      <c r="DE18" s="97">
        <v>2</v>
      </c>
      <c r="DF18" s="97">
        <v>4</v>
      </c>
      <c r="DG18" s="99">
        <v>24</v>
      </c>
      <c r="DH18" s="100">
        <v>32</v>
      </c>
      <c r="DI18" s="101">
        <v>0</v>
      </c>
      <c r="DJ18" s="102">
        <v>1</v>
      </c>
      <c r="DK18" s="103">
        <v>1</v>
      </c>
      <c r="DL18" s="413">
        <v>0</v>
      </c>
      <c r="DM18" s="102">
        <v>1</v>
      </c>
      <c r="DN18" s="102">
        <v>0</v>
      </c>
      <c r="DO18" s="102">
        <v>0</v>
      </c>
      <c r="DP18" s="102">
        <v>0</v>
      </c>
      <c r="DQ18" s="102">
        <v>0</v>
      </c>
      <c r="DR18" s="103">
        <v>1</v>
      </c>
      <c r="DS18" s="104">
        <v>2</v>
      </c>
      <c r="DT18" s="101">
        <v>0</v>
      </c>
      <c r="DU18" s="102">
        <v>0</v>
      </c>
      <c r="DV18" s="103">
        <v>0</v>
      </c>
      <c r="DW18" s="413">
        <v>0</v>
      </c>
      <c r="DX18" s="102">
        <v>2</v>
      </c>
      <c r="DY18" s="102">
        <v>0</v>
      </c>
      <c r="DZ18" s="102">
        <v>0</v>
      </c>
      <c r="EA18" s="102">
        <v>0</v>
      </c>
      <c r="EB18" s="102">
        <v>0</v>
      </c>
      <c r="EC18" s="103">
        <v>2</v>
      </c>
      <c r="ED18" s="104">
        <v>2</v>
      </c>
      <c r="EE18" s="101">
        <v>0</v>
      </c>
      <c r="EF18" s="102">
        <v>2</v>
      </c>
      <c r="EG18" s="103">
        <v>2</v>
      </c>
      <c r="EH18" s="413">
        <v>0</v>
      </c>
      <c r="EI18" s="102">
        <v>0</v>
      </c>
      <c r="EJ18" s="102">
        <v>0</v>
      </c>
      <c r="EK18" s="102">
        <v>0</v>
      </c>
      <c r="EL18" s="102">
        <v>0</v>
      </c>
      <c r="EM18" s="102">
        <v>1</v>
      </c>
      <c r="EN18" s="103">
        <v>1</v>
      </c>
      <c r="EO18" s="104">
        <v>3</v>
      </c>
      <c r="EP18" s="101">
        <v>0</v>
      </c>
      <c r="EQ18" s="102">
        <v>3</v>
      </c>
      <c r="ER18" s="103">
        <v>3</v>
      </c>
      <c r="ES18" s="413">
        <v>0</v>
      </c>
      <c r="ET18" s="102">
        <v>1</v>
      </c>
      <c r="EU18" s="102">
        <v>0</v>
      </c>
      <c r="EV18" s="102">
        <v>1</v>
      </c>
      <c r="EW18" s="102">
        <v>0</v>
      </c>
      <c r="EX18" s="102">
        <v>0</v>
      </c>
      <c r="EY18" s="103">
        <v>2</v>
      </c>
      <c r="EZ18" s="104">
        <v>5</v>
      </c>
      <c r="FA18" s="101">
        <v>0</v>
      </c>
      <c r="FB18" s="102">
        <v>1</v>
      </c>
      <c r="FC18" s="103">
        <v>1</v>
      </c>
      <c r="FD18" s="413">
        <v>0</v>
      </c>
      <c r="FE18" s="102">
        <v>2</v>
      </c>
      <c r="FF18" s="102">
        <v>2</v>
      </c>
      <c r="FG18" s="102">
        <v>1</v>
      </c>
      <c r="FH18" s="102">
        <v>0</v>
      </c>
      <c r="FI18" s="102">
        <v>1</v>
      </c>
      <c r="FJ18" s="103">
        <v>6</v>
      </c>
      <c r="FK18" s="104">
        <v>7</v>
      </c>
      <c r="FL18" s="101">
        <v>0</v>
      </c>
      <c r="FM18" s="102">
        <v>1</v>
      </c>
      <c r="FN18" s="103">
        <v>1</v>
      </c>
      <c r="FO18" s="413">
        <v>0</v>
      </c>
      <c r="FP18" s="102">
        <v>2</v>
      </c>
      <c r="FQ18" s="102">
        <v>4</v>
      </c>
      <c r="FR18" s="102">
        <v>2</v>
      </c>
      <c r="FS18" s="102">
        <v>2</v>
      </c>
      <c r="FT18" s="102">
        <v>2</v>
      </c>
      <c r="FU18" s="103">
        <v>12</v>
      </c>
      <c r="FV18" s="104">
        <v>13</v>
      </c>
      <c r="FW18" s="101">
        <v>0</v>
      </c>
      <c r="FX18" s="102">
        <v>0</v>
      </c>
      <c r="FY18" s="103">
        <v>0</v>
      </c>
      <c r="FZ18" s="413">
        <v>0</v>
      </c>
      <c r="GA18" s="102">
        <v>0</v>
      </c>
      <c r="GB18" s="102">
        <v>0</v>
      </c>
      <c r="GC18" s="102">
        <v>0</v>
      </c>
      <c r="GD18" s="102">
        <v>0</v>
      </c>
      <c r="GE18" s="102">
        <v>0</v>
      </c>
      <c r="GF18" s="103">
        <v>0</v>
      </c>
      <c r="GG18" s="104">
        <v>0</v>
      </c>
      <c r="GH18" s="101">
        <v>0</v>
      </c>
      <c r="GI18" s="102">
        <v>8</v>
      </c>
      <c r="GJ18" s="103">
        <v>8</v>
      </c>
      <c r="GK18" s="413">
        <v>0</v>
      </c>
      <c r="GL18" s="102">
        <v>8</v>
      </c>
      <c r="GM18" s="102">
        <v>6</v>
      </c>
      <c r="GN18" s="102">
        <v>4</v>
      </c>
      <c r="GO18" s="102">
        <v>2</v>
      </c>
      <c r="GP18" s="102">
        <v>4</v>
      </c>
      <c r="GQ18" s="103">
        <v>24</v>
      </c>
      <c r="GR18" s="104">
        <v>32</v>
      </c>
      <c r="GS18" s="105">
        <v>16</v>
      </c>
      <c r="GT18" s="97">
        <v>26</v>
      </c>
      <c r="GU18" s="98">
        <v>42</v>
      </c>
      <c r="GV18" s="413">
        <v>0</v>
      </c>
      <c r="GW18" s="97">
        <v>45</v>
      </c>
      <c r="GX18" s="97">
        <v>40</v>
      </c>
      <c r="GY18" s="97">
        <v>21</v>
      </c>
      <c r="GZ18" s="97">
        <v>29</v>
      </c>
      <c r="HA18" s="97">
        <v>12</v>
      </c>
      <c r="HB18" s="99">
        <v>147</v>
      </c>
      <c r="HC18" s="100">
        <v>189</v>
      </c>
      <c r="HD18" s="101">
        <v>1</v>
      </c>
      <c r="HE18" s="102">
        <v>1</v>
      </c>
      <c r="HF18" s="103">
        <v>2</v>
      </c>
      <c r="HG18" s="413">
        <v>0</v>
      </c>
      <c r="HH18" s="102">
        <v>2</v>
      </c>
      <c r="HI18" s="102">
        <v>0</v>
      </c>
      <c r="HJ18" s="102">
        <v>0</v>
      </c>
      <c r="HK18" s="102">
        <v>0</v>
      </c>
      <c r="HL18" s="102">
        <v>0</v>
      </c>
      <c r="HM18" s="103">
        <v>2</v>
      </c>
      <c r="HN18" s="104">
        <v>4</v>
      </c>
      <c r="HO18" s="101">
        <v>0</v>
      </c>
      <c r="HP18" s="102">
        <v>2</v>
      </c>
      <c r="HQ18" s="103">
        <v>2</v>
      </c>
      <c r="HR18" s="413">
        <v>0</v>
      </c>
      <c r="HS18" s="102">
        <v>4</v>
      </c>
      <c r="HT18" s="102">
        <v>1</v>
      </c>
      <c r="HU18" s="102">
        <v>1</v>
      </c>
      <c r="HV18" s="102">
        <v>0</v>
      </c>
      <c r="HW18" s="102">
        <v>1</v>
      </c>
      <c r="HX18" s="103">
        <v>7</v>
      </c>
      <c r="HY18" s="104">
        <v>9</v>
      </c>
      <c r="HZ18" s="101">
        <v>4</v>
      </c>
      <c r="IA18" s="102">
        <v>5</v>
      </c>
      <c r="IB18" s="103">
        <v>9</v>
      </c>
      <c r="IC18" s="413">
        <v>0</v>
      </c>
      <c r="ID18" s="102">
        <v>5</v>
      </c>
      <c r="IE18" s="102">
        <v>6</v>
      </c>
      <c r="IF18" s="102">
        <v>1</v>
      </c>
      <c r="IG18" s="102">
        <v>6</v>
      </c>
      <c r="IH18" s="102">
        <v>3</v>
      </c>
      <c r="II18" s="103">
        <v>21</v>
      </c>
      <c r="IJ18" s="104">
        <v>30</v>
      </c>
      <c r="IK18" s="101">
        <v>4</v>
      </c>
      <c r="IL18" s="102">
        <v>7</v>
      </c>
      <c r="IM18" s="103">
        <v>11</v>
      </c>
      <c r="IN18" s="413">
        <v>0</v>
      </c>
      <c r="IO18" s="102">
        <v>12</v>
      </c>
      <c r="IP18" s="102">
        <v>1</v>
      </c>
      <c r="IQ18" s="102">
        <v>5</v>
      </c>
      <c r="IR18" s="102">
        <v>4</v>
      </c>
      <c r="IS18" s="102">
        <v>0</v>
      </c>
      <c r="IT18" s="103">
        <v>22</v>
      </c>
      <c r="IU18" s="104">
        <v>33</v>
      </c>
      <c r="IV18" s="101">
        <v>5</v>
      </c>
      <c r="IW18" s="102">
        <v>4</v>
      </c>
      <c r="IX18" s="103">
        <v>9</v>
      </c>
      <c r="IY18" s="413">
        <v>0</v>
      </c>
      <c r="IZ18" s="102">
        <v>12</v>
      </c>
      <c r="JA18" s="102">
        <v>13</v>
      </c>
      <c r="JB18" s="102">
        <v>6</v>
      </c>
      <c r="JC18" s="102">
        <v>9</v>
      </c>
      <c r="JD18" s="102">
        <v>2</v>
      </c>
      <c r="JE18" s="103">
        <v>42</v>
      </c>
      <c r="JF18" s="104">
        <v>51</v>
      </c>
      <c r="JG18" s="101">
        <v>2</v>
      </c>
      <c r="JH18" s="102">
        <v>7</v>
      </c>
      <c r="JI18" s="103">
        <v>9</v>
      </c>
      <c r="JJ18" s="413">
        <v>0</v>
      </c>
      <c r="JK18" s="102">
        <v>10</v>
      </c>
      <c r="JL18" s="102">
        <v>19</v>
      </c>
      <c r="JM18" s="102">
        <v>8</v>
      </c>
      <c r="JN18" s="102">
        <v>10</v>
      </c>
      <c r="JO18" s="102">
        <v>6</v>
      </c>
      <c r="JP18" s="103">
        <v>53</v>
      </c>
      <c r="JQ18" s="104">
        <v>62</v>
      </c>
      <c r="JR18" s="101">
        <v>0</v>
      </c>
      <c r="JS18" s="102">
        <v>0</v>
      </c>
      <c r="JT18" s="103">
        <v>0</v>
      </c>
      <c r="JU18" s="413">
        <v>0</v>
      </c>
      <c r="JV18" s="102">
        <v>0</v>
      </c>
      <c r="JW18" s="102">
        <v>0</v>
      </c>
      <c r="JX18" s="102">
        <v>0</v>
      </c>
      <c r="JY18" s="102">
        <v>0</v>
      </c>
      <c r="JZ18" s="102">
        <v>0</v>
      </c>
      <c r="KA18" s="103">
        <v>0</v>
      </c>
      <c r="KB18" s="104">
        <v>0</v>
      </c>
      <c r="KC18" s="101">
        <v>16</v>
      </c>
      <c r="KD18" s="102">
        <v>26</v>
      </c>
      <c r="KE18" s="103">
        <v>42</v>
      </c>
      <c r="KF18" s="413">
        <v>0</v>
      </c>
      <c r="KG18" s="102">
        <v>45</v>
      </c>
      <c r="KH18" s="102">
        <v>40</v>
      </c>
      <c r="KI18" s="102">
        <v>21</v>
      </c>
      <c r="KJ18" s="102">
        <v>29</v>
      </c>
      <c r="KK18" s="102">
        <v>12</v>
      </c>
      <c r="KL18" s="103">
        <v>147</v>
      </c>
      <c r="KM18" s="104">
        <v>189</v>
      </c>
    </row>
    <row r="19" spans="2:299" s="70" customFormat="1" ht="21" customHeight="1" x14ac:dyDescent="0.2">
      <c r="B19" s="106" t="s">
        <v>16</v>
      </c>
      <c r="C19" s="96">
        <v>38</v>
      </c>
      <c r="D19" s="97">
        <v>51</v>
      </c>
      <c r="E19" s="98">
        <v>89</v>
      </c>
      <c r="F19" s="413">
        <v>0</v>
      </c>
      <c r="G19" s="97">
        <v>87</v>
      </c>
      <c r="H19" s="97">
        <v>105</v>
      </c>
      <c r="I19" s="97">
        <v>53</v>
      </c>
      <c r="J19" s="97">
        <v>40</v>
      </c>
      <c r="K19" s="97">
        <v>21</v>
      </c>
      <c r="L19" s="99">
        <v>306</v>
      </c>
      <c r="M19" s="100">
        <v>395</v>
      </c>
      <c r="N19" s="101">
        <v>0</v>
      </c>
      <c r="O19" s="102">
        <v>2</v>
      </c>
      <c r="P19" s="103">
        <v>2</v>
      </c>
      <c r="Q19" s="413">
        <v>0</v>
      </c>
      <c r="R19" s="102">
        <v>0</v>
      </c>
      <c r="S19" s="102">
        <v>1</v>
      </c>
      <c r="T19" s="102">
        <v>0</v>
      </c>
      <c r="U19" s="102">
        <v>2</v>
      </c>
      <c r="V19" s="102">
        <v>0</v>
      </c>
      <c r="W19" s="103">
        <v>3</v>
      </c>
      <c r="X19" s="104">
        <v>5</v>
      </c>
      <c r="Y19" s="101">
        <v>2</v>
      </c>
      <c r="Z19" s="102">
        <v>4</v>
      </c>
      <c r="AA19" s="103">
        <v>6</v>
      </c>
      <c r="AB19" s="413">
        <v>0</v>
      </c>
      <c r="AC19" s="102">
        <v>4</v>
      </c>
      <c r="AD19" s="102">
        <v>5</v>
      </c>
      <c r="AE19" s="102">
        <v>3</v>
      </c>
      <c r="AF19" s="102">
        <v>1</v>
      </c>
      <c r="AG19" s="102">
        <v>5</v>
      </c>
      <c r="AH19" s="103">
        <v>18</v>
      </c>
      <c r="AI19" s="104">
        <v>24</v>
      </c>
      <c r="AJ19" s="101">
        <v>2</v>
      </c>
      <c r="AK19" s="102">
        <v>7</v>
      </c>
      <c r="AL19" s="103">
        <v>9</v>
      </c>
      <c r="AM19" s="413">
        <v>0</v>
      </c>
      <c r="AN19" s="102">
        <v>11</v>
      </c>
      <c r="AO19" s="102">
        <v>6</v>
      </c>
      <c r="AP19" s="102">
        <v>8</v>
      </c>
      <c r="AQ19" s="102">
        <v>4</v>
      </c>
      <c r="AR19" s="102">
        <v>5</v>
      </c>
      <c r="AS19" s="103">
        <v>34</v>
      </c>
      <c r="AT19" s="104">
        <v>43</v>
      </c>
      <c r="AU19" s="101">
        <v>12</v>
      </c>
      <c r="AV19" s="102">
        <v>11</v>
      </c>
      <c r="AW19" s="103">
        <v>23</v>
      </c>
      <c r="AX19" s="413">
        <v>0</v>
      </c>
      <c r="AY19" s="102">
        <v>21</v>
      </c>
      <c r="AZ19" s="102">
        <v>20</v>
      </c>
      <c r="BA19" s="102">
        <v>11</v>
      </c>
      <c r="BB19" s="102">
        <v>3</v>
      </c>
      <c r="BC19" s="102">
        <v>4</v>
      </c>
      <c r="BD19" s="103">
        <v>59</v>
      </c>
      <c r="BE19" s="104">
        <v>82</v>
      </c>
      <c r="BF19" s="101">
        <v>9</v>
      </c>
      <c r="BG19" s="102">
        <v>17</v>
      </c>
      <c r="BH19" s="103">
        <v>26</v>
      </c>
      <c r="BI19" s="413">
        <v>0</v>
      </c>
      <c r="BJ19" s="102">
        <v>29</v>
      </c>
      <c r="BK19" s="102">
        <v>27</v>
      </c>
      <c r="BL19" s="102">
        <v>17</v>
      </c>
      <c r="BM19" s="102">
        <v>8</v>
      </c>
      <c r="BN19" s="102">
        <v>1</v>
      </c>
      <c r="BO19" s="103">
        <v>82</v>
      </c>
      <c r="BP19" s="104">
        <v>108</v>
      </c>
      <c r="BQ19" s="101">
        <v>13</v>
      </c>
      <c r="BR19" s="102">
        <v>10</v>
      </c>
      <c r="BS19" s="103">
        <v>23</v>
      </c>
      <c r="BT19" s="413">
        <v>0</v>
      </c>
      <c r="BU19" s="102">
        <v>22</v>
      </c>
      <c r="BV19" s="102">
        <v>46</v>
      </c>
      <c r="BW19" s="102">
        <v>14</v>
      </c>
      <c r="BX19" s="102">
        <v>22</v>
      </c>
      <c r="BY19" s="102">
        <v>6</v>
      </c>
      <c r="BZ19" s="103">
        <v>110</v>
      </c>
      <c r="CA19" s="104">
        <v>133</v>
      </c>
      <c r="CB19" s="101">
        <v>0</v>
      </c>
      <c r="CC19" s="102">
        <v>0</v>
      </c>
      <c r="CD19" s="103">
        <v>0</v>
      </c>
      <c r="CE19" s="413">
        <v>0</v>
      </c>
      <c r="CF19" s="102">
        <v>0</v>
      </c>
      <c r="CG19" s="102">
        <v>0</v>
      </c>
      <c r="CH19" s="102">
        <v>0</v>
      </c>
      <c r="CI19" s="102">
        <v>0</v>
      </c>
      <c r="CJ19" s="102">
        <v>0</v>
      </c>
      <c r="CK19" s="103">
        <v>0</v>
      </c>
      <c r="CL19" s="104">
        <v>0</v>
      </c>
      <c r="CM19" s="101">
        <v>38</v>
      </c>
      <c r="CN19" s="102">
        <v>51</v>
      </c>
      <c r="CO19" s="103">
        <v>89</v>
      </c>
      <c r="CP19" s="413">
        <v>0</v>
      </c>
      <c r="CQ19" s="102">
        <v>87</v>
      </c>
      <c r="CR19" s="102">
        <v>105</v>
      </c>
      <c r="CS19" s="102">
        <v>53</v>
      </c>
      <c r="CT19" s="102">
        <v>40</v>
      </c>
      <c r="CU19" s="102">
        <v>21</v>
      </c>
      <c r="CV19" s="103">
        <v>306</v>
      </c>
      <c r="CW19" s="104">
        <v>395</v>
      </c>
      <c r="CX19" s="105">
        <v>9</v>
      </c>
      <c r="CY19" s="97">
        <v>14</v>
      </c>
      <c r="CZ19" s="98">
        <v>23</v>
      </c>
      <c r="DA19" s="413">
        <v>0</v>
      </c>
      <c r="DB19" s="97">
        <v>4</v>
      </c>
      <c r="DC19" s="97">
        <v>6</v>
      </c>
      <c r="DD19" s="97">
        <v>9</v>
      </c>
      <c r="DE19" s="97">
        <v>8</v>
      </c>
      <c r="DF19" s="97">
        <v>8</v>
      </c>
      <c r="DG19" s="99">
        <v>35</v>
      </c>
      <c r="DH19" s="100">
        <v>58</v>
      </c>
      <c r="DI19" s="101">
        <v>2</v>
      </c>
      <c r="DJ19" s="102">
        <v>1</v>
      </c>
      <c r="DK19" s="103">
        <v>3</v>
      </c>
      <c r="DL19" s="413">
        <v>0</v>
      </c>
      <c r="DM19" s="102">
        <v>0</v>
      </c>
      <c r="DN19" s="102">
        <v>0</v>
      </c>
      <c r="DO19" s="102">
        <v>1</v>
      </c>
      <c r="DP19" s="102">
        <v>0</v>
      </c>
      <c r="DQ19" s="102">
        <v>0</v>
      </c>
      <c r="DR19" s="103">
        <v>1</v>
      </c>
      <c r="DS19" s="104">
        <v>4</v>
      </c>
      <c r="DT19" s="101">
        <v>0</v>
      </c>
      <c r="DU19" s="102">
        <v>0</v>
      </c>
      <c r="DV19" s="103">
        <v>0</v>
      </c>
      <c r="DW19" s="413">
        <v>0</v>
      </c>
      <c r="DX19" s="102">
        <v>0</v>
      </c>
      <c r="DY19" s="102">
        <v>1</v>
      </c>
      <c r="DZ19" s="102">
        <v>0</v>
      </c>
      <c r="EA19" s="102">
        <v>0</v>
      </c>
      <c r="EB19" s="102">
        <v>0</v>
      </c>
      <c r="EC19" s="103">
        <v>1</v>
      </c>
      <c r="ED19" s="104">
        <v>1</v>
      </c>
      <c r="EE19" s="101">
        <v>0</v>
      </c>
      <c r="EF19" s="102">
        <v>3</v>
      </c>
      <c r="EG19" s="103">
        <v>3</v>
      </c>
      <c r="EH19" s="413">
        <v>0</v>
      </c>
      <c r="EI19" s="102">
        <v>1</v>
      </c>
      <c r="EJ19" s="102">
        <v>0</v>
      </c>
      <c r="EK19" s="102">
        <v>0</v>
      </c>
      <c r="EL19" s="102">
        <v>0</v>
      </c>
      <c r="EM19" s="102">
        <v>2</v>
      </c>
      <c r="EN19" s="103">
        <v>3</v>
      </c>
      <c r="EO19" s="104">
        <v>6</v>
      </c>
      <c r="EP19" s="101">
        <v>3</v>
      </c>
      <c r="EQ19" s="102">
        <v>4</v>
      </c>
      <c r="ER19" s="103">
        <v>7</v>
      </c>
      <c r="ES19" s="413">
        <v>0</v>
      </c>
      <c r="ET19" s="102">
        <v>1</v>
      </c>
      <c r="EU19" s="102">
        <v>0</v>
      </c>
      <c r="EV19" s="102">
        <v>3</v>
      </c>
      <c r="EW19" s="102">
        <v>0</v>
      </c>
      <c r="EX19" s="102">
        <v>1</v>
      </c>
      <c r="EY19" s="103">
        <v>5</v>
      </c>
      <c r="EZ19" s="104">
        <v>12</v>
      </c>
      <c r="FA19" s="101">
        <v>4</v>
      </c>
      <c r="FB19" s="102">
        <v>3</v>
      </c>
      <c r="FC19" s="103">
        <v>7</v>
      </c>
      <c r="FD19" s="413">
        <v>0</v>
      </c>
      <c r="FE19" s="102">
        <v>0</v>
      </c>
      <c r="FF19" s="102">
        <v>3</v>
      </c>
      <c r="FG19" s="102">
        <v>3</v>
      </c>
      <c r="FH19" s="102">
        <v>2</v>
      </c>
      <c r="FI19" s="102">
        <v>1</v>
      </c>
      <c r="FJ19" s="103">
        <v>9</v>
      </c>
      <c r="FK19" s="104">
        <v>16</v>
      </c>
      <c r="FL19" s="101">
        <v>0</v>
      </c>
      <c r="FM19" s="102">
        <v>3</v>
      </c>
      <c r="FN19" s="103">
        <v>3</v>
      </c>
      <c r="FO19" s="413">
        <v>0</v>
      </c>
      <c r="FP19" s="102">
        <v>2</v>
      </c>
      <c r="FQ19" s="102">
        <v>2</v>
      </c>
      <c r="FR19" s="102">
        <v>2</v>
      </c>
      <c r="FS19" s="102">
        <v>6</v>
      </c>
      <c r="FT19" s="102">
        <v>4</v>
      </c>
      <c r="FU19" s="103">
        <v>16</v>
      </c>
      <c r="FV19" s="104">
        <v>19</v>
      </c>
      <c r="FW19" s="101">
        <v>0</v>
      </c>
      <c r="FX19" s="102">
        <v>0</v>
      </c>
      <c r="FY19" s="103">
        <v>0</v>
      </c>
      <c r="FZ19" s="413">
        <v>0</v>
      </c>
      <c r="GA19" s="102">
        <v>0</v>
      </c>
      <c r="GB19" s="102">
        <v>0</v>
      </c>
      <c r="GC19" s="102">
        <v>0</v>
      </c>
      <c r="GD19" s="102">
        <v>0</v>
      </c>
      <c r="GE19" s="102">
        <v>0</v>
      </c>
      <c r="GF19" s="103">
        <v>0</v>
      </c>
      <c r="GG19" s="104">
        <v>0</v>
      </c>
      <c r="GH19" s="101">
        <v>9</v>
      </c>
      <c r="GI19" s="102">
        <v>14</v>
      </c>
      <c r="GJ19" s="103">
        <v>23</v>
      </c>
      <c r="GK19" s="413">
        <v>0</v>
      </c>
      <c r="GL19" s="102">
        <v>4</v>
      </c>
      <c r="GM19" s="102">
        <v>6</v>
      </c>
      <c r="GN19" s="102">
        <v>9</v>
      </c>
      <c r="GO19" s="102">
        <v>8</v>
      </c>
      <c r="GP19" s="102">
        <v>8</v>
      </c>
      <c r="GQ19" s="103">
        <v>35</v>
      </c>
      <c r="GR19" s="104">
        <v>58</v>
      </c>
      <c r="GS19" s="105">
        <v>47</v>
      </c>
      <c r="GT19" s="97">
        <v>65</v>
      </c>
      <c r="GU19" s="98">
        <v>112</v>
      </c>
      <c r="GV19" s="413">
        <v>0</v>
      </c>
      <c r="GW19" s="97">
        <v>91</v>
      </c>
      <c r="GX19" s="97">
        <v>111</v>
      </c>
      <c r="GY19" s="97">
        <v>62</v>
      </c>
      <c r="GZ19" s="97">
        <v>48</v>
      </c>
      <c r="HA19" s="97">
        <v>29</v>
      </c>
      <c r="HB19" s="99">
        <v>341</v>
      </c>
      <c r="HC19" s="100">
        <v>453</v>
      </c>
      <c r="HD19" s="101">
        <v>2</v>
      </c>
      <c r="HE19" s="102">
        <v>3</v>
      </c>
      <c r="HF19" s="103">
        <v>5</v>
      </c>
      <c r="HG19" s="413">
        <v>0</v>
      </c>
      <c r="HH19" s="102">
        <v>0</v>
      </c>
      <c r="HI19" s="102">
        <v>1</v>
      </c>
      <c r="HJ19" s="102">
        <v>1</v>
      </c>
      <c r="HK19" s="102">
        <v>2</v>
      </c>
      <c r="HL19" s="102">
        <v>0</v>
      </c>
      <c r="HM19" s="103">
        <v>4</v>
      </c>
      <c r="HN19" s="104">
        <v>9</v>
      </c>
      <c r="HO19" s="101">
        <v>2</v>
      </c>
      <c r="HP19" s="102">
        <v>4</v>
      </c>
      <c r="HQ19" s="103">
        <v>6</v>
      </c>
      <c r="HR19" s="413">
        <v>0</v>
      </c>
      <c r="HS19" s="102">
        <v>4</v>
      </c>
      <c r="HT19" s="102">
        <v>6</v>
      </c>
      <c r="HU19" s="102">
        <v>3</v>
      </c>
      <c r="HV19" s="102">
        <v>1</v>
      </c>
      <c r="HW19" s="102">
        <v>5</v>
      </c>
      <c r="HX19" s="103">
        <v>19</v>
      </c>
      <c r="HY19" s="104">
        <v>25</v>
      </c>
      <c r="HZ19" s="101">
        <v>2</v>
      </c>
      <c r="IA19" s="102">
        <v>10</v>
      </c>
      <c r="IB19" s="103">
        <v>12</v>
      </c>
      <c r="IC19" s="413">
        <v>0</v>
      </c>
      <c r="ID19" s="102">
        <v>12</v>
      </c>
      <c r="IE19" s="102">
        <v>6</v>
      </c>
      <c r="IF19" s="102">
        <v>8</v>
      </c>
      <c r="IG19" s="102">
        <v>4</v>
      </c>
      <c r="IH19" s="102">
        <v>7</v>
      </c>
      <c r="II19" s="103">
        <v>37</v>
      </c>
      <c r="IJ19" s="104">
        <v>49</v>
      </c>
      <c r="IK19" s="101">
        <v>15</v>
      </c>
      <c r="IL19" s="102">
        <v>15</v>
      </c>
      <c r="IM19" s="103">
        <v>30</v>
      </c>
      <c r="IN19" s="413">
        <v>0</v>
      </c>
      <c r="IO19" s="102">
        <v>22</v>
      </c>
      <c r="IP19" s="102">
        <v>20</v>
      </c>
      <c r="IQ19" s="102">
        <v>14</v>
      </c>
      <c r="IR19" s="102">
        <v>3</v>
      </c>
      <c r="IS19" s="102">
        <v>5</v>
      </c>
      <c r="IT19" s="103">
        <v>64</v>
      </c>
      <c r="IU19" s="104">
        <v>94</v>
      </c>
      <c r="IV19" s="101">
        <v>13</v>
      </c>
      <c r="IW19" s="102">
        <v>20</v>
      </c>
      <c r="IX19" s="103">
        <v>33</v>
      </c>
      <c r="IY19" s="413">
        <v>0</v>
      </c>
      <c r="IZ19" s="102">
        <v>29</v>
      </c>
      <c r="JA19" s="102">
        <v>30</v>
      </c>
      <c r="JB19" s="102">
        <v>20</v>
      </c>
      <c r="JC19" s="102">
        <v>10</v>
      </c>
      <c r="JD19" s="102">
        <v>2</v>
      </c>
      <c r="JE19" s="103">
        <v>91</v>
      </c>
      <c r="JF19" s="104">
        <v>124</v>
      </c>
      <c r="JG19" s="101">
        <v>13</v>
      </c>
      <c r="JH19" s="102">
        <v>13</v>
      </c>
      <c r="JI19" s="103">
        <v>26</v>
      </c>
      <c r="JJ19" s="413">
        <v>0</v>
      </c>
      <c r="JK19" s="102">
        <v>24</v>
      </c>
      <c r="JL19" s="102">
        <v>48</v>
      </c>
      <c r="JM19" s="102">
        <v>16</v>
      </c>
      <c r="JN19" s="102">
        <v>28</v>
      </c>
      <c r="JO19" s="102">
        <v>10</v>
      </c>
      <c r="JP19" s="103">
        <v>126</v>
      </c>
      <c r="JQ19" s="104">
        <v>152</v>
      </c>
      <c r="JR19" s="101">
        <v>0</v>
      </c>
      <c r="JS19" s="102">
        <v>0</v>
      </c>
      <c r="JT19" s="103">
        <v>0</v>
      </c>
      <c r="JU19" s="413">
        <v>0</v>
      </c>
      <c r="JV19" s="102">
        <v>0</v>
      </c>
      <c r="JW19" s="102">
        <v>0</v>
      </c>
      <c r="JX19" s="102">
        <v>0</v>
      </c>
      <c r="JY19" s="102">
        <v>0</v>
      </c>
      <c r="JZ19" s="102">
        <v>0</v>
      </c>
      <c r="KA19" s="103">
        <v>0</v>
      </c>
      <c r="KB19" s="104">
        <v>0</v>
      </c>
      <c r="KC19" s="101">
        <v>47</v>
      </c>
      <c r="KD19" s="102">
        <v>65</v>
      </c>
      <c r="KE19" s="103">
        <v>112</v>
      </c>
      <c r="KF19" s="413">
        <v>0</v>
      </c>
      <c r="KG19" s="102">
        <v>91</v>
      </c>
      <c r="KH19" s="102">
        <v>111</v>
      </c>
      <c r="KI19" s="102">
        <v>62</v>
      </c>
      <c r="KJ19" s="102">
        <v>48</v>
      </c>
      <c r="KK19" s="102">
        <v>29</v>
      </c>
      <c r="KL19" s="103">
        <v>341</v>
      </c>
      <c r="KM19" s="104">
        <v>453</v>
      </c>
    </row>
    <row r="20" spans="2:299" s="70" customFormat="1" ht="21" customHeight="1" x14ac:dyDescent="0.2">
      <c r="B20" s="106" t="s">
        <v>17</v>
      </c>
      <c r="C20" s="96">
        <v>72</v>
      </c>
      <c r="D20" s="97">
        <v>63</v>
      </c>
      <c r="E20" s="98">
        <v>135</v>
      </c>
      <c r="F20" s="413">
        <v>0</v>
      </c>
      <c r="G20" s="97">
        <v>100</v>
      </c>
      <c r="H20" s="97">
        <v>122</v>
      </c>
      <c r="I20" s="97">
        <v>71</v>
      </c>
      <c r="J20" s="97">
        <v>40</v>
      </c>
      <c r="K20" s="97">
        <v>30</v>
      </c>
      <c r="L20" s="99">
        <v>363</v>
      </c>
      <c r="M20" s="100">
        <v>498</v>
      </c>
      <c r="N20" s="101">
        <v>1</v>
      </c>
      <c r="O20" s="102">
        <v>2</v>
      </c>
      <c r="P20" s="103">
        <v>3</v>
      </c>
      <c r="Q20" s="413">
        <v>0</v>
      </c>
      <c r="R20" s="102">
        <v>1</v>
      </c>
      <c r="S20" s="102">
        <v>0</v>
      </c>
      <c r="T20" s="102">
        <v>3</v>
      </c>
      <c r="U20" s="102">
        <v>0</v>
      </c>
      <c r="V20" s="102">
        <v>0</v>
      </c>
      <c r="W20" s="103">
        <v>4</v>
      </c>
      <c r="X20" s="104">
        <v>7</v>
      </c>
      <c r="Y20" s="101">
        <v>2</v>
      </c>
      <c r="Z20" s="102">
        <v>3</v>
      </c>
      <c r="AA20" s="103">
        <v>5</v>
      </c>
      <c r="AB20" s="413">
        <v>0</v>
      </c>
      <c r="AC20" s="102">
        <v>1</v>
      </c>
      <c r="AD20" s="102">
        <v>6</v>
      </c>
      <c r="AE20" s="102">
        <v>3</v>
      </c>
      <c r="AF20" s="102">
        <v>2</v>
      </c>
      <c r="AG20" s="102">
        <v>2</v>
      </c>
      <c r="AH20" s="103">
        <v>14</v>
      </c>
      <c r="AI20" s="104">
        <v>19</v>
      </c>
      <c r="AJ20" s="101">
        <v>5</v>
      </c>
      <c r="AK20" s="102">
        <v>10</v>
      </c>
      <c r="AL20" s="103">
        <v>15</v>
      </c>
      <c r="AM20" s="413">
        <v>0</v>
      </c>
      <c r="AN20" s="102">
        <v>15</v>
      </c>
      <c r="AO20" s="102">
        <v>10</v>
      </c>
      <c r="AP20" s="102">
        <v>7</v>
      </c>
      <c r="AQ20" s="102">
        <v>1</v>
      </c>
      <c r="AR20" s="102">
        <v>4</v>
      </c>
      <c r="AS20" s="103">
        <v>37</v>
      </c>
      <c r="AT20" s="104">
        <v>52</v>
      </c>
      <c r="AU20" s="101">
        <v>16</v>
      </c>
      <c r="AV20" s="102">
        <v>20</v>
      </c>
      <c r="AW20" s="103">
        <v>36</v>
      </c>
      <c r="AX20" s="413">
        <v>0</v>
      </c>
      <c r="AY20" s="102">
        <v>22</v>
      </c>
      <c r="AZ20" s="102">
        <v>35</v>
      </c>
      <c r="BA20" s="102">
        <v>12</v>
      </c>
      <c r="BB20" s="102">
        <v>9</v>
      </c>
      <c r="BC20" s="102">
        <v>3</v>
      </c>
      <c r="BD20" s="103">
        <v>81</v>
      </c>
      <c r="BE20" s="104">
        <v>117</v>
      </c>
      <c r="BF20" s="101">
        <v>29</v>
      </c>
      <c r="BG20" s="102">
        <v>12</v>
      </c>
      <c r="BH20" s="103">
        <v>41</v>
      </c>
      <c r="BI20" s="413">
        <v>0</v>
      </c>
      <c r="BJ20" s="102">
        <v>33</v>
      </c>
      <c r="BK20" s="102">
        <v>36</v>
      </c>
      <c r="BL20" s="102">
        <v>23</v>
      </c>
      <c r="BM20" s="102">
        <v>16</v>
      </c>
      <c r="BN20" s="102">
        <v>5</v>
      </c>
      <c r="BO20" s="103">
        <v>113</v>
      </c>
      <c r="BP20" s="104">
        <v>154</v>
      </c>
      <c r="BQ20" s="101">
        <v>19</v>
      </c>
      <c r="BR20" s="102">
        <v>16</v>
      </c>
      <c r="BS20" s="103">
        <v>35</v>
      </c>
      <c r="BT20" s="413">
        <v>0</v>
      </c>
      <c r="BU20" s="102">
        <v>28</v>
      </c>
      <c r="BV20" s="102">
        <v>35</v>
      </c>
      <c r="BW20" s="102">
        <v>23</v>
      </c>
      <c r="BX20" s="102">
        <v>12</v>
      </c>
      <c r="BY20" s="102">
        <v>16</v>
      </c>
      <c r="BZ20" s="103">
        <v>114</v>
      </c>
      <c r="CA20" s="104">
        <v>149</v>
      </c>
      <c r="CB20" s="101">
        <v>0</v>
      </c>
      <c r="CC20" s="102">
        <v>0</v>
      </c>
      <c r="CD20" s="103">
        <v>0</v>
      </c>
      <c r="CE20" s="413">
        <v>0</v>
      </c>
      <c r="CF20" s="102">
        <v>0</v>
      </c>
      <c r="CG20" s="102">
        <v>0</v>
      </c>
      <c r="CH20" s="102">
        <v>0</v>
      </c>
      <c r="CI20" s="102">
        <v>0</v>
      </c>
      <c r="CJ20" s="102">
        <v>0</v>
      </c>
      <c r="CK20" s="103">
        <v>0</v>
      </c>
      <c r="CL20" s="104">
        <v>0</v>
      </c>
      <c r="CM20" s="101">
        <v>72</v>
      </c>
      <c r="CN20" s="102">
        <v>63</v>
      </c>
      <c r="CO20" s="103">
        <v>135</v>
      </c>
      <c r="CP20" s="413">
        <v>0</v>
      </c>
      <c r="CQ20" s="102">
        <v>100</v>
      </c>
      <c r="CR20" s="102">
        <v>122</v>
      </c>
      <c r="CS20" s="102">
        <v>71</v>
      </c>
      <c r="CT20" s="102">
        <v>40</v>
      </c>
      <c r="CU20" s="102">
        <v>30</v>
      </c>
      <c r="CV20" s="103">
        <v>363</v>
      </c>
      <c r="CW20" s="104">
        <v>498</v>
      </c>
      <c r="CX20" s="105">
        <v>8</v>
      </c>
      <c r="CY20" s="97">
        <v>10</v>
      </c>
      <c r="CZ20" s="98">
        <v>18</v>
      </c>
      <c r="DA20" s="413">
        <v>0</v>
      </c>
      <c r="DB20" s="97">
        <v>15</v>
      </c>
      <c r="DC20" s="97">
        <v>23</v>
      </c>
      <c r="DD20" s="97">
        <v>8</v>
      </c>
      <c r="DE20" s="97">
        <v>8</v>
      </c>
      <c r="DF20" s="97">
        <v>7</v>
      </c>
      <c r="DG20" s="99">
        <v>61</v>
      </c>
      <c r="DH20" s="100">
        <v>79</v>
      </c>
      <c r="DI20" s="101">
        <v>0</v>
      </c>
      <c r="DJ20" s="102">
        <v>0</v>
      </c>
      <c r="DK20" s="103">
        <v>0</v>
      </c>
      <c r="DL20" s="413">
        <v>0</v>
      </c>
      <c r="DM20" s="102">
        <v>0</v>
      </c>
      <c r="DN20" s="102">
        <v>1</v>
      </c>
      <c r="DO20" s="102">
        <v>1</v>
      </c>
      <c r="DP20" s="102">
        <v>0</v>
      </c>
      <c r="DQ20" s="102">
        <v>0</v>
      </c>
      <c r="DR20" s="103">
        <v>2</v>
      </c>
      <c r="DS20" s="104">
        <v>2</v>
      </c>
      <c r="DT20" s="101">
        <v>0</v>
      </c>
      <c r="DU20" s="102">
        <v>0</v>
      </c>
      <c r="DV20" s="103">
        <v>0</v>
      </c>
      <c r="DW20" s="413">
        <v>0</v>
      </c>
      <c r="DX20" s="102">
        <v>1</v>
      </c>
      <c r="DY20" s="102">
        <v>0</v>
      </c>
      <c r="DZ20" s="102">
        <v>0</v>
      </c>
      <c r="EA20" s="102">
        <v>1</v>
      </c>
      <c r="EB20" s="102">
        <v>0</v>
      </c>
      <c r="EC20" s="103">
        <v>2</v>
      </c>
      <c r="ED20" s="104">
        <v>2</v>
      </c>
      <c r="EE20" s="101">
        <v>3</v>
      </c>
      <c r="EF20" s="102">
        <v>1</v>
      </c>
      <c r="EG20" s="103">
        <v>4</v>
      </c>
      <c r="EH20" s="413">
        <v>0</v>
      </c>
      <c r="EI20" s="102">
        <v>2</v>
      </c>
      <c r="EJ20" s="102">
        <v>2</v>
      </c>
      <c r="EK20" s="102">
        <v>0</v>
      </c>
      <c r="EL20" s="102">
        <v>0</v>
      </c>
      <c r="EM20" s="102">
        <v>1</v>
      </c>
      <c r="EN20" s="103">
        <v>5</v>
      </c>
      <c r="EO20" s="104">
        <v>9</v>
      </c>
      <c r="EP20" s="101">
        <v>4</v>
      </c>
      <c r="EQ20" s="102">
        <v>4</v>
      </c>
      <c r="ER20" s="103">
        <v>8</v>
      </c>
      <c r="ES20" s="413">
        <v>0</v>
      </c>
      <c r="ET20" s="102">
        <v>3</v>
      </c>
      <c r="EU20" s="102">
        <v>4</v>
      </c>
      <c r="EV20" s="102">
        <v>0</v>
      </c>
      <c r="EW20" s="102">
        <v>2</v>
      </c>
      <c r="EX20" s="102">
        <v>1</v>
      </c>
      <c r="EY20" s="103">
        <v>10</v>
      </c>
      <c r="EZ20" s="104">
        <v>18</v>
      </c>
      <c r="FA20" s="101">
        <v>1</v>
      </c>
      <c r="FB20" s="102">
        <v>3</v>
      </c>
      <c r="FC20" s="103">
        <v>4</v>
      </c>
      <c r="FD20" s="413">
        <v>0</v>
      </c>
      <c r="FE20" s="102">
        <v>7</v>
      </c>
      <c r="FF20" s="102">
        <v>8</v>
      </c>
      <c r="FG20" s="102">
        <v>3</v>
      </c>
      <c r="FH20" s="102">
        <v>2</v>
      </c>
      <c r="FI20" s="102">
        <v>1</v>
      </c>
      <c r="FJ20" s="103">
        <v>21</v>
      </c>
      <c r="FK20" s="104">
        <v>25</v>
      </c>
      <c r="FL20" s="101">
        <v>0</v>
      </c>
      <c r="FM20" s="102">
        <v>2</v>
      </c>
      <c r="FN20" s="103">
        <v>2</v>
      </c>
      <c r="FO20" s="413">
        <v>0</v>
      </c>
      <c r="FP20" s="102">
        <v>2</v>
      </c>
      <c r="FQ20" s="102">
        <v>8</v>
      </c>
      <c r="FR20" s="102">
        <v>4</v>
      </c>
      <c r="FS20" s="102">
        <v>3</v>
      </c>
      <c r="FT20" s="102">
        <v>4</v>
      </c>
      <c r="FU20" s="103">
        <v>21</v>
      </c>
      <c r="FV20" s="104">
        <v>23</v>
      </c>
      <c r="FW20" s="101">
        <v>0</v>
      </c>
      <c r="FX20" s="102">
        <v>0</v>
      </c>
      <c r="FY20" s="103">
        <v>0</v>
      </c>
      <c r="FZ20" s="413">
        <v>0</v>
      </c>
      <c r="GA20" s="102">
        <v>0</v>
      </c>
      <c r="GB20" s="102">
        <v>0</v>
      </c>
      <c r="GC20" s="102">
        <v>0</v>
      </c>
      <c r="GD20" s="102">
        <v>0</v>
      </c>
      <c r="GE20" s="102">
        <v>0</v>
      </c>
      <c r="GF20" s="103">
        <v>0</v>
      </c>
      <c r="GG20" s="104">
        <v>0</v>
      </c>
      <c r="GH20" s="101">
        <v>8</v>
      </c>
      <c r="GI20" s="102">
        <v>10</v>
      </c>
      <c r="GJ20" s="103">
        <v>18</v>
      </c>
      <c r="GK20" s="413">
        <v>0</v>
      </c>
      <c r="GL20" s="102">
        <v>15</v>
      </c>
      <c r="GM20" s="102">
        <v>23</v>
      </c>
      <c r="GN20" s="102">
        <v>8</v>
      </c>
      <c r="GO20" s="102">
        <v>8</v>
      </c>
      <c r="GP20" s="102">
        <v>7</v>
      </c>
      <c r="GQ20" s="103">
        <v>61</v>
      </c>
      <c r="GR20" s="104">
        <v>79</v>
      </c>
      <c r="GS20" s="105">
        <v>80</v>
      </c>
      <c r="GT20" s="97">
        <v>73</v>
      </c>
      <c r="GU20" s="98">
        <v>153</v>
      </c>
      <c r="GV20" s="413">
        <v>0</v>
      </c>
      <c r="GW20" s="97">
        <v>115</v>
      </c>
      <c r="GX20" s="97">
        <v>145</v>
      </c>
      <c r="GY20" s="97">
        <v>79</v>
      </c>
      <c r="GZ20" s="97">
        <v>48</v>
      </c>
      <c r="HA20" s="97">
        <v>37</v>
      </c>
      <c r="HB20" s="99">
        <v>424</v>
      </c>
      <c r="HC20" s="100">
        <v>577</v>
      </c>
      <c r="HD20" s="101">
        <v>1</v>
      </c>
      <c r="HE20" s="102">
        <v>2</v>
      </c>
      <c r="HF20" s="103">
        <v>3</v>
      </c>
      <c r="HG20" s="413">
        <v>0</v>
      </c>
      <c r="HH20" s="102">
        <v>1</v>
      </c>
      <c r="HI20" s="102">
        <v>1</v>
      </c>
      <c r="HJ20" s="102">
        <v>4</v>
      </c>
      <c r="HK20" s="102">
        <v>0</v>
      </c>
      <c r="HL20" s="102">
        <v>0</v>
      </c>
      <c r="HM20" s="103">
        <v>6</v>
      </c>
      <c r="HN20" s="104">
        <v>9</v>
      </c>
      <c r="HO20" s="101">
        <v>2</v>
      </c>
      <c r="HP20" s="102">
        <v>3</v>
      </c>
      <c r="HQ20" s="103">
        <v>5</v>
      </c>
      <c r="HR20" s="413">
        <v>0</v>
      </c>
      <c r="HS20" s="102">
        <v>2</v>
      </c>
      <c r="HT20" s="102">
        <v>6</v>
      </c>
      <c r="HU20" s="102">
        <v>3</v>
      </c>
      <c r="HV20" s="102">
        <v>3</v>
      </c>
      <c r="HW20" s="102">
        <v>2</v>
      </c>
      <c r="HX20" s="103">
        <v>16</v>
      </c>
      <c r="HY20" s="104">
        <v>21</v>
      </c>
      <c r="HZ20" s="101">
        <v>8</v>
      </c>
      <c r="IA20" s="102">
        <v>11</v>
      </c>
      <c r="IB20" s="103">
        <v>19</v>
      </c>
      <c r="IC20" s="413">
        <v>0</v>
      </c>
      <c r="ID20" s="102">
        <v>17</v>
      </c>
      <c r="IE20" s="102">
        <v>12</v>
      </c>
      <c r="IF20" s="102">
        <v>7</v>
      </c>
      <c r="IG20" s="102">
        <v>1</v>
      </c>
      <c r="IH20" s="102">
        <v>5</v>
      </c>
      <c r="II20" s="103">
        <v>42</v>
      </c>
      <c r="IJ20" s="104">
        <v>61</v>
      </c>
      <c r="IK20" s="101">
        <v>20</v>
      </c>
      <c r="IL20" s="102">
        <v>24</v>
      </c>
      <c r="IM20" s="103">
        <v>44</v>
      </c>
      <c r="IN20" s="413">
        <v>0</v>
      </c>
      <c r="IO20" s="102">
        <v>25</v>
      </c>
      <c r="IP20" s="102">
        <v>39</v>
      </c>
      <c r="IQ20" s="102">
        <v>12</v>
      </c>
      <c r="IR20" s="102">
        <v>11</v>
      </c>
      <c r="IS20" s="102">
        <v>4</v>
      </c>
      <c r="IT20" s="103">
        <v>91</v>
      </c>
      <c r="IU20" s="104">
        <v>135</v>
      </c>
      <c r="IV20" s="101">
        <v>30</v>
      </c>
      <c r="IW20" s="102">
        <v>15</v>
      </c>
      <c r="IX20" s="103">
        <v>45</v>
      </c>
      <c r="IY20" s="413">
        <v>0</v>
      </c>
      <c r="IZ20" s="102">
        <v>40</v>
      </c>
      <c r="JA20" s="102">
        <v>44</v>
      </c>
      <c r="JB20" s="102">
        <v>26</v>
      </c>
      <c r="JC20" s="102">
        <v>18</v>
      </c>
      <c r="JD20" s="102">
        <v>6</v>
      </c>
      <c r="JE20" s="103">
        <v>134</v>
      </c>
      <c r="JF20" s="104">
        <v>179</v>
      </c>
      <c r="JG20" s="101">
        <v>19</v>
      </c>
      <c r="JH20" s="102">
        <v>18</v>
      </c>
      <c r="JI20" s="103">
        <v>37</v>
      </c>
      <c r="JJ20" s="413">
        <v>0</v>
      </c>
      <c r="JK20" s="102">
        <v>30</v>
      </c>
      <c r="JL20" s="102">
        <v>43</v>
      </c>
      <c r="JM20" s="102">
        <v>27</v>
      </c>
      <c r="JN20" s="102">
        <v>15</v>
      </c>
      <c r="JO20" s="102">
        <v>20</v>
      </c>
      <c r="JP20" s="103">
        <v>135</v>
      </c>
      <c r="JQ20" s="104">
        <v>172</v>
      </c>
      <c r="JR20" s="101">
        <v>0</v>
      </c>
      <c r="JS20" s="102">
        <v>0</v>
      </c>
      <c r="JT20" s="103">
        <v>0</v>
      </c>
      <c r="JU20" s="413">
        <v>0</v>
      </c>
      <c r="JV20" s="102">
        <v>0</v>
      </c>
      <c r="JW20" s="102">
        <v>0</v>
      </c>
      <c r="JX20" s="102">
        <v>0</v>
      </c>
      <c r="JY20" s="102">
        <v>0</v>
      </c>
      <c r="JZ20" s="102">
        <v>0</v>
      </c>
      <c r="KA20" s="103">
        <v>0</v>
      </c>
      <c r="KB20" s="104">
        <v>0</v>
      </c>
      <c r="KC20" s="101">
        <v>80</v>
      </c>
      <c r="KD20" s="102">
        <v>73</v>
      </c>
      <c r="KE20" s="103">
        <v>153</v>
      </c>
      <c r="KF20" s="413">
        <v>0</v>
      </c>
      <c r="KG20" s="102">
        <v>115</v>
      </c>
      <c r="KH20" s="102">
        <v>145</v>
      </c>
      <c r="KI20" s="102">
        <v>79</v>
      </c>
      <c r="KJ20" s="102">
        <v>48</v>
      </c>
      <c r="KK20" s="102">
        <v>37</v>
      </c>
      <c r="KL20" s="103">
        <v>424</v>
      </c>
      <c r="KM20" s="104">
        <v>577</v>
      </c>
    </row>
    <row r="21" spans="2:299" s="70" customFormat="1" ht="21" customHeight="1" x14ac:dyDescent="0.2">
      <c r="B21" s="106" t="s">
        <v>18</v>
      </c>
      <c r="C21" s="96">
        <v>73</v>
      </c>
      <c r="D21" s="97">
        <v>73</v>
      </c>
      <c r="E21" s="98">
        <v>146</v>
      </c>
      <c r="F21" s="413">
        <v>0</v>
      </c>
      <c r="G21" s="97">
        <v>158</v>
      </c>
      <c r="H21" s="97">
        <v>114</v>
      </c>
      <c r="I21" s="97">
        <v>88</v>
      </c>
      <c r="J21" s="97">
        <v>58</v>
      </c>
      <c r="K21" s="97">
        <v>35</v>
      </c>
      <c r="L21" s="99">
        <v>453</v>
      </c>
      <c r="M21" s="100">
        <v>599</v>
      </c>
      <c r="N21" s="101">
        <v>2</v>
      </c>
      <c r="O21" s="102">
        <v>1</v>
      </c>
      <c r="P21" s="103">
        <v>3</v>
      </c>
      <c r="Q21" s="413">
        <v>0</v>
      </c>
      <c r="R21" s="102">
        <v>4</v>
      </c>
      <c r="S21" s="102">
        <v>0</v>
      </c>
      <c r="T21" s="102">
        <v>1</v>
      </c>
      <c r="U21" s="102">
        <v>2</v>
      </c>
      <c r="V21" s="102">
        <v>2</v>
      </c>
      <c r="W21" s="103">
        <v>9</v>
      </c>
      <c r="X21" s="104">
        <v>12</v>
      </c>
      <c r="Y21" s="101">
        <v>3</v>
      </c>
      <c r="Z21" s="102">
        <v>4</v>
      </c>
      <c r="AA21" s="103">
        <v>7</v>
      </c>
      <c r="AB21" s="413">
        <v>0</v>
      </c>
      <c r="AC21" s="102">
        <v>6</v>
      </c>
      <c r="AD21" s="102">
        <v>9</v>
      </c>
      <c r="AE21" s="102">
        <v>3</v>
      </c>
      <c r="AF21" s="102">
        <v>3</v>
      </c>
      <c r="AG21" s="102">
        <v>5</v>
      </c>
      <c r="AH21" s="103">
        <v>26</v>
      </c>
      <c r="AI21" s="104">
        <v>33</v>
      </c>
      <c r="AJ21" s="101">
        <v>8</v>
      </c>
      <c r="AK21" s="102">
        <v>11</v>
      </c>
      <c r="AL21" s="103">
        <v>19</v>
      </c>
      <c r="AM21" s="413">
        <v>0</v>
      </c>
      <c r="AN21" s="102">
        <v>17</v>
      </c>
      <c r="AO21" s="102">
        <v>8</v>
      </c>
      <c r="AP21" s="102">
        <v>8</v>
      </c>
      <c r="AQ21" s="102">
        <v>2</v>
      </c>
      <c r="AR21" s="102">
        <v>3</v>
      </c>
      <c r="AS21" s="103">
        <v>38</v>
      </c>
      <c r="AT21" s="104">
        <v>57</v>
      </c>
      <c r="AU21" s="101">
        <v>14</v>
      </c>
      <c r="AV21" s="102">
        <v>9</v>
      </c>
      <c r="AW21" s="103">
        <v>23</v>
      </c>
      <c r="AX21" s="413">
        <v>0</v>
      </c>
      <c r="AY21" s="102">
        <v>36</v>
      </c>
      <c r="AZ21" s="102">
        <v>18</v>
      </c>
      <c r="BA21" s="102">
        <v>8</v>
      </c>
      <c r="BB21" s="102">
        <v>9</v>
      </c>
      <c r="BC21" s="102">
        <v>6</v>
      </c>
      <c r="BD21" s="103">
        <v>77</v>
      </c>
      <c r="BE21" s="104">
        <v>100</v>
      </c>
      <c r="BF21" s="101">
        <v>25</v>
      </c>
      <c r="BG21" s="102">
        <v>23</v>
      </c>
      <c r="BH21" s="103">
        <v>48</v>
      </c>
      <c r="BI21" s="413">
        <v>0</v>
      </c>
      <c r="BJ21" s="102">
        <v>51</v>
      </c>
      <c r="BK21" s="102">
        <v>32</v>
      </c>
      <c r="BL21" s="102">
        <v>35</v>
      </c>
      <c r="BM21" s="102">
        <v>24</v>
      </c>
      <c r="BN21" s="102">
        <v>8</v>
      </c>
      <c r="BO21" s="103">
        <v>150</v>
      </c>
      <c r="BP21" s="104">
        <v>198</v>
      </c>
      <c r="BQ21" s="101">
        <v>21</v>
      </c>
      <c r="BR21" s="102">
        <v>25</v>
      </c>
      <c r="BS21" s="103">
        <v>46</v>
      </c>
      <c r="BT21" s="413">
        <v>0</v>
      </c>
      <c r="BU21" s="102">
        <v>44</v>
      </c>
      <c r="BV21" s="102">
        <v>47</v>
      </c>
      <c r="BW21" s="102">
        <v>33</v>
      </c>
      <c r="BX21" s="102">
        <v>18</v>
      </c>
      <c r="BY21" s="102">
        <v>11</v>
      </c>
      <c r="BZ21" s="103">
        <v>153</v>
      </c>
      <c r="CA21" s="104">
        <v>199</v>
      </c>
      <c r="CB21" s="101">
        <v>0</v>
      </c>
      <c r="CC21" s="102">
        <v>0</v>
      </c>
      <c r="CD21" s="103">
        <v>0</v>
      </c>
      <c r="CE21" s="413">
        <v>0</v>
      </c>
      <c r="CF21" s="102">
        <v>0</v>
      </c>
      <c r="CG21" s="102">
        <v>0</v>
      </c>
      <c r="CH21" s="102">
        <v>0</v>
      </c>
      <c r="CI21" s="102">
        <v>0</v>
      </c>
      <c r="CJ21" s="102">
        <v>0</v>
      </c>
      <c r="CK21" s="103">
        <v>0</v>
      </c>
      <c r="CL21" s="104">
        <v>0</v>
      </c>
      <c r="CM21" s="101">
        <v>73</v>
      </c>
      <c r="CN21" s="102">
        <v>73</v>
      </c>
      <c r="CO21" s="103">
        <v>146</v>
      </c>
      <c r="CP21" s="413">
        <v>0</v>
      </c>
      <c r="CQ21" s="102">
        <v>158</v>
      </c>
      <c r="CR21" s="102">
        <v>114</v>
      </c>
      <c r="CS21" s="102">
        <v>88</v>
      </c>
      <c r="CT21" s="102">
        <v>58</v>
      </c>
      <c r="CU21" s="102">
        <v>35</v>
      </c>
      <c r="CV21" s="103">
        <v>453</v>
      </c>
      <c r="CW21" s="104">
        <v>599</v>
      </c>
      <c r="CX21" s="105">
        <v>9</v>
      </c>
      <c r="CY21" s="97">
        <v>24</v>
      </c>
      <c r="CZ21" s="98">
        <v>33</v>
      </c>
      <c r="DA21" s="413">
        <v>0</v>
      </c>
      <c r="DB21" s="97">
        <v>20</v>
      </c>
      <c r="DC21" s="97">
        <v>17</v>
      </c>
      <c r="DD21" s="97">
        <v>12</v>
      </c>
      <c r="DE21" s="97">
        <v>11</v>
      </c>
      <c r="DF21" s="97">
        <v>7</v>
      </c>
      <c r="DG21" s="99">
        <v>67</v>
      </c>
      <c r="DH21" s="100">
        <v>100</v>
      </c>
      <c r="DI21" s="101">
        <v>1</v>
      </c>
      <c r="DJ21" s="102">
        <v>1</v>
      </c>
      <c r="DK21" s="103">
        <v>2</v>
      </c>
      <c r="DL21" s="413">
        <v>0</v>
      </c>
      <c r="DM21" s="102">
        <v>0</v>
      </c>
      <c r="DN21" s="102">
        <v>1</v>
      </c>
      <c r="DO21" s="102">
        <v>1</v>
      </c>
      <c r="DP21" s="102">
        <v>0</v>
      </c>
      <c r="DQ21" s="102">
        <v>1</v>
      </c>
      <c r="DR21" s="103">
        <v>3</v>
      </c>
      <c r="DS21" s="104">
        <v>5</v>
      </c>
      <c r="DT21" s="101">
        <v>1</v>
      </c>
      <c r="DU21" s="102">
        <v>2</v>
      </c>
      <c r="DV21" s="103">
        <v>3</v>
      </c>
      <c r="DW21" s="413">
        <v>0</v>
      </c>
      <c r="DX21" s="102">
        <v>1</v>
      </c>
      <c r="DY21" s="102">
        <v>1</v>
      </c>
      <c r="DZ21" s="102">
        <v>1</v>
      </c>
      <c r="EA21" s="102">
        <v>0</v>
      </c>
      <c r="EB21" s="102">
        <v>0</v>
      </c>
      <c r="EC21" s="103">
        <v>3</v>
      </c>
      <c r="ED21" s="104">
        <v>6</v>
      </c>
      <c r="EE21" s="101">
        <v>1</v>
      </c>
      <c r="EF21" s="102">
        <v>10</v>
      </c>
      <c r="EG21" s="103">
        <v>11</v>
      </c>
      <c r="EH21" s="413">
        <v>0</v>
      </c>
      <c r="EI21" s="102">
        <v>1</v>
      </c>
      <c r="EJ21" s="102">
        <v>1</v>
      </c>
      <c r="EK21" s="102">
        <v>0</v>
      </c>
      <c r="EL21" s="102">
        <v>0</v>
      </c>
      <c r="EM21" s="102">
        <v>0</v>
      </c>
      <c r="EN21" s="103">
        <v>2</v>
      </c>
      <c r="EO21" s="104">
        <v>13</v>
      </c>
      <c r="EP21" s="101">
        <v>2</v>
      </c>
      <c r="EQ21" s="102">
        <v>4</v>
      </c>
      <c r="ER21" s="103">
        <v>6</v>
      </c>
      <c r="ES21" s="413">
        <v>0</v>
      </c>
      <c r="ET21" s="102">
        <v>9</v>
      </c>
      <c r="EU21" s="102">
        <v>2</v>
      </c>
      <c r="EV21" s="102">
        <v>4</v>
      </c>
      <c r="EW21" s="102">
        <v>1</v>
      </c>
      <c r="EX21" s="102">
        <v>1</v>
      </c>
      <c r="EY21" s="103">
        <v>17</v>
      </c>
      <c r="EZ21" s="104">
        <v>23</v>
      </c>
      <c r="FA21" s="101">
        <v>2</v>
      </c>
      <c r="FB21" s="102">
        <v>4</v>
      </c>
      <c r="FC21" s="103">
        <v>6</v>
      </c>
      <c r="FD21" s="413">
        <v>0</v>
      </c>
      <c r="FE21" s="102">
        <v>1</v>
      </c>
      <c r="FF21" s="102">
        <v>7</v>
      </c>
      <c r="FG21" s="102">
        <v>3</v>
      </c>
      <c r="FH21" s="102">
        <v>2</v>
      </c>
      <c r="FI21" s="102">
        <v>1</v>
      </c>
      <c r="FJ21" s="103">
        <v>14</v>
      </c>
      <c r="FK21" s="104">
        <v>20</v>
      </c>
      <c r="FL21" s="101">
        <v>2</v>
      </c>
      <c r="FM21" s="102">
        <v>3</v>
      </c>
      <c r="FN21" s="103">
        <v>5</v>
      </c>
      <c r="FO21" s="413">
        <v>0</v>
      </c>
      <c r="FP21" s="102">
        <v>8</v>
      </c>
      <c r="FQ21" s="102">
        <v>5</v>
      </c>
      <c r="FR21" s="102">
        <v>3</v>
      </c>
      <c r="FS21" s="102">
        <v>8</v>
      </c>
      <c r="FT21" s="102">
        <v>4</v>
      </c>
      <c r="FU21" s="103">
        <v>28</v>
      </c>
      <c r="FV21" s="104">
        <v>33</v>
      </c>
      <c r="FW21" s="101">
        <v>0</v>
      </c>
      <c r="FX21" s="102">
        <v>0</v>
      </c>
      <c r="FY21" s="103">
        <v>0</v>
      </c>
      <c r="FZ21" s="413">
        <v>0</v>
      </c>
      <c r="GA21" s="102">
        <v>0</v>
      </c>
      <c r="GB21" s="102">
        <v>0</v>
      </c>
      <c r="GC21" s="102">
        <v>0</v>
      </c>
      <c r="GD21" s="102">
        <v>0</v>
      </c>
      <c r="GE21" s="102">
        <v>0</v>
      </c>
      <c r="GF21" s="103">
        <v>0</v>
      </c>
      <c r="GG21" s="104">
        <v>0</v>
      </c>
      <c r="GH21" s="101">
        <v>9</v>
      </c>
      <c r="GI21" s="102">
        <v>24</v>
      </c>
      <c r="GJ21" s="103">
        <v>33</v>
      </c>
      <c r="GK21" s="413">
        <v>0</v>
      </c>
      <c r="GL21" s="102">
        <v>20</v>
      </c>
      <c r="GM21" s="102">
        <v>17</v>
      </c>
      <c r="GN21" s="102">
        <v>12</v>
      </c>
      <c r="GO21" s="102">
        <v>11</v>
      </c>
      <c r="GP21" s="102">
        <v>7</v>
      </c>
      <c r="GQ21" s="103">
        <v>67</v>
      </c>
      <c r="GR21" s="104">
        <v>100</v>
      </c>
      <c r="GS21" s="105">
        <v>82</v>
      </c>
      <c r="GT21" s="97">
        <v>97</v>
      </c>
      <c r="GU21" s="98">
        <v>179</v>
      </c>
      <c r="GV21" s="413">
        <v>0</v>
      </c>
      <c r="GW21" s="97">
        <v>178</v>
      </c>
      <c r="GX21" s="97">
        <v>131</v>
      </c>
      <c r="GY21" s="97">
        <v>100</v>
      </c>
      <c r="GZ21" s="97">
        <v>69</v>
      </c>
      <c r="HA21" s="97">
        <v>42</v>
      </c>
      <c r="HB21" s="99">
        <v>520</v>
      </c>
      <c r="HC21" s="100">
        <v>699</v>
      </c>
      <c r="HD21" s="101">
        <v>3</v>
      </c>
      <c r="HE21" s="102">
        <v>2</v>
      </c>
      <c r="HF21" s="103">
        <v>5</v>
      </c>
      <c r="HG21" s="413">
        <v>0</v>
      </c>
      <c r="HH21" s="102">
        <v>4</v>
      </c>
      <c r="HI21" s="102">
        <v>1</v>
      </c>
      <c r="HJ21" s="102">
        <v>2</v>
      </c>
      <c r="HK21" s="102">
        <v>2</v>
      </c>
      <c r="HL21" s="102">
        <v>3</v>
      </c>
      <c r="HM21" s="103">
        <v>12</v>
      </c>
      <c r="HN21" s="104">
        <v>17</v>
      </c>
      <c r="HO21" s="101">
        <v>4</v>
      </c>
      <c r="HP21" s="102">
        <v>6</v>
      </c>
      <c r="HQ21" s="103">
        <v>10</v>
      </c>
      <c r="HR21" s="413">
        <v>0</v>
      </c>
      <c r="HS21" s="102">
        <v>7</v>
      </c>
      <c r="HT21" s="102">
        <v>10</v>
      </c>
      <c r="HU21" s="102">
        <v>4</v>
      </c>
      <c r="HV21" s="102">
        <v>3</v>
      </c>
      <c r="HW21" s="102">
        <v>5</v>
      </c>
      <c r="HX21" s="103">
        <v>29</v>
      </c>
      <c r="HY21" s="104">
        <v>39</v>
      </c>
      <c r="HZ21" s="101">
        <v>9</v>
      </c>
      <c r="IA21" s="102">
        <v>21</v>
      </c>
      <c r="IB21" s="103">
        <v>30</v>
      </c>
      <c r="IC21" s="413">
        <v>0</v>
      </c>
      <c r="ID21" s="102">
        <v>18</v>
      </c>
      <c r="IE21" s="102">
        <v>9</v>
      </c>
      <c r="IF21" s="102">
        <v>8</v>
      </c>
      <c r="IG21" s="102">
        <v>2</v>
      </c>
      <c r="IH21" s="102">
        <v>3</v>
      </c>
      <c r="II21" s="103">
        <v>40</v>
      </c>
      <c r="IJ21" s="104">
        <v>70</v>
      </c>
      <c r="IK21" s="101">
        <v>16</v>
      </c>
      <c r="IL21" s="102">
        <v>13</v>
      </c>
      <c r="IM21" s="103">
        <v>29</v>
      </c>
      <c r="IN21" s="413">
        <v>0</v>
      </c>
      <c r="IO21" s="102">
        <v>45</v>
      </c>
      <c r="IP21" s="102">
        <v>20</v>
      </c>
      <c r="IQ21" s="102">
        <v>12</v>
      </c>
      <c r="IR21" s="102">
        <v>10</v>
      </c>
      <c r="IS21" s="102">
        <v>7</v>
      </c>
      <c r="IT21" s="103">
        <v>94</v>
      </c>
      <c r="IU21" s="104">
        <v>123</v>
      </c>
      <c r="IV21" s="101">
        <v>27</v>
      </c>
      <c r="IW21" s="102">
        <v>27</v>
      </c>
      <c r="IX21" s="103">
        <v>54</v>
      </c>
      <c r="IY21" s="413">
        <v>0</v>
      </c>
      <c r="IZ21" s="102">
        <v>52</v>
      </c>
      <c r="JA21" s="102">
        <v>39</v>
      </c>
      <c r="JB21" s="102">
        <v>38</v>
      </c>
      <c r="JC21" s="102">
        <v>26</v>
      </c>
      <c r="JD21" s="102">
        <v>9</v>
      </c>
      <c r="JE21" s="103">
        <v>164</v>
      </c>
      <c r="JF21" s="104">
        <v>218</v>
      </c>
      <c r="JG21" s="101">
        <v>23</v>
      </c>
      <c r="JH21" s="102">
        <v>28</v>
      </c>
      <c r="JI21" s="103">
        <v>51</v>
      </c>
      <c r="JJ21" s="413">
        <v>0</v>
      </c>
      <c r="JK21" s="102">
        <v>52</v>
      </c>
      <c r="JL21" s="102">
        <v>52</v>
      </c>
      <c r="JM21" s="102">
        <v>36</v>
      </c>
      <c r="JN21" s="102">
        <v>26</v>
      </c>
      <c r="JO21" s="102">
        <v>15</v>
      </c>
      <c r="JP21" s="103">
        <v>181</v>
      </c>
      <c r="JQ21" s="104">
        <v>232</v>
      </c>
      <c r="JR21" s="101">
        <v>0</v>
      </c>
      <c r="JS21" s="102">
        <v>0</v>
      </c>
      <c r="JT21" s="103">
        <v>0</v>
      </c>
      <c r="JU21" s="413">
        <v>0</v>
      </c>
      <c r="JV21" s="102">
        <v>0</v>
      </c>
      <c r="JW21" s="102">
        <v>0</v>
      </c>
      <c r="JX21" s="102">
        <v>0</v>
      </c>
      <c r="JY21" s="102">
        <v>0</v>
      </c>
      <c r="JZ21" s="102">
        <v>0</v>
      </c>
      <c r="KA21" s="103">
        <v>0</v>
      </c>
      <c r="KB21" s="104">
        <v>0</v>
      </c>
      <c r="KC21" s="101">
        <v>82</v>
      </c>
      <c r="KD21" s="102">
        <v>97</v>
      </c>
      <c r="KE21" s="103">
        <v>179</v>
      </c>
      <c r="KF21" s="413">
        <v>0</v>
      </c>
      <c r="KG21" s="102">
        <v>178</v>
      </c>
      <c r="KH21" s="102">
        <v>131</v>
      </c>
      <c r="KI21" s="102">
        <v>100</v>
      </c>
      <c r="KJ21" s="102">
        <v>69</v>
      </c>
      <c r="KK21" s="102">
        <v>42</v>
      </c>
      <c r="KL21" s="103">
        <v>520</v>
      </c>
      <c r="KM21" s="104">
        <v>699</v>
      </c>
    </row>
    <row r="22" spans="2:299" s="70" customFormat="1" ht="21" customHeight="1" x14ac:dyDescent="0.2">
      <c r="B22" s="106" t="s">
        <v>19</v>
      </c>
      <c r="C22" s="96">
        <v>45</v>
      </c>
      <c r="D22" s="97">
        <v>43</v>
      </c>
      <c r="E22" s="98">
        <v>88</v>
      </c>
      <c r="F22" s="413">
        <v>0</v>
      </c>
      <c r="G22" s="97">
        <v>77</v>
      </c>
      <c r="H22" s="97">
        <v>52</v>
      </c>
      <c r="I22" s="97">
        <v>20</v>
      </c>
      <c r="J22" s="97">
        <v>18</v>
      </c>
      <c r="K22" s="97">
        <v>23</v>
      </c>
      <c r="L22" s="99">
        <v>190</v>
      </c>
      <c r="M22" s="100">
        <v>278</v>
      </c>
      <c r="N22" s="107">
        <v>0</v>
      </c>
      <c r="O22" s="102">
        <v>0</v>
      </c>
      <c r="P22" s="103">
        <v>0</v>
      </c>
      <c r="Q22" s="413">
        <v>0</v>
      </c>
      <c r="R22" s="102">
        <v>2</v>
      </c>
      <c r="S22" s="102">
        <v>0</v>
      </c>
      <c r="T22" s="102">
        <v>1</v>
      </c>
      <c r="U22" s="102">
        <v>0</v>
      </c>
      <c r="V22" s="102">
        <v>0</v>
      </c>
      <c r="W22" s="103">
        <v>3</v>
      </c>
      <c r="X22" s="104">
        <v>3</v>
      </c>
      <c r="Y22" s="101">
        <v>2</v>
      </c>
      <c r="Z22" s="102">
        <v>1</v>
      </c>
      <c r="AA22" s="103">
        <v>3</v>
      </c>
      <c r="AB22" s="413">
        <v>0</v>
      </c>
      <c r="AC22" s="102">
        <v>1</v>
      </c>
      <c r="AD22" s="102">
        <v>2</v>
      </c>
      <c r="AE22" s="102">
        <v>2</v>
      </c>
      <c r="AF22" s="102">
        <v>0</v>
      </c>
      <c r="AG22" s="102">
        <v>2</v>
      </c>
      <c r="AH22" s="103">
        <v>7</v>
      </c>
      <c r="AI22" s="104">
        <v>10</v>
      </c>
      <c r="AJ22" s="107">
        <v>4</v>
      </c>
      <c r="AK22" s="102">
        <v>4</v>
      </c>
      <c r="AL22" s="103">
        <v>8</v>
      </c>
      <c r="AM22" s="413">
        <v>0</v>
      </c>
      <c r="AN22" s="102">
        <v>5</v>
      </c>
      <c r="AO22" s="102">
        <v>5</v>
      </c>
      <c r="AP22" s="102">
        <v>1</v>
      </c>
      <c r="AQ22" s="102">
        <v>0</v>
      </c>
      <c r="AR22" s="102">
        <v>1</v>
      </c>
      <c r="AS22" s="103">
        <v>12</v>
      </c>
      <c r="AT22" s="104">
        <v>20</v>
      </c>
      <c r="AU22" s="101">
        <v>10</v>
      </c>
      <c r="AV22" s="102">
        <v>6</v>
      </c>
      <c r="AW22" s="103">
        <v>16</v>
      </c>
      <c r="AX22" s="413">
        <v>0</v>
      </c>
      <c r="AY22" s="102">
        <v>16</v>
      </c>
      <c r="AZ22" s="102">
        <v>9</v>
      </c>
      <c r="BA22" s="102">
        <v>3</v>
      </c>
      <c r="BB22" s="102">
        <v>5</v>
      </c>
      <c r="BC22" s="102">
        <v>7</v>
      </c>
      <c r="BD22" s="103">
        <v>40</v>
      </c>
      <c r="BE22" s="104">
        <v>56</v>
      </c>
      <c r="BF22" s="107">
        <v>11</v>
      </c>
      <c r="BG22" s="102">
        <v>16</v>
      </c>
      <c r="BH22" s="103">
        <v>27</v>
      </c>
      <c r="BI22" s="413">
        <v>0</v>
      </c>
      <c r="BJ22" s="102">
        <v>25</v>
      </c>
      <c r="BK22" s="102">
        <v>13</v>
      </c>
      <c r="BL22" s="102">
        <v>7</v>
      </c>
      <c r="BM22" s="102">
        <v>10</v>
      </c>
      <c r="BN22" s="102">
        <v>9</v>
      </c>
      <c r="BO22" s="103">
        <v>64</v>
      </c>
      <c r="BP22" s="104">
        <v>91</v>
      </c>
      <c r="BQ22" s="101">
        <v>18</v>
      </c>
      <c r="BR22" s="102">
        <v>16</v>
      </c>
      <c r="BS22" s="103">
        <v>34</v>
      </c>
      <c r="BT22" s="413">
        <v>0</v>
      </c>
      <c r="BU22" s="102">
        <v>28</v>
      </c>
      <c r="BV22" s="102">
        <v>23</v>
      </c>
      <c r="BW22" s="102">
        <v>6</v>
      </c>
      <c r="BX22" s="102">
        <v>3</v>
      </c>
      <c r="BY22" s="102">
        <v>4</v>
      </c>
      <c r="BZ22" s="103">
        <v>64</v>
      </c>
      <c r="CA22" s="104">
        <v>98</v>
      </c>
      <c r="CB22" s="101">
        <v>0</v>
      </c>
      <c r="CC22" s="102">
        <v>0</v>
      </c>
      <c r="CD22" s="103">
        <v>0</v>
      </c>
      <c r="CE22" s="413">
        <v>0</v>
      </c>
      <c r="CF22" s="102">
        <v>0</v>
      </c>
      <c r="CG22" s="102">
        <v>0</v>
      </c>
      <c r="CH22" s="102">
        <v>0</v>
      </c>
      <c r="CI22" s="102">
        <v>0</v>
      </c>
      <c r="CJ22" s="102">
        <v>0</v>
      </c>
      <c r="CK22" s="103">
        <v>0</v>
      </c>
      <c r="CL22" s="104">
        <v>0</v>
      </c>
      <c r="CM22" s="101">
        <v>45</v>
      </c>
      <c r="CN22" s="102">
        <v>43</v>
      </c>
      <c r="CO22" s="103">
        <v>88</v>
      </c>
      <c r="CP22" s="413">
        <v>0</v>
      </c>
      <c r="CQ22" s="102">
        <v>77</v>
      </c>
      <c r="CR22" s="102">
        <v>52</v>
      </c>
      <c r="CS22" s="102">
        <v>20</v>
      </c>
      <c r="CT22" s="102">
        <v>18</v>
      </c>
      <c r="CU22" s="102">
        <v>23</v>
      </c>
      <c r="CV22" s="103">
        <v>190</v>
      </c>
      <c r="CW22" s="104">
        <v>278</v>
      </c>
      <c r="CX22" s="105">
        <v>7</v>
      </c>
      <c r="CY22" s="97">
        <v>3</v>
      </c>
      <c r="CZ22" s="98">
        <v>10</v>
      </c>
      <c r="DA22" s="413">
        <v>0</v>
      </c>
      <c r="DB22" s="97">
        <v>15</v>
      </c>
      <c r="DC22" s="97">
        <v>3</v>
      </c>
      <c r="DD22" s="97">
        <v>6</v>
      </c>
      <c r="DE22" s="97">
        <v>5</v>
      </c>
      <c r="DF22" s="97">
        <v>3</v>
      </c>
      <c r="DG22" s="99">
        <v>32</v>
      </c>
      <c r="DH22" s="100">
        <v>42</v>
      </c>
      <c r="DI22" s="107">
        <v>1</v>
      </c>
      <c r="DJ22" s="102">
        <v>0</v>
      </c>
      <c r="DK22" s="103">
        <v>1</v>
      </c>
      <c r="DL22" s="413">
        <v>0</v>
      </c>
      <c r="DM22" s="102">
        <v>0</v>
      </c>
      <c r="DN22" s="102">
        <v>0</v>
      </c>
      <c r="DO22" s="102">
        <v>0</v>
      </c>
      <c r="DP22" s="102">
        <v>0</v>
      </c>
      <c r="DQ22" s="102">
        <v>0</v>
      </c>
      <c r="DR22" s="103">
        <v>0</v>
      </c>
      <c r="DS22" s="104">
        <v>1</v>
      </c>
      <c r="DT22" s="101">
        <v>0</v>
      </c>
      <c r="DU22" s="102">
        <v>1</v>
      </c>
      <c r="DV22" s="103">
        <v>1</v>
      </c>
      <c r="DW22" s="413">
        <v>0</v>
      </c>
      <c r="DX22" s="102">
        <v>1</v>
      </c>
      <c r="DY22" s="102">
        <v>0</v>
      </c>
      <c r="DZ22" s="102">
        <v>1</v>
      </c>
      <c r="EA22" s="102">
        <v>0</v>
      </c>
      <c r="EB22" s="102">
        <v>0</v>
      </c>
      <c r="EC22" s="103">
        <v>2</v>
      </c>
      <c r="ED22" s="104">
        <v>3</v>
      </c>
      <c r="EE22" s="107">
        <v>1</v>
      </c>
      <c r="EF22" s="102">
        <v>0</v>
      </c>
      <c r="EG22" s="103">
        <v>1</v>
      </c>
      <c r="EH22" s="413">
        <v>0</v>
      </c>
      <c r="EI22" s="102">
        <v>0</v>
      </c>
      <c r="EJ22" s="102">
        <v>0</v>
      </c>
      <c r="EK22" s="102">
        <v>1</v>
      </c>
      <c r="EL22" s="102">
        <v>0</v>
      </c>
      <c r="EM22" s="102">
        <v>0</v>
      </c>
      <c r="EN22" s="103">
        <v>1</v>
      </c>
      <c r="EO22" s="104">
        <v>2</v>
      </c>
      <c r="EP22" s="101">
        <v>3</v>
      </c>
      <c r="EQ22" s="102">
        <v>1</v>
      </c>
      <c r="ER22" s="103">
        <v>4</v>
      </c>
      <c r="ES22" s="413">
        <v>0</v>
      </c>
      <c r="ET22" s="102">
        <v>3</v>
      </c>
      <c r="EU22" s="102">
        <v>2</v>
      </c>
      <c r="EV22" s="102">
        <v>1</v>
      </c>
      <c r="EW22" s="102">
        <v>0</v>
      </c>
      <c r="EX22" s="102">
        <v>1</v>
      </c>
      <c r="EY22" s="103">
        <v>7</v>
      </c>
      <c r="EZ22" s="104">
        <v>11</v>
      </c>
      <c r="FA22" s="107">
        <v>2</v>
      </c>
      <c r="FB22" s="102">
        <v>1</v>
      </c>
      <c r="FC22" s="103">
        <v>3</v>
      </c>
      <c r="FD22" s="413">
        <v>0</v>
      </c>
      <c r="FE22" s="102">
        <v>7</v>
      </c>
      <c r="FF22" s="102">
        <v>0</v>
      </c>
      <c r="FG22" s="102">
        <v>1</v>
      </c>
      <c r="FH22" s="102">
        <v>3</v>
      </c>
      <c r="FI22" s="102">
        <v>1</v>
      </c>
      <c r="FJ22" s="103">
        <v>12</v>
      </c>
      <c r="FK22" s="104">
        <v>15</v>
      </c>
      <c r="FL22" s="101">
        <v>0</v>
      </c>
      <c r="FM22" s="102">
        <v>0</v>
      </c>
      <c r="FN22" s="103">
        <v>0</v>
      </c>
      <c r="FO22" s="413">
        <v>0</v>
      </c>
      <c r="FP22" s="102">
        <v>4</v>
      </c>
      <c r="FQ22" s="102">
        <v>1</v>
      </c>
      <c r="FR22" s="102">
        <v>2</v>
      </c>
      <c r="FS22" s="102">
        <v>2</v>
      </c>
      <c r="FT22" s="102">
        <v>1</v>
      </c>
      <c r="FU22" s="103">
        <v>10</v>
      </c>
      <c r="FV22" s="104">
        <v>10</v>
      </c>
      <c r="FW22" s="101">
        <v>0</v>
      </c>
      <c r="FX22" s="102">
        <v>0</v>
      </c>
      <c r="FY22" s="103">
        <v>0</v>
      </c>
      <c r="FZ22" s="413">
        <v>0</v>
      </c>
      <c r="GA22" s="102">
        <v>0</v>
      </c>
      <c r="GB22" s="102">
        <v>0</v>
      </c>
      <c r="GC22" s="102">
        <v>0</v>
      </c>
      <c r="GD22" s="102">
        <v>0</v>
      </c>
      <c r="GE22" s="102">
        <v>0</v>
      </c>
      <c r="GF22" s="103">
        <v>0</v>
      </c>
      <c r="GG22" s="104">
        <v>0</v>
      </c>
      <c r="GH22" s="101">
        <v>7</v>
      </c>
      <c r="GI22" s="102">
        <v>3</v>
      </c>
      <c r="GJ22" s="103">
        <v>10</v>
      </c>
      <c r="GK22" s="413">
        <v>0</v>
      </c>
      <c r="GL22" s="102">
        <v>15</v>
      </c>
      <c r="GM22" s="102">
        <v>3</v>
      </c>
      <c r="GN22" s="102">
        <v>6</v>
      </c>
      <c r="GO22" s="102">
        <v>5</v>
      </c>
      <c r="GP22" s="102">
        <v>3</v>
      </c>
      <c r="GQ22" s="103">
        <v>32</v>
      </c>
      <c r="GR22" s="104">
        <v>42</v>
      </c>
      <c r="GS22" s="105">
        <v>52</v>
      </c>
      <c r="GT22" s="97">
        <v>46</v>
      </c>
      <c r="GU22" s="98">
        <v>98</v>
      </c>
      <c r="GV22" s="413">
        <v>0</v>
      </c>
      <c r="GW22" s="97">
        <v>92</v>
      </c>
      <c r="GX22" s="97">
        <v>55</v>
      </c>
      <c r="GY22" s="97">
        <v>26</v>
      </c>
      <c r="GZ22" s="97">
        <v>23</v>
      </c>
      <c r="HA22" s="97">
        <v>26</v>
      </c>
      <c r="HB22" s="99">
        <v>222</v>
      </c>
      <c r="HC22" s="100">
        <v>320</v>
      </c>
      <c r="HD22" s="107">
        <v>1</v>
      </c>
      <c r="HE22" s="102">
        <v>0</v>
      </c>
      <c r="HF22" s="103">
        <v>1</v>
      </c>
      <c r="HG22" s="413">
        <v>0</v>
      </c>
      <c r="HH22" s="102">
        <v>2</v>
      </c>
      <c r="HI22" s="102">
        <v>0</v>
      </c>
      <c r="HJ22" s="102">
        <v>1</v>
      </c>
      <c r="HK22" s="102">
        <v>0</v>
      </c>
      <c r="HL22" s="102">
        <v>0</v>
      </c>
      <c r="HM22" s="103">
        <v>3</v>
      </c>
      <c r="HN22" s="104">
        <v>4</v>
      </c>
      <c r="HO22" s="101">
        <v>2</v>
      </c>
      <c r="HP22" s="102">
        <v>2</v>
      </c>
      <c r="HQ22" s="103">
        <v>4</v>
      </c>
      <c r="HR22" s="413">
        <v>0</v>
      </c>
      <c r="HS22" s="102">
        <v>2</v>
      </c>
      <c r="HT22" s="102">
        <v>2</v>
      </c>
      <c r="HU22" s="102">
        <v>3</v>
      </c>
      <c r="HV22" s="102">
        <v>0</v>
      </c>
      <c r="HW22" s="102">
        <v>2</v>
      </c>
      <c r="HX22" s="103">
        <v>9</v>
      </c>
      <c r="HY22" s="104">
        <v>13</v>
      </c>
      <c r="HZ22" s="107">
        <v>5</v>
      </c>
      <c r="IA22" s="102">
        <v>4</v>
      </c>
      <c r="IB22" s="103">
        <v>9</v>
      </c>
      <c r="IC22" s="413">
        <v>0</v>
      </c>
      <c r="ID22" s="102">
        <v>5</v>
      </c>
      <c r="IE22" s="102">
        <v>5</v>
      </c>
      <c r="IF22" s="102">
        <v>2</v>
      </c>
      <c r="IG22" s="102">
        <v>0</v>
      </c>
      <c r="IH22" s="102">
        <v>1</v>
      </c>
      <c r="II22" s="103">
        <v>13</v>
      </c>
      <c r="IJ22" s="104">
        <v>22</v>
      </c>
      <c r="IK22" s="101">
        <v>13</v>
      </c>
      <c r="IL22" s="102">
        <v>7</v>
      </c>
      <c r="IM22" s="103">
        <v>20</v>
      </c>
      <c r="IN22" s="413">
        <v>0</v>
      </c>
      <c r="IO22" s="102">
        <v>19</v>
      </c>
      <c r="IP22" s="102">
        <v>11</v>
      </c>
      <c r="IQ22" s="102">
        <v>4</v>
      </c>
      <c r="IR22" s="102">
        <v>5</v>
      </c>
      <c r="IS22" s="102">
        <v>8</v>
      </c>
      <c r="IT22" s="103">
        <v>47</v>
      </c>
      <c r="IU22" s="104">
        <v>67</v>
      </c>
      <c r="IV22" s="107">
        <v>13</v>
      </c>
      <c r="IW22" s="102">
        <v>17</v>
      </c>
      <c r="IX22" s="103">
        <v>30</v>
      </c>
      <c r="IY22" s="413">
        <v>0</v>
      </c>
      <c r="IZ22" s="102">
        <v>32</v>
      </c>
      <c r="JA22" s="102">
        <v>13</v>
      </c>
      <c r="JB22" s="102">
        <v>8</v>
      </c>
      <c r="JC22" s="102">
        <v>13</v>
      </c>
      <c r="JD22" s="102">
        <v>10</v>
      </c>
      <c r="JE22" s="103">
        <v>76</v>
      </c>
      <c r="JF22" s="104">
        <v>106</v>
      </c>
      <c r="JG22" s="101">
        <v>18</v>
      </c>
      <c r="JH22" s="102">
        <v>16</v>
      </c>
      <c r="JI22" s="103">
        <v>34</v>
      </c>
      <c r="JJ22" s="413">
        <v>0</v>
      </c>
      <c r="JK22" s="102">
        <v>32</v>
      </c>
      <c r="JL22" s="102">
        <v>24</v>
      </c>
      <c r="JM22" s="102">
        <v>8</v>
      </c>
      <c r="JN22" s="102">
        <v>5</v>
      </c>
      <c r="JO22" s="102">
        <v>5</v>
      </c>
      <c r="JP22" s="103">
        <v>74</v>
      </c>
      <c r="JQ22" s="104">
        <v>108</v>
      </c>
      <c r="JR22" s="101">
        <v>0</v>
      </c>
      <c r="JS22" s="102">
        <v>0</v>
      </c>
      <c r="JT22" s="103">
        <v>0</v>
      </c>
      <c r="JU22" s="413">
        <v>0</v>
      </c>
      <c r="JV22" s="102">
        <v>0</v>
      </c>
      <c r="JW22" s="102">
        <v>0</v>
      </c>
      <c r="JX22" s="102">
        <v>0</v>
      </c>
      <c r="JY22" s="102">
        <v>0</v>
      </c>
      <c r="JZ22" s="102">
        <v>0</v>
      </c>
      <c r="KA22" s="103">
        <v>0</v>
      </c>
      <c r="KB22" s="104">
        <v>0</v>
      </c>
      <c r="KC22" s="101">
        <v>52</v>
      </c>
      <c r="KD22" s="102">
        <v>46</v>
      </c>
      <c r="KE22" s="103">
        <v>98</v>
      </c>
      <c r="KF22" s="413">
        <v>0</v>
      </c>
      <c r="KG22" s="102">
        <v>92</v>
      </c>
      <c r="KH22" s="102">
        <v>55</v>
      </c>
      <c r="KI22" s="102">
        <v>26</v>
      </c>
      <c r="KJ22" s="102">
        <v>23</v>
      </c>
      <c r="KK22" s="102">
        <v>26</v>
      </c>
      <c r="KL22" s="103">
        <v>222</v>
      </c>
      <c r="KM22" s="104">
        <v>320</v>
      </c>
    </row>
    <row r="23" spans="2:299" s="70" customFormat="1" ht="21" customHeight="1" x14ac:dyDescent="0.2">
      <c r="B23" s="106" t="s">
        <v>20</v>
      </c>
      <c r="C23" s="96">
        <v>71</v>
      </c>
      <c r="D23" s="97">
        <v>65</v>
      </c>
      <c r="E23" s="98">
        <v>136</v>
      </c>
      <c r="F23" s="413">
        <v>0</v>
      </c>
      <c r="G23" s="97">
        <v>133</v>
      </c>
      <c r="H23" s="97">
        <v>80</v>
      </c>
      <c r="I23" s="97">
        <v>56</v>
      </c>
      <c r="J23" s="97">
        <v>35</v>
      </c>
      <c r="K23" s="97">
        <v>21</v>
      </c>
      <c r="L23" s="99">
        <v>325</v>
      </c>
      <c r="M23" s="100">
        <v>461</v>
      </c>
      <c r="N23" s="101">
        <v>3</v>
      </c>
      <c r="O23" s="102">
        <v>1</v>
      </c>
      <c r="P23" s="103">
        <v>4</v>
      </c>
      <c r="Q23" s="413">
        <v>0</v>
      </c>
      <c r="R23" s="102">
        <v>3</v>
      </c>
      <c r="S23" s="102">
        <v>1</v>
      </c>
      <c r="T23" s="102">
        <v>3</v>
      </c>
      <c r="U23" s="102">
        <v>0</v>
      </c>
      <c r="V23" s="102">
        <v>0</v>
      </c>
      <c r="W23" s="103">
        <v>7</v>
      </c>
      <c r="X23" s="104">
        <v>11</v>
      </c>
      <c r="Y23" s="101">
        <v>1</v>
      </c>
      <c r="Z23" s="102">
        <v>5</v>
      </c>
      <c r="AA23" s="103">
        <v>6</v>
      </c>
      <c r="AB23" s="413">
        <v>0</v>
      </c>
      <c r="AC23" s="102">
        <v>6</v>
      </c>
      <c r="AD23" s="102">
        <v>2</v>
      </c>
      <c r="AE23" s="102">
        <v>0</v>
      </c>
      <c r="AF23" s="102">
        <v>6</v>
      </c>
      <c r="AG23" s="102">
        <v>1</v>
      </c>
      <c r="AH23" s="103">
        <v>15</v>
      </c>
      <c r="AI23" s="104">
        <v>21</v>
      </c>
      <c r="AJ23" s="101">
        <v>10</v>
      </c>
      <c r="AK23" s="102">
        <v>4</v>
      </c>
      <c r="AL23" s="103">
        <v>14</v>
      </c>
      <c r="AM23" s="413">
        <v>0</v>
      </c>
      <c r="AN23" s="102">
        <v>9</v>
      </c>
      <c r="AO23" s="102">
        <v>6</v>
      </c>
      <c r="AP23" s="102">
        <v>5</v>
      </c>
      <c r="AQ23" s="102">
        <v>4</v>
      </c>
      <c r="AR23" s="102">
        <v>2</v>
      </c>
      <c r="AS23" s="103">
        <v>26</v>
      </c>
      <c r="AT23" s="104">
        <v>40</v>
      </c>
      <c r="AU23" s="101">
        <v>14</v>
      </c>
      <c r="AV23" s="102">
        <v>16</v>
      </c>
      <c r="AW23" s="103">
        <v>30</v>
      </c>
      <c r="AX23" s="413">
        <v>0</v>
      </c>
      <c r="AY23" s="102">
        <v>35</v>
      </c>
      <c r="AZ23" s="102">
        <v>14</v>
      </c>
      <c r="BA23" s="102">
        <v>12</v>
      </c>
      <c r="BB23" s="102">
        <v>6</v>
      </c>
      <c r="BC23" s="102">
        <v>7</v>
      </c>
      <c r="BD23" s="103">
        <v>74</v>
      </c>
      <c r="BE23" s="104">
        <v>104</v>
      </c>
      <c r="BF23" s="101">
        <v>21</v>
      </c>
      <c r="BG23" s="102">
        <v>21</v>
      </c>
      <c r="BH23" s="103">
        <v>42</v>
      </c>
      <c r="BI23" s="413">
        <v>0</v>
      </c>
      <c r="BJ23" s="102">
        <v>46</v>
      </c>
      <c r="BK23" s="102">
        <v>27</v>
      </c>
      <c r="BL23" s="102">
        <v>20</v>
      </c>
      <c r="BM23" s="102">
        <v>11</v>
      </c>
      <c r="BN23" s="102">
        <v>4</v>
      </c>
      <c r="BO23" s="103">
        <v>108</v>
      </c>
      <c r="BP23" s="104">
        <v>150</v>
      </c>
      <c r="BQ23" s="101">
        <v>22</v>
      </c>
      <c r="BR23" s="102">
        <v>18</v>
      </c>
      <c r="BS23" s="103">
        <v>40</v>
      </c>
      <c r="BT23" s="413">
        <v>0</v>
      </c>
      <c r="BU23" s="102">
        <v>34</v>
      </c>
      <c r="BV23" s="102">
        <v>30</v>
      </c>
      <c r="BW23" s="102">
        <v>16</v>
      </c>
      <c r="BX23" s="102">
        <v>8</v>
      </c>
      <c r="BY23" s="102">
        <v>7</v>
      </c>
      <c r="BZ23" s="103">
        <v>95</v>
      </c>
      <c r="CA23" s="104">
        <v>135</v>
      </c>
      <c r="CB23" s="101">
        <v>0</v>
      </c>
      <c r="CC23" s="102">
        <v>0</v>
      </c>
      <c r="CD23" s="103">
        <v>0</v>
      </c>
      <c r="CE23" s="413">
        <v>0</v>
      </c>
      <c r="CF23" s="102">
        <v>0</v>
      </c>
      <c r="CG23" s="102">
        <v>0</v>
      </c>
      <c r="CH23" s="102">
        <v>0</v>
      </c>
      <c r="CI23" s="102">
        <v>0</v>
      </c>
      <c r="CJ23" s="102">
        <v>0</v>
      </c>
      <c r="CK23" s="103">
        <v>0</v>
      </c>
      <c r="CL23" s="104">
        <v>0</v>
      </c>
      <c r="CM23" s="101">
        <v>71</v>
      </c>
      <c r="CN23" s="102">
        <v>65</v>
      </c>
      <c r="CO23" s="103">
        <v>136</v>
      </c>
      <c r="CP23" s="413">
        <v>0</v>
      </c>
      <c r="CQ23" s="102">
        <v>133</v>
      </c>
      <c r="CR23" s="102">
        <v>80</v>
      </c>
      <c r="CS23" s="102">
        <v>56</v>
      </c>
      <c r="CT23" s="102">
        <v>35</v>
      </c>
      <c r="CU23" s="102">
        <v>21</v>
      </c>
      <c r="CV23" s="103">
        <v>325</v>
      </c>
      <c r="CW23" s="104">
        <v>461</v>
      </c>
      <c r="CX23" s="105">
        <v>9</v>
      </c>
      <c r="CY23" s="97">
        <v>5</v>
      </c>
      <c r="CZ23" s="98">
        <v>14</v>
      </c>
      <c r="DA23" s="413">
        <v>0</v>
      </c>
      <c r="DB23" s="97">
        <v>15</v>
      </c>
      <c r="DC23" s="97">
        <v>1</v>
      </c>
      <c r="DD23" s="97">
        <v>7</v>
      </c>
      <c r="DE23" s="97">
        <v>6</v>
      </c>
      <c r="DF23" s="97">
        <v>3</v>
      </c>
      <c r="DG23" s="99">
        <v>32</v>
      </c>
      <c r="DH23" s="100">
        <v>46</v>
      </c>
      <c r="DI23" s="101">
        <v>1</v>
      </c>
      <c r="DJ23" s="102">
        <v>0</v>
      </c>
      <c r="DK23" s="103">
        <v>1</v>
      </c>
      <c r="DL23" s="413">
        <v>0</v>
      </c>
      <c r="DM23" s="102">
        <v>0</v>
      </c>
      <c r="DN23" s="102">
        <v>0</v>
      </c>
      <c r="DO23" s="102">
        <v>0</v>
      </c>
      <c r="DP23" s="102">
        <v>0</v>
      </c>
      <c r="DQ23" s="102">
        <v>0</v>
      </c>
      <c r="DR23" s="103">
        <v>0</v>
      </c>
      <c r="DS23" s="104">
        <v>1</v>
      </c>
      <c r="DT23" s="101">
        <v>0</v>
      </c>
      <c r="DU23" s="102">
        <v>0</v>
      </c>
      <c r="DV23" s="103">
        <v>0</v>
      </c>
      <c r="DW23" s="413">
        <v>0</v>
      </c>
      <c r="DX23" s="102">
        <v>0</v>
      </c>
      <c r="DY23" s="102">
        <v>0</v>
      </c>
      <c r="DZ23" s="102">
        <v>0</v>
      </c>
      <c r="EA23" s="102">
        <v>0</v>
      </c>
      <c r="EB23" s="102">
        <v>0</v>
      </c>
      <c r="EC23" s="103">
        <v>0</v>
      </c>
      <c r="ED23" s="104">
        <v>0</v>
      </c>
      <c r="EE23" s="101">
        <v>4</v>
      </c>
      <c r="EF23" s="102">
        <v>0</v>
      </c>
      <c r="EG23" s="103">
        <v>4</v>
      </c>
      <c r="EH23" s="413">
        <v>0</v>
      </c>
      <c r="EI23" s="102">
        <v>3</v>
      </c>
      <c r="EJ23" s="102">
        <v>1</v>
      </c>
      <c r="EK23" s="102">
        <v>3</v>
      </c>
      <c r="EL23" s="102">
        <v>0</v>
      </c>
      <c r="EM23" s="102">
        <v>0</v>
      </c>
      <c r="EN23" s="103">
        <v>7</v>
      </c>
      <c r="EO23" s="104">
        <v>11</v>
      </c>
      <c r="EP23" s="101">
        <v>2</v>
      </c>
      <c r="EQ23" s="102">
        <v>1</v>
      </c>
      <c r="ER23" s="103">
        <v>3</v>
      </c>
      <c r="ES23" s="413">
        <v>0</v>
      </c>
      <c r="ET23" s="102">
        <v>3</v>
      </c>
      <c r="EU23" s="102">
        <v>0</v>
      </c>
      <c r="EV23" s="102">
        <v>2</v>
      </c>
      <c r="EW23" s="102">
        <v>2</v>
      </c>
      <c r="EX23" s="102">
        <v>0</v>
      </c>
      <c r="EY23" s="103">
        <v>7</v>
      </c>
      <c r="EZ23" s="104">
        <v>10</v>
      </c>
      <c r="FA23" s="101">
        <v>2</v>
      </c>
      <c r="FB23" s="102">
        <v>2</v>
      </c>
      <c r="FC23" s="103">
        <v>4</v>
      </c>
      <c r="FD23" s="413">
        <v>0</v>
      </c>
      <c r="FE23" s="102">
        <v>2</v>
      </c>
      <c r="FF23" s="102">
        <v>0</v>
      </c>
      <c r="FG23" s="102">
        <v>0</v>
      </c>
      <c r="FH23" s="102">
        <v>2</v>
      </c>
      <c r="FI23" s="102">
        <v>2</v>
      </c>
      <c r="FJ23" s="103">
        <v>6</v>
      </c>
      <c r="FK23" s="104">
        <v>10</v>
      </c>
      <c r="FL23" s="101">
        <v>0</v>
      </c>
      <c r="FM23" s="102">
        <v>2</v>
      </c>
      <c r="FN23" s="103">
        <v>2</v>
      </c>
      <c r="FO23" s="413">
        <v>0</v>
      </c>
      <c r="FP23" s="102">
        <v>7</v>
      </c>
      <c r="FQ23" s="102">
        <v>0</v>
      </c>
      <c r="FR23" s="102">
        <v>2</v>
      </c>
      <c r="FS23" s="102">
        <v>2</v>
      </c>
      <c r="FT23" s="102">
        <v>1</v>
      </c>
      <c r="FU23" s="103">
        <v>12</v>
      </c>
      <c r="FV23" s="104">
        <v>14</v>
      </c>
      <c r="FW23" s="101">
        <v>0</v>
      </c>
      <c r="FX23" s="102">
        <v>0</v>
      </c>
      <c r="FY23" s="103">
        <v>0</v>
      </c>
      <c r="FZ23" s="413">
        <v>0</v>
      </c>
      <c r="GA23" s="102">
        <v>0</v>
      </c>
      <c r="GB23" s="102">
        <v>0</v>
      </c>
      <c r="GC23" s="102">
        <v>0</v>
      </c>
      <c r="GD23" s="102">
        <v>0</v>
      </c>
      <c r="GE23" s="102">
        <v>0</v>
      </c>
      <c r="GF23" s="103">
        <v>0</v>
      </c>
      <c r="GG23" s="104">
        <v>0</v>
      </c>
      <c r="GH23" s="101">
        <v>9</v>
      </c>
      <c r="GI23" s="102">
        <v>5</v>
      </c>
      <c r="GJ23" s="103">
        <v>14</v>
      </c>
      <c r="GK23" s="413">
        <v>0</v>
      </c>
      <c r="GL23" s="102">
        <v>15</v>
      </c>
      <c r="GM23" s="102">
        <v>1</v>
      </c>
      <c r="GN23" s="102">
        <v>7</v>
      </c>
      <c r="GO23" s="102">
        <v>6</v>
      </c>
      <c r="GP23" s="102">
        <v>3</v>
      </c>
      <c r="GQ23" s="103">
        <v>32</v>
      </c>
      <c r="GR23" s="104">
        <v>46</v>
      </c>
      <c r="GS23" s="105">
        <v>80</v>
      </c>
      <c r="GT23" s="97">
        <v>70</v>
      </c>
      <c r="GU23" s="98">
        <v>150</v>
      </c>
      <c r="GV23" s="413">
        <v>0</v>
      </c>
      <c r="GW23" s="97">
        <v>148</v>
      </c>
      <c r="GX23" s="97">
        <v>81</v>
      </c>
      <c r="GY23" s="97">
        <v>63</v>
      </c>
      <c r="GZ23" s="97">
        <v>41</v>
      </c>
      <c r="HA23" s="97">
        <v>24</v>
      </c>
      <c r="HB23" s="99">
        <v>357</v>
      </c>
      <c r="HC23" s="100">
        <v>507</v>
      </c>
      <c r="HD23" s="101">
        <v>4</v>
      </c>
      <c r="HE23" s="102">
        <v>1</v>
      </c>
      <c r="HF23" s="103">
        <v>5</v>
      </c>
      <c r="HG23" s="413">
        <v>0</v>
      </c>
      <c r="HH23" s="102">
        <v>3</v>
      </c>
      <c r="HI23" s="102">
        <v>1</v>
      </c>
      <c r="HJ23" s="102">
        <v>3</v>
      </c>
      <c r="HK23" s="102">
        <v>0</v>
      </c>
      <c r="HL23" s="102">
        <v>0</v>
      </c>
      <c r="HM23" s="103">
        <v>7</v>
      </c>
      <c r="HN23" s="104">
        <v>12</v>
      </c>
      <c r="HO23" s="101">
        <v>1</v>
      </c>
      <c r="HP23" s="102">
        <v>5</v>
      </c>
      <c r="HQ23" s="103">
        <v>6</v>
      </c>
      <c r="HR23" s="413">
        <v>0</v>
      </c>
      <c r="HS23" s="102">
        <v>6</v>
      </c>
      <c r="HT23" s="102">
        <v>2</v>
      </c>
      <c r="HU23" s="102">
        <v>0</v>
      </c>
      <c r="HV23" s="102">
        <v>6</v>
      </c>
      <c r="HW23" s="102">
        <v>1</v>
      </c>
      <c r="HX23" s="103">
        <v>15</v>
      </c>
      <c r="HY23" s="104">
        <v>21</v>
      </c>
      <c r="HZ23" s="101">
        <v>14</v>
      </c>
      <c r="IA23" s="102">
        <v>4</v>
      </c>
      <c r="IB23" s="103">
        <v>18</v>
      </c>
      <c r="IC23" s="413">
        <v>0</v>
      </c>
      <c r="ID23" s="102">
        <v>12</v>
      </c>
      <c r="IE23" s="102">
        <v>7</v>
      </c>
      <c r="IF23" s="102">
        <v>8</v>
      </c>
      <c r="IG23" s="102">
        <v>4</v>
      </c>
      <c r="IH23" s="102">
        <v>2</v>
      </c>
      <c r="II23" s="103">
        <v>33</v>
      </c>
      <c r="IJ23" s="104">
        <v>51</v>
      </c>
      <c r="IK23" s="101">
        <v>16</v>
      </c>
      <c r="IL23" s="102">
        <v>17</v>
      </c>
      <c r="IM23" s="103">
        <v>33</v>
      </c>
      <c r="IN23" s="413">
        <v>0</v>
      </c>
      <c r="IO23" s="102">
        <v>38</v>
      </c>
      <c r="IP23" s="102">
        <v>14</v>
      </c>
      <c r="IQ23" s="102">
        <v>14</v>
      </c>
      <c r="IR23" s="102">
        <v>8</v>
      </c>
      <c r="IS23" s="102">
        <v>7</v>
      </c>
      <c r="IT23" s="103">
        <v>81</v>
      </c>
      <c r="IU23" s="104">
        <v>114</v>
      </c>
      <c r="IV23" s="101">
        <v>23</v>
      </c>
      <c r="IW23" s="102">
        <v>23</v>
      </c>
      <c r="IX23" s="103">
        <v>46</v>
      </c>
      <c r="IY23" s="413">
        <v>0</v>
      </c>
      <c r="IZ23" s="102">
        <v>48</v>
      </c>
      <c r="JA23" s="102">
        <v>27</v>
      </c>
      <c r="JB23" s="102">
        <v>20</v>
      </c>
      <c r="JC23" s="102">
        <v>13</v>
      </c>
      <c r="JD23" s="102">
        <v>6</v>
      </c>
      <c r="JE23" s="103">
        <v>114</v>
      </c>
      <c r="JF23" s="104">
        <v>160</v>
      </c>
      <c r="JG23" s="101">
        <v>22</v>
      </c>
      <c r="JH23" s="102">
        <v>20</v>
      </c>
      <c r="JI23" s="103">
        <v>42</v>
      </c>
      <c r="JJ23" s="413">
        <v>0</v>
      </c>
      <c r="JK23" s="102">
        <v>41</v>
      </c>
      <c r="JL23" s="102">
        <v>30</v>
      </c>
      <c r="JM23" s="102">
        <v>18</v>
      </c>
      <c r="JN23" s="102">
        <v>10</v>
      </c>
      <c r="JO23" s="102">
        <v>8</v>
      </c>
      <c r="JP23" s="103">
        <v>107</v>
      </c>
      <c r="JQ23" s="104">
        <v>149</v>
      </c>
      <c r="JR23" s="101">
        <v>0</v>
      </c>
      <c r="JS23" s="102">
        <v>0</v>
      </c>
      <c r="JT23" s="103">
        <v>0</v>
      </c>
      <c r="JU23" s="413">
        <v>0</v>
      </c>
      <c r="JV23" s="102">
        <v>0</v>
      </c>
      <c r="JW23" s="102">
        <v>0</v>
      </c>
      <c r="JX23" s="102">
        <v>0</v>
      </c>
      <c r="JY23" s="102">
        <v>0</v>
      </c>
      <c r="JZ23" s="102">
        <v>0</v>
      </c>
      <c r="KA23" s="103">
        <v>0</v>
      </c>
      <c r="KB23" s="104">
        <v>0</v>
      </c>
      <c r="KC23" s="101">
        <v>80</v>
      </c>
      <c r="KD23" s="102">
        <v>70</v>
      </c>
      <c r="KE23" s="103">
        <v>150</v>
      </c>
      <c r="KF23" s="413">
        <v>0</v>
      </c>
      <c r="KG23" s="102">
        <v>148</v>
      </c>
      <c r="KH23" s="102">
        <v>81</v>
      </c>
      <c r="KI23" s="102">
        <v>63</v>
      </c>
      <c r="KJ23" s="102">
        <v>41</v>
      </c>
      <c r="KK23" s="102">
        <v>24</v>
      </c>
      <c r="KL23" s="103">
        <v>357</v>
      </c>
      <c r="KM23" s="104">
        <v>507</v>
      </c>
    </row>
    <row r="24" spans="2:299" s="70" customFormat="1" ht="21" customHeight="1" x14ac:dyDescent="0.2">
      <c r="B24" s="106" t="s">
        <v>21</v>
      </c>
      <c r="C24" s="96">
        <v>75</v>
      </c>
      <c r="D24" s="97">
        <v>42</v>
      </c>
      <c r="E24" s="98">
        <v>117</v>
      </c>
      <c r="F24" s="413">
        <v>0</v>
      </c>
      <c r="G24" s="97">
        <v>67</v>
      </c>
      <c r="H24" s="97">
        <v>63</v>
      </c>
      <c r="I24" s="97">
        <v>37</v>
      </c>
      <c r="J24" s="97">
        <v>28</v>
      </c>
      <c r="K24" s="97">
        <v>10</v>
      </c>
      <c r="L24" s="99">
        <v>205</v>
      </c>
      <c r="M24" s="100">
        <v>322</v>
      </c>
      <c r="N24" s="101">
        <v>2</v>
      </c>
      <c r="O24" s="102">
        <v>0</v>
      </c>
      <c r="P24" s="103">
        <v>2</v>
      </c>
      <c r="Q24" s="413">
        <v>0</v>
      </c>
      <c r="R24" s="102">
        <v>0</v>
      </c>
      <c r="S24" s="102">
        <v>3</v>
      </c>
      <c r="T24" s="102">
        <v>2</v>
      </c>
      <c r="U24" s="102">
        <v>0</v>
      </c>
      <c r="V24" s="102">
        <v>1</v>
      </c>
      <c r="W24" s="103">
        <v>6</v>
      </c>
      <c r="X24" s="104">
        <v>8</v>
      </c>
      <c r="Y24" s="101">
        <v>6</v>
      </c>
      <c r="Z24" s="102">
        <v>2</v>
      </c>
      <c r="AA24" s="103">
        <v>8</v>
      </c>
      <c r="AB24" s="413">
        <v>0</v>
      </c>
      <c r="AC24" s="102">
        <v>1</v>
      </c>
      <c r="AD24" s="102">
        <v>1</v>
      </c>
      <c r="AE24" s="102">
        <v>1</v>
      </c>
      <c r="AF24" s="102">
        <v>1</v>
      </c>
      <c r="AG24" s="102">
        <v>0</v>
      </c>
      <c r="AH24" s="103">
        <v>4</v>
      </c>
      <c r="AI24" s="104">
        <v>12</v>
      </c>
      <c r="AJ24" s="101">
        <v>11</v>
      </c>
      <c r="AK24" s="102">
        <v>4</v>
      </c>
      <c r="AL24" s="103">
        <v>15</v>
      </c>
      <c r="AM24" s="413">
        <v>0</v>
      </c>
      <c r="AN24" s="102">
        <v>6</v>
      </c>
      <c r="AO24" s="102">
        <v>8</v>
      </c>
      <c r="AP24" s="102">
        <v>3</v>
      </c>
      <c r="AQ24" s="102">
        <v>2</v>
      </c>
      <c r="AR24" s="102">
        <v>0</v>
      </c>
      <c r="AS24" s="103">
        <v>19</v>
      </c>
      <c r="AT24" s="104">
        <v>34</v>
      </c>
      <c r="AU24" s="101">
        <v>13</v>
      </c>
      <c r="AV24" s="102">
        <v>10</v>
      </c>
      <c r="AW24" s="103">
        <v>23</v>
      </c>
      <c r="AX24" s="413">
        <v>0</v>
      </c>
      <c r="AY24" s="102">
        <v>15</v>
      </c>
      <c r="AZ24" s="102">
        <v>16</v>
      </c>
      <c r="BA24" s="102">
        <v>11</v>
      </c>
      <c r="BB24" s="102">
        <v>3</v>
      </c>
      <c r="BC24" s="102">
        <v>3</v>
      </c>
      <c r="BD24" s="103">
        <v>48</v>
      </c>
      <c r="BE24" s="104">
        <v>71</v>
      </c>
      <c r="BF24" s="101">
        <v>24</v>
      </c>
      <c r="BG24" s="102">
        <v>13</v>
      </c>
      <c r="BH24" s="103">
        <v>37</v>
      </c>
      <c r="BI24" s="413">
        <v>0</v>
      </c>
      <c r="BJ24" s="102">
        <v>20</v>
      </c>
      <c r="BK24" s="102">
        <v>18</v>
      </c>
      <c r="BL24" s="102">
        <v>9</v>
      </c>
      <c r="BM24" s="102">
        <v>9</v>
      </c>
      <c r="BN24" s="102">
        <v>2</v>
      </c>
      <c r="BO24" s="103">
        <v>58</v>
      </c>
      <c r="BP24" s="104">
        <v>95</v>
      </c>
      <c r="BQ24" s="101">
        <v>19</v>
      </c>
      <c r="BR24" s="102">
        <v>13</v>
      </c>
      <c r="BS24" s="103">
        <v>32</v>
      </c>
      <c r="BT24" s="413">
        <v>0</v>
      </c>
      <c r="BU24" s="102">
        <v>25</v>
      </c>
      <c r="BV24" s="102">
        <v>17</v>
      </c>
      <c r="BW24" s="102">
        <v>11</v>
      </c>
      <c r="BX24" s="102">
        <v>13</v>
      </c>
      <c r="BY24" s="102">
        <v>4</v>
      </c>
      <c r="BZ24" s="103">
        <v>70</v>
      </c>
      <c r="CA24" s="104">
        <v>102</v>
      </c>
      <c r="CB24" s="101">
        <v>0</v>
      </c>
      <c r="CC24" s="102">
        <v>0</v>
      </c>
      <c r="CD24" s="103">
        <v>0</v>
      </c>
      <c r="CE24" s="413">
        <v>0</v>
      </c>
      <c r="CF24" s="102">
        <v>0</v>
      </c>
      <c r="CG24" s="102">
        <v>0</v>
      </c>
      <c r="CH24" s="102">
        <v>0</v>
      </c>
      <c r="CI24" s="102">
        <v>0</v>
      </c>
      <c r="CJ24" s="102">
        <v>0</v>
      </c>
      <c r="CK24" s="103">
        <v>0</v>
      </c>
      <c r="CL24" s="104">
        <v>0</v>
      </c>
      <c r="CM24" s="101">
        <v>75</v>
      </c>
      <c r="CN24" s="102">
        <v>42</v>
      </c>
      <c r="CO24" s="103">
        <v>117</v>
      </c>
      <c r="CP24" s="413">
        <v>0</v>
      </c>
      <c r="CQ24" s="102">
        <v>67</v>
      </c>
      <c r="CR24" s="102">
        <v>63</v>
      </c>
      <c r="CS24" s="102">
        <v>37</v>
      </c>
      <c r="CT24" s="102">
        <v>28</v>
      </c>
      <c r="CU24" s="102">
        <v>10</v>
      </c>
      <c r="CV24" s="103">
        <v>205</v>
      </c>
      <c r="CW24" s="104">
        <v>322</v>
      </c>
      <c r="CX24" s="105">
        <v>7</v>
      </c>
      <c r="CY24" s="97">
        <v>5</v>
      </c>
      <c r="CZ24" s="98">
        <v>12</v>
      </c>
      <c r="DA24" s="413">
        <v>0</v>
      </c>
      <c r="DB24" s="97">
        <v>12</v>
      </c>
      <c r="DC24" s="97">
        <v>11</v>
      </c>
      <c r="DD24" s="97">
        <v>5</v>
      </c>
      <c r="DE24" s="97">
        <v>6</v>
      </c>
      <c r="DF24" s="97">
        <v>5</v>
      </c>
      <c r="DG24" s="99">
        <v>39</v>
      </c>
      <c r="DH24" s="100">
        <v>51</v>
      </c>
      <c r="DI24" s="101">
        <v>0</v>
      </c>
      <c r="DJ24" s="102">
        <v>0</v>
      </c>
      <c r="DK24" s="103">
        <v>0</v>
      </c>
      <c r="DL24" s="413">
        <v>0</v>
      </c>
      <c r="DM24" s="102">
        <v>0</v>
      </c>
      <c r="DN24" s="102">
        <v>0</v>
      </c>
      <c r="DO24" s="102">
        <v>0</v>
      </c>
      <c r="DP24" s="102">
        <v>0</v>
      </c>
      <c r="DQ24" s="102">
        <v>0</v>
      </c>
      <c r="DR24" s="103">
        <v>0</v>
      </c>
      <c r="DS24" s="104">
        <v>0</v>
      </c>
      <c r="DT24" s="101">
        <v>1</v>
      </c>
      <c r="DU24" s="102">
        <v>1</v>
      </c>
      <c r="DV24" s="103">
        <v>2</v>
      </c>
      <c r="DW24" s="413">
        <v>0</v>
      </c>
      <c r="DX24" s="102">
        <v>1</v>
      </c>
      <c r="DY24" s="102">
        <v>1</v>
      </c>
      <c r="DZ24" s="102">
        <v>0</v>
      </c>
      <c r="EA24" s="102">
        <v>0</v>
      </c>
      <c r="EB24" s="102">
        <v>0</v>
      </c>
      <c r="EC24" s="103">
        <v>2</v>
      </c>
      <c r="ED24" s="104">
        <v>4</v>
      </c>
      <c r="EE24" s="101">
        <v>0</v>
      </c>
      <c r="EF24" s="102">
        <v>1</v>
      </c>
      <c r="EG24" s="103">
        <v>1</v>
      </c>
      <c r="EH24" s="413">
        <v>0</v>
      </c>
      <c r="EI24" s="102">
        <v>1</v>
      </c>
      <c r="EJ24" s="102">
        <v>1</v>
      </c>
      <c r="EK24" s="102">
        <v>0</v>
      </c>
      <c r="EL24" s="102">
        <v>0</v>
      </c>
      <c r="EM24" s="102">
        <v>1</v>
      </c>
      <c r="EN24" s="103">
        <v>3</v>
      </c>
      <c r="EO24" s="104">
        <v>4</v>
      </c>
      <c r="EP24" s="101">
        <v>1</v>
      </c>
      <c r="EQ24" s="102">
        <v>2</v>
      </c>
      <c r="ER24" s="103">
        <v>3</v>
      </c>
      <c r="ES24" s="413">
        <v>0</v>
      </c>
      <c r="ET24" s="102">
        <v>2</v>
      </c>
      <c r="EU24" s="102">
        <v>1</v>
      </c>
      <c r="EV24" s="102">
        <v>1</v>
      </c>
      <c r="EW24" s="102">
        <v>0</v>
      </c>
      <c r="EX24" s="102">
        <v>1</v>
      </c>
      <c r="EY24" s="103">
        <v>5</v>
      </c>
      <c r="EZ24" s="104">
        <v>8</v>
      </c>
      <c r="FA24" s="101">
        <v>3</v>
      </c>
      <c r="FB24" s="102">
        <v>1</v>
      </c>
      <c r="FC24" s="103">
        <v>4</v>
      </c>
      <c r="FD24" s="413">
        <v>0</v>
      </c>
      <c r="FE24" s="102">
        <v>6</v>
      </c>
      <c r="FF24" s="102">
        <v>3</v>
      </c>
      <c r="FG24" s="102">
        <v>2</v>
      </c>
      <c r="FH24" s="102">
        <v>2</v>
      </c>
      <c r="FI24" s="102">
        <v>2</v>
      </c>
      <c r="FJ24" s="103">
        <v>15</v>
      </c>
      <c r="FK24" s="104">
        <v>19</v>
      </c>
      <c r="FL24" s="101">
        <v>2</v>
      </c>
      <c r="FM24" s="102">
        <v>0</v>
      </c>
      <c r="FN24" s="103">
        <v>2</v>
      </c>
      <c r="FO24" s="413">
        <v>0</v>
      </c>
      <c r="FP24" s="102">
        <v>2</v>
      </c>
      <c r="FQ24" s="102">
        <v>5</v>
      </c>
      <c r="FR24" s="102">
        <v>2</v>
      </c>
      <c r="FS24" s="102">
        <v>4</v>
      </c>
      <c r="FT24" s="102">
        <v>1</v>
      </c>
      <c r="FU24" s="103">
        <v>14</v>
      </c>
      <c r="FV24" s="104">
        <v>16</v>
      </c>
      <c r="FW24" s="101">
        <v>0</v>
      </c>
      <c r="FX24" s="102">
        <v>0</v>
      </c>
      <c r="FY24" s="103">
        <v>0</v>
      </c>
      <c r="FZ24" s="413">
        <v>0</v>
      </c>
      <c r="GA24" s="102">
        <v>0</v>
      </c>
      <c r="GB24" s="102">
        <v>0</v>
      </c>
      <c r="GC24" s="102">
        <v>0</v>
      </c>
      <c r="GD24" s="102">
        <v>0</v>
      </c>
      <c r="GE24" s="102">
        <v>0</v>
      </c>
      <c r="GF24" s="103">
        <v>0</v>
      </c>
      <c r="GG24" s="104">
        <v>0</v>
      </c>
      <c r="GH24" s="101">
        <v>7</v>
      </c>
      <c r="GI24" s="102">
        <v>5</v>
      </c>
      <c r="GJ24" s="103">
        <v>12</v>
      </c>
      <c r="GK24" s="413">
        <v>0</v>
      </c>
      <c r="GL24" s="102">
        <v>12</v>
      </c>
      <c r="GM24" s="102">
        <v>11</v>
      </c>
      <c r="GN24" s="102">
        <v>5</v>
      </c>
      <c r="GO24" s="102">
        <v>6</v>
      </c>
      <c r="GP24" s="102">
        <v>5</v>
      </c>
      <c r="GQ24" s="103">
        <v>39</v>
      </c>
      <c r="GR24" s="104">
        <v>51</v>
      </c>
      <c r="GS24" s="105">
        <v>82</v>
      </c>
      <c r="GT24" s="97">
        <v>47</v>
      </c>
      <c r="GU24" s="98">
        <v>129</v>
      </c>
      <c r="GV24" s="413">
        <v>0</v>
      </c>
      <c r="GW24" s="97">
        <v>79</v>
      </c>
      <c r="GX24" s="97">
        <v>74</v>
      </c>
      <c r="GY24" s="97">
        <v>42</v>
      </c>
      <c r="GZ24" s="97">
        <v>34</v>
      </c>
      <c r="HA24" s="97">
        <v>15</v>
      </c>
      <c r="HB24" s="99">
        <v>244</v>
      </c>
      <c r="HC24" s="100">
        <v>373</v>
      </c>
      <c r="HD24" s="101">
        <v>2</v>
      </c>
      <c r="HE24" s="102">
        <v>0</v>
      </c>
      <c r="HF24" s="103">
        <v>2</v>
      </c>
      <c r="HG24" s="413">
        <v>0</v>
      </c>
      <c r="HH24" s="102">
        <v>0</v>
      </c>
      <c r="HI24" s="102">
        <v>3</v>
      </c>
      <c r="HJ24" s="102">
        <v>2</v>
      </c>
      <c r="HK24" s="102">
        <v>0</v>
      </c>
      <c r="HL24" s="102">
        <v>1</v>
      </c>
      <c r="HM24" s="103">
        <v>6</v>
      </c>
      <c r="HN24" s="104">
        <v>8</v>
      </c>
      <c r="HO24" s="101">
        <v>7</v>
      </c>
      <c r="HP24" s="102">
        <v>3</v>
      </c>
      <c r="HQ24" s="103">
        <v>10</v>
      </c>
      <c r="HR24" s="413">
        <v>0</v>
      </c>
      <c r="HS24" s="102">
        <v>2</v>
      </c>
      <c r="HT24" s="102">
        <v>2</v>
      </c>
      <c r="HU24" s="102">
        <v>1</v>
      </c>
      <c r="HV24" s="102">
        <v>1</v>
      </c>
      <c r="HW24" s="102">
        <v>0</v>
      </c>
      <c r="HX24" s="103">
        <v>6</v>
      </c>
      <c r="HY24" s="104">
        <v>16</v>
      </c>
      <c r="HZ24" s="101">
        <v>11</v>
      </c>
      <c r="IA24" s="102">
        <v>5</v>
      </c>
      <c r="IB24" s="103">
        <v>16</v>
      </c>
      <c r="IC24" s="413">
        <v>0</v>
      </c>
      <c r="ID24" s="102">
        <v>7</v>
      </c>
      <c r="IE24" s="102">
        <v>9</v>
      </c>
      <c r="IF24" s="102">
        <v>3</v>
      </c>
      <c r="IG24" s="102">
        <v>2</v>
      </c>
      <c r="IH24" s="102">
        <v>1</v>
      </c>
      <c r="II24" s="103">
        <v>22</v>
      </c>
      <c r="IJ24" s="104">
        <v>38</v>
      </c>
      <c r="IK24" s="101">
        <v>14</v>
      </c>
      <c r="IL24" s="102">
        <v>12</v>
      </c>
      <c r="IM24" s="103">
        <v>26</v>
      </c>
      <c r="IN24" s="413">
        <v>0</v>
      </c>
      <c r="IO24" s="102">
        <v>17</v>
      </c>
      <c r="IP24" s="102">
        <v>17</v>
      </c>
      <c r="IQ24" s="102">
        <v>12</v>
      </c>
      <c r="IR24" s="102">
        <v>3</v>
      </c>
      <c r="IS24" s="102">
        <v>4</v>
      </c>
      <c r="IT24" s="103">
        <v>53</v>
      </c>
      <c r="IU24" s="104">
        <v>79</v>
      </c>
      <c r="IV24" s="101">
        <v>27</v>
      </c>
      <c r="IW24" s="102">
        <v>14</v>
      </c>
      <c r="IX24" s="103">
        <v>41</v>
      </c>
      <c r="IY24" s="413">
        <v>0</v>
      </c>
      <c r="IZ24" s="102">
        <v>26</v>
      </c>
      <c r="JA24" s="102">
        <v>21</v>
      </c>
      <c r="JB24" s="102">
        <v>11</v>
      </c>
      <c r="JC24" s="102">
        <v>11</v>
      </c>
      <c r="JD24" s="102">
        <v>4</v>
      </c>
      <c r="JE24" s="103">
        <v>73</v>
      </c>
      <c r="JF24" s="104">
        <v>114</v>
      </c>
      <c r="JG24" s="101">
        <v>21</v>
      </c>
      <c r="JH24" s="102">
        <v>13</v>
      </c>
      <c r="JI24" s="103">
        <v>34</v>
      </c>
      <c r="JJ24" s="413">
        <v>0</v>
      </c>
      <c r="JK24" s="102">
        <v>27</v>
      </c>
      <c r="JL24" s="102">
        <v>22</v>
      </c>
      <c r="JM24" s="102">
        <v>13</v>
      </c>
      <c r="JN24" s="102">
        <v>17</v>
      </c>
      <c r="JO24" s="102">
        <v>5</v>
      </c>
      <c r="JP24" s="103">
        <v>84</v>
      </c>
      <c r="JQ24" s="104">
        <v>118</v>
      </c>
      <c r="JR24" s="101">
        <v>0</v>
      </c>
      <c r="JS24" s="102">
        <v>0</v>
      </c>
      <c r="JT24" s="103">
        <v>0</v>
      </c>
      <c r="JU24" s="413">
        <v>0</v>
      </c>
      <c r="JV24" s="102">
        <v>0</v>
      </c>
      <c r="JW24" s="102">
        <v>0</v>
      </c>
      <c r="JX24" s="102">
        <v>0</v>
      </c>
      <c r="JY24" s="102">
        <v>0</v>
      </c>
      <c r="JZ24" s="102">
        <v>0</v>
      </c>
      <c r="KA24" s="103">
        <v>0</v>
      </c>
      <c r="KB24" s="104">
        <v>0</v>
      </c>
      <c r="KC24" s="101">
        <v>82</v>
      </c>
      <c r="KD24" s="102">
        <v>47</v>
      </c>
      <c r="KE24" s="103">
        <v>129</v>
      </c>
      <c r="KF24" s="413">
        <v>0</v>
      </c>
      <c r="KG24" s="102">
        <v>79</v>
      </c>
      <c r="KH24" s="102">
        <v>74</v>
      </c>
      <c r="KI24" s="102">
        <v>42</v>
      </c>
      <c r="KJ24" s="102">
        <v>34</v>
      </c>
      <c r="KK24" s="102">
        <v>15</v>
      </c>
      <c r="KL24" s="103">
        <v>244</v>
      </c>
      <c r="KM24" s="104">
        <v>373</v>
      </c>
    </row>
    <row r="25" spans="2:299" s="70" customFormat="1" ht="21" customHeight="1" x14ac:dyDescent="0.2">
      <c r="B25" s="106" t="s">
        <v>22</v>
      </c>
      <c r="C25" s="96">
        <v>20</v>
      </c>
      <c r="D25" s="97">
        <v>13</v>
      </c>
      <c r="E25" s="98">
        <v>33</v>
      </c>
      <c r="F25" s="413">
        <v>0</v>
      </c>
      <c r="G25" s="97">
        <v>43</v>
      </c>
      <c r="H25" s="97">
        <v>25</v>
      </c>
      <c r="I25" s="97">
        <v>23</v>
      </c>
      <c r="J25" s="97">
        <v>21</v>
      </c>
      <c r="K25" s="97">
        <v>7</v>
      </c>
      <c r="L25" s="99">
        <v>119</v>
      </c>
      <c r="M25" s="100">
        <v>152</v>
      </c>
      <c r="N25" s="101">
        <v>0</v>
      </c>
      <c r="O25" s="102">
        <v>0</v>
      </c>
      <c r="P25" s="103">
        <v>0</v>
      </c>
      <c r="Q25" s="413">
        <v>0</v>
      </c>
      <c r="R25" s="102">
        <v>0</v>
      </c>
      <c r="S25" s="102">
        <v>0</v>
      </c>
      <c r="T25" s="102">
        <v>0</v>
      </c>
      <c r="U25" s="102">
        <v>1</v>
      </c>
      <c r="V25" s="102">
        <v>0</v>
      </c>
      <c r="W25" s="103">
        <v>1</v>
      </c>
      <c r="X25" s="104">
        <v>1</v>
      </c>
      <c r="Y25" s="101">
        <v>0</v>
      </c>
      <c r="Z25" s="102">
        <v>1</v>
      </c>
      <c r="AA25" s="103">
        <v>1</v>
      </c>
      <c r="AB25" s="413">
        <v>0</v>
      </c>
      <c r="AC25" s="102">
        <v>0</v>
      </c>
      <c r="AD25" s="102">
        <v>0</v>
      </c>
      <c r="AE25" s="102">
        <v>0</v>
      </c>
      <c r="AF25" s="102">
        <v>0</v>
      </c>
      <c r="AG25" s="102">
        <v>0</v>
      </c>
      <c r="AH25" s="103">
        <v>0</v>
      </c>
      <c r="AI25" s="104">
        <v>1</v>
      </c>
      <c r="AJ25" s="101">
        <v>1</v>
      </c>
      <c r="AK25" s="102">
        <v>0</v>
      </c>
      <c r="AL25" s="103">
        <v>1</v>
      </c>
      <c r="AM25" s="413">
        <v>0</v>
      </c>
      <c r="AN25" s="102">
        <v>4</v>
      </c>
      <c r="AO25" s="102">
        <v>5</v>
      </c>
      <c r="AP25" s="102">
        <v>2</v>
      </c>
      <c r="AQ25" s="102">
        <v>2</v>
      </c>
      <c r="AR25" s="102">
        <v>2</v>
      </c>
      <c r="AS25" s="103">
        <v>15</v>
      </c>
      <c r="AT25" s="104">
        <v>16</v>
      </c>
      <c r="AU25" s="101">
        <v>4</v>
      </c>
      <c r="AV25" s="102">
        <v>4</v>
      </c>
      <c r="AW25" s="103">
        <v>8</v>
      </c>
      <c r="AX25" s="413">
        <v>0</v>
      </c>
      <c r="AY25" s="102">
        <v>8</v>
      </c>
      <c r="AZ25" s="102">
        <v>3</v>
      </c>
      <c r="BA25" s="102">
        <v>1</v>
      </c>
      <c r="BB25" s="102">
        <v>1</v>
      </c>
      <c r="BC25" s="102">
        <v>1</v>
      </c>
      <c r="BD25" s="103">
        <v>14</v>
      </c>
      <c r="BE25" s="104">
        <v>22</v>
      </c>
      <c r="BF25" s="101">
        <v>9</v>
      </c>
      <c r="BG25" s="102">
        <v>7</v>
      </c>
      <c r="BH25" s="103">
        <v>16</v>
      </c>
      <c r="BI25" s="413">
        <v>0</v>
      </c>
      <c r="BJ25" s="102">
        <v>17</v>
      </c>
      <c r="BK25" s="102">
        <v>4</v>
      </c>
      <c r="BL25" s="102">
        <v>5</v>
      </c>
      <c r="BM25" s="102">
        <v>5</v>
      </c>
      <c r="BN25" s="102">
        <v>3</v>
      </c>
      <c r="BO25" s="103">
        <v>34</v>
      </c>
      <c r="BP25" s="104">
        <v>50</v>
      </c>
      <c r="BQ25" s="101">
        <v>6</v>
      </c>
      <c r="BR25" s="102">
        <v>1</v>
      </c>
      <c r="BS25" s="103">
        <v>7</v>
      </c>
      <c r="BT25" s="413">
        <v>0</v>
      </c>
      <c r="BU25" s="102">
        <v>14</v>
      </c>
      <c r="BV25" s="102">
        <v>13</v>
      </c>
      <c r="BW25" s="102">
        <v>15</v>
      </c>
      <c r="BX25" s="102">
        <v>12</v>
      </c>
      <c r="BY25" s="102">
        <v>1</v>
      </c>
      <c r="BZ25" s="103">
        <v>55</v>
      </c>
      <c r="CA25" s="104">
        <v>62</v>
      </c>
      <c r="CB25" s="101">
        <v>0</v>
      </c>
      <c r="CC25" s="102">
        <v>0</v>
      </c>
      <c r="CD25" s="103">
        <v>0</v>
      </c>
      <c r="CE25" s="413">
        <v>0</v>
      </c>
      <c r="CF25" s="102">
        <v>0</v>
      </c>
      <c r="CG25" s="102">
        <v>0</v>
      </c>
      <c r="CH25" s="102">
        <v>0</v>
      </c>
      <c r="CI25" s="102">
        <v>0</v>
      </c>
      <c r="CJ25" s="102">
        <v>0</v>
      </c>
      <c r="CK25" s="103">
        <v>0</v>
      </c>
      <c r="CL25" s="104">
        <v>0</v>
      </c>
      <c r="CM25" s="101">
        <v>20</v>
      </c>
      <c r="CN25" s="102">
        <v>13</v>
      </c>
      <c r="CO25" s="103">
        <v>33</v>
      </c>
      <c r="CP25" s="413">
        <v>0</v>
      </c>
      <c r="CQ25" s="102">
        <v>43</v>
      </c>
      <c r="CR25" s="102">
        <v>25</v>
      </c>
      <c r="CS25" s="102">
        <v>23</v>
      </c>
      <c r="CT25" s="102">
        <v>21</v>
      </c>
      <c r="CU25" s="102">
        <v>7</v>
      </c>
      <c r="CV25" s="103">
        <v>119</v>
      </c>
      <c r="CW25" s="104">
        <v>152</v>
      </c>
      <c r="CX25" s="105">
        <v>3</v>
      </c>
      <c r="CY25" s="97">
        <v>1</v>
      </c>
      <c r="CZ25" s="98">
        <v>4</v>
      </c>
      <c r="DA25" s="413">
        <v>0</v>
      </c>
      <c r="DB25" s="97">
        <v>6</v>
      </c>
      <c r="DC25" s="97">
        <v>9</v>
      </c>
      <c r="DD25" s="97">
        <v>6</v>
      </c>
      <c r="DE25" s="97">
        <v>2</v>
      </c>
      <c r="DF25" s="97">
        <v>0</v>
      </c>
      <c r="DG25" s="99">
        <v>23</v>
      </c>
      <c r="DH25" s="100">
        <v>27</v>
      </c>
      <c r="DI25" s="101">
        <v>0</v>
      </c>
      <c r="DJ25" s="102">
        <v>0</v>
      </c>
      <c r="DK25" s="103">
        <v>0</v>
      </c>
      <c r="DL25" s="413">
        <v>0</v>
      </c>
      <c r="DM25" s="102">
        <v>0</v>
      </c>
      <c r="DN25" s="102">
        <v>0</v>
      </c>
      <c r="DO25" s="102">
        <v>0</v>
      </c>
      <c r="DP25" s="102">
        <v>0</v>
      </c>
      <c r="DQ25" s="102">
        <v>0</v>
      </c>
      <c r="DR25" s="103">
        <v>0</v>
      </c>
      <c r="DS25" s="104">
        <v>0</v>
      </c>
      <c r="DT25" s="101">
        <v>0</v>
      </c>
      <c r="DU25" s="102">
        <v>1</v>
      </c>
      <c r="DV25" s="103">
        <v>1</v>
      </c>
      <c r="DW25" s="413">
        <v>0</v>
      </c>
      <c r="DX25" s="102">
        <v>0</v>
      </c>
      <c r="DY25" s="102">
        <v>0</v>
      </c>
      <c r="DZ25" s="102">
        <v>0</v>
      </c>
      <c r="EA25" s="102">
        <v>0</v>
      </c>
      <c r="EB25" s="102">
        <v>0</v>
      </c>
      <c r="EC25" s="103">
        <v>0</v>
      </c>
      <c r="ED25" s="104">
        <v>1</v>
      </c>
      <c r="EE25" s="101">
        <v>0</v>
      </c>
      <c r="EF25" s="102">
        <v>0</v>
      </c>
      <c r="EG25" s="103">
        <v>0</v>
      </c>
      <c r="EH25" s="413">
        <v>0</v>
      </c>
      <c r="EI25" s="102">
        <v>0</v>
      </c>
      <c r="EJ25" s="102">
        <v>1</v>
      </c>
      <c r="EK25" s="102">
        <v>0</v>
      </c>
      <c r="EL25" s="102">
        <v>0</v>
      </c>
      <c r="EM25" s="102">
        <v>0</v>
      </c>
      <c r="EN25" s="103">
        <v>1</v>
      </c>
      <c r="EO25" s="104">
        <v>1</v>
      </c>
      <c r="EP25" s="101">
        <v>1</v>
      </c>
      <c r="EQ25" s="102">
        <v>0</v>
      </c>
      <c r="ER25" s="103">
        <v>1</v>
      </c>
      <c r="ES25" s="413">
        <v>0</v>
      </c>
      <c r="ET25" s="102">
        <v>1</v>
      </c>
      <c r="EU25" s="102">
        <v>2</v>
      </c>
      <c r="EV25" s="102">
        <v>2</v>
      </c>
      <c r="EW25" s="102">
        <v>0</v>
      </c>
      <c r="EX25" s="102">
        <v>0</v>
      </c>
      <c r="EY25" s="103">
        <v>5</v>
      </c>
      <c r="EZ25" s="104">
        <v>6</v>
      </c>
      <c r="FA25" s="101">
        <v>1</v>
      </c>
      <c r="FB25" s="102">
        <v>0</v>
      </c>
      <c r="FC25" s="103">
        <v>1</v>
      </c>
      <c r="FD25" s="413">
        <v>0</v>
      </c>
      <c r="FE25" s="102">
        <v>2</v>
      </c>
      <c r="FF25" s="102">
        <v>3</v>
      </c>
      <c r="FG25" s="102">
        <v>0</v>
      </c>
      <c r="FH25" s="102">
        <v>0</v>
      </c>
      <c r="FI25" s="102">
        <v>0</v>
      </c>
      <c r="FJ25" s="103">
        <v>5</v>
      </c>
      <c r="FK25" s="104">
        <v>6</v>
      </c>
      <c r="FL25" s="101">
        <v>1</v>
      </c>
      <c r="FM25" s="102">
        <v>0</v>
      </c>
      <c r="FN25" s="103">
        <v>1</v>
      </c>
      <c r="FO25" s="413">
        <v>0</v>
      </c>
      <c r="FP25" s="102">
        <v>3</v>
      </c>
      <c r="FQ25" s="102">
        <v>3</v>
      </c>
      <c r="FR25" s="102">
        <v>4</v>
      </c>
      <c r="FS25" s="102">
        <v>2</v>
      </c>
      <c r="FT25" s="102">
        <v>0</v>
      </c>
      <c r="FU25" s="103">
        <v>12</v>
      </c>
      <c r="FV25" s="104">
        <v>13</v>
      </c>
      <c r="FW25" s="101">
        <v>0</v>
      </c>
      <c r="FX25" s="102">
        <v>0</v>
      </c>
      <c r="FY25" s="103">
        <v>0</v>
      </c>
      <c r="FZ25" s="413">
        <v>0</v>
      </c>
      <c r="GA25" s="102">
        <v>0</v>
      </c>
      <c r="GB25" s="102">
        <v>0</v>
      </c>
      <c r="GC25" s="102">
        <v>0</v>
      </c>
      <c r="GD25" s="102">
        <v>0</v>
      </c>
      <c r="GE25" s="102">
        <v>0</v>
      </c>
      <c r="GF25" s="103">
        <v>0</v>
      </c>
      <c r="GG25" s="104">
        <v>0</v>
      </c>
      <c r="GH25" s="101">
        <v>3</v>
      </c>
      <c r="GI25" s="102">
        <v>1</v>
      </c>
      <c r="GJ25" s="103">
        <v>4</v>
      </c>
      <c r="GK25" s="413">
        <v>0</v>
      </c>
      <c r="GL25" s="102">
        <v>6</v>
      </c>
      <c r="GM25" s="102">
        <v>9</v>
      </c>
      <c r="GN25" s="102">
        <v>6</v>
      </c>
      <c r="GO25" s="102">
        <v>2</v>
      </c>
      <c r="GP25" s="102">
        <v>0</v>
      </c>
      <c r="GQ25" s="103">
        <v>23</v>
      </c>
      <c r="GR25" s="104">
        <v>27</v>
      </c>
      <c r="GS25" s="105">
        <v>23</v>
      </c>
      <c r="GT25" s="97">
        <v>14</v>
      </c>
      <c r="GU25" s="98">
        <v>37</v>
      </c>
      <c r="GV25" s="413">
        <v>0</v>
      </c>
      <c r="GW25" s="97">
        <v>49</v>
      </c>
      <c r="GX25" s="97">
        <v>34</v>
      </c>
      <c r="GY25" s="97">
        <v>29</v>
      </c>
      <c r="GZ25" s="97">
        <v>23</v>
      </c>
      <c r="HA25" s="97">
        <v>7</v>
      </c>
      <c r="HB25" s="99">
        <v>142</v>
      </c>
      <c r="HC25" s="100">
        <v>179</v>
      </c>
      <c r="HD25" s="101">
        <v>0</v>
      </c>
      <c r="HE25" s="102">
        <v>0</v>
      </c>
      <c r="HF25" s="103">
        <v>0</v>
      </c>
      <c r="HG25" s="413">
        <v>0</v>
      </c>
      <c r="HH25" s="102">
        <v>0</v>
      </c>
      <c r="HI25" s="102">
        <v>0</v>
      </c>
      <c r="HJ25" s="102">
        <v>0</v>
      </c>
      <c r="HK25" s="102">
        <v>1</v>
      </c>
      <c r="HL25" s="102">
        <v>0</v>
      </c>
      <c r="HM25" s="103">
        <v>1</v>
      </c>
      <c r="HN25" s="104">
        <v>1</v>
      </c>
      <c r="HO25" s="101">
        <v>0</v>
      </c>
      <c r="HP25" s="102">
        <v>2</v>
      </c>
      <c r="HQ25" s="103">
        <v>2</v>
      </c>
      <c r="HR25" s="413">
        <v>0</v>
      </c>
      <c r="HS25" s="102">
        <v>0</v>
      </c>
      <c r="HT25" s="102">
        <v>0</v>
      </c>
      <c r="HU25" s="102">
        <v>0</v>
      </c>
      <c r="HV25" s="102">
        <v>0</v>
      </c>
      <c r="HW25" s="102">
        <v>0</v>
      </c>
      <c r="HX25" s="103">
        <v>0</v>
      </c>
      <c r="HY25" s="104">
        <v>2</v>
      </c>
      <c r="HZ25" s="101">
        <v>1</v>
      </c>
      <c r="IA25" s="102">
        <v>0</v>
      </c>
      <c r="IB25" s="103">
        <v>1</v>
      </c>
      <c r="IC25" s="413">
        <v>0</v>
      </c>
      <c r="ID25" s="102">
        <v>4</v>
      </c>
      <c r="IE25" s="102">
        <v>6</v>
      </c>
      <c r="IF25" s="102">
        <v>2</v>
      </c>
      <c r="IG25" s="102">
        <v>2</v>
      </c>
      <c r="IH25" s="102">
        <v>2</v>
      </c>
      <c r="II25" s="103">
        <v>16</v>
      </c>
      <c r="IJ25" s="104">
        <v>17</v>
      </c>
      <c r="IK25" s="101">
        <v>5</v>
      </c>
      <c r="IL25" s="102">
        <v>4</v>
      </c>
      <c r="IM25" s="103">
        <v>9</v>
      </c>
      <c r="IN25" s="413">
        <v>0</v>
      </c>
      <c r="IO25" s="102">
        <v>9</v>
      </c>
      <c r="IP25" s="102">
        <v>5</v>
      </c>
      <c r="IQ25" s="102">
        <v>3</v>
      </c>
      <c r="IR25" s="102">
        <v>1</v>
      </c>
      <c r="IS25" s="102">
        <v>1</v>
      </c>
      <c r="IT25" s="103">
        <v>19</v>
      </c>
      <c r="IU25" s="104">
        <v>28</v>
      </c>
      <c r="IV25" s="101">
        <v>10</v>
      </c>
      <c r="IW25" s="102">
        <v>7</v>
      </c>
      <c r="IX25" s="103">
        <v>17</v>
      </c>
      <c r="IY25" s="413">
        <v>0</v>
      </c>
      <c r="IZ25" s="102">
        <v>19</v>
      </c>
      <c r="JA25" s="102">
        <v>7</v>
      </c>
      <c r="JB25" s="102">
        <v>5</v>
      </c>
      <c r="JC25" s="102">
        <v>5</v>
      </c>
      <c r="JD25" s="102">
        <v>3</v>
      </c>
      <c r="JE25" s="103">
        <v>39</v>
      </c>
      <c r="JF25" s="104">
        <v>56</v>
      </c>
      <c r="JG25" s="101">
        <v>7</v>
      </c>
      <c r="JH25" s="102">
        <v>1</v>
      </c>
      <c r="JI25" s="103">
        <v>8</v>
      </c>
      <c r="JJ25" s="413">
        <v>0</v>
      </c>
      <c r="JK25" s="102">
        <v>17</v>
      </c>
      <c r="JL25" s="102">
        <v>16</v>
      </c>
      <c r="JM25" s="102">
        <v>19</v>
      </c>
      <c r="JN25" s="102">
        <v>14</v>
      </c>
      <c r="JO25" s="102">
        <v>1</v>
      </c>
      <c r="JP25" s="103">
        <v>67</v>
      </c>
      <c r="JQ25" s="104">
        <v>75</v>
      </c>
      <c r="JR25" s="101">
        <v>0</v>
      </c>
      <c r="JS25" s="102">
        <v>0</v>
      </c>
      <c r="JT25" s="103">
        <v>0</v>
      </c>
      <c r="JU25" s="413">
        <v>0</v>
      </c>
      <c r="JV25" s="102">
        <v>0</v>
      </c>
      <c r="JW25" s="102">
        <v>0</v>
      </c>
      <c r="JX25" s="102">
        <v>0</v>
      </c>
      <c r="JY25" s="102">
        <v>0</v>
      </c>
      <c r="JZ25" s="102">
        <v>0</v>
      </c>
      <c r="KA25" s="103">
        <v>0</v>
      </c>
      <c r="KB25" s="104">
        <v>0</v>
      </c>
      <c r="KC25" s="101">
        <v>23</v>
      </c>
      <c r="KD25" s="102">
        <v>14</v>
      </c>
      <c r="KE25" s="103">
        <v>37</v>
      </c>
      <c r="KF25" s="413">
        <v>0</v>
      </c>
      <c r="KG25" s="102">
        <v>49</v>
      </c>
      <c r="KH25" s="102">
        <v>34</v>
      </c>
      <c r="KI25" s="102">
        <v>29</v>
      </c>
      <c r="KJ25" s="102">
        <v>23</v>
      </c>
      <c r="KK25" s="102">
        <v>7</v>
      </c>
      <c r="KL25" s="103">
        <v>142</v>
      </c>
      <c r="KM25" s="104">
        <v>179</v>
      </c>
    </row>
    <row r="26" spans="2:299" s="70" customFormat="1" ht="21" customHeight="1" x14ac:dyDescent="0.2">
      <c r="B26" s="106" t="s">
        <v>23</v>
      </c>
      <c r="C26" s="96">
        <v>36</v>
      </c>
      <c r="D26" s="97">
        <v>35</v>
      </c>
      <c r="E26" s="98">
        <v>71</v>
      </c>
      <c r="F26" s="413">
        <v>0</v>
      </c>
      <c r="G26" s="97">
        <v>52</v>
      </c>
      <c r="H26" s="97">
        <v>42</v>
      </c>
      <c r="I26" s="97">
        <v>19</v>
      </c>
      <c r="J26" s="97">
        <v>21</v>
      </c>
      <c r="K26" s="97">
        <v>13</v>
      </c>
      <c r="L26" s="99">
        <v>147</v>
      </c>
      <c r="M26" s="100">
        <v>218</v>
      </c>
      <c r="N26" s="101">
        <v>0</v>
      </c>
      <c r="O26" s="102">
        <v>1</v>
      </c>
      <c r="P26" s="103">
        <v>1</v>
      </c>
      <c r="Q26" s="413">
        <v>0</v>
      </c>
      <c r="R26" s="102">
        <v>0</v>
      </c>
      <c r="S26" s="102">
        <v>2</v>
      </c>
      <c r="T26" s="102">
        <v>0</v>
      </c>
      <c r="U26" s="102">
        <v>1</v>
      </c>
      <c r="V26" s="102">
        <v>0</v>
      </c>
      <c r="W26" s="103">
        <v>3</v>
      </c>
      <c r="X26" s="104">
        <v>4</v>
      </c>
      <c r="Y26" s="101">
        <v>0</v>
      </c>
      <c r="Z26" s="102">
        <v>1</v>
      </c>
      <c r="AA26" s="103">
        <v>1</v>
      </c>
      <c r="AB26" s="413">
        <v>0</v>
      </c>
      <c r="AC26" s="102">
        <v>0</v>
      </c>
      <c r="AD26" s="102">
        <v>1</v>
      </c>
      <c r="AE26" s="102">
        <v>1</v>
      </c>
      <c r="AF26" s="102">
        <v>0</v>
      </c>
      <c r="AG26" s="102">
        <v>0</v>
      </c>
      <c r="AH26" s="103">
        <v>2</v>
      </c>
      <c r="AI26" s="104">
        <v>3</v>
      </c>
      <c r="AJ26" s="101">
        <v>5</v>
      </c>
      <c r="AK26" s="102">
        <v>3</v>
      </c>
      <c r="AL26" s="103">
        <v>8</v>
      </c>
      <c r="AM26" s="413">
        <v>0</v>
      </c>
      <c r="AN26" s="102">
        <v>3</v>
      </c>
      <c r="AO26" s="102">
        <v>3</v>
      </c>
      <c r="AP26" s="102">
        <v>2</v>
      </c>
      <c r="AQ26" s="102">
        <v>1</v>
      </c>
      <c r="AR26" s="102">
        <v>2</v>
      </c>
      <c r="AS26" s="103">
        <v>11</v>
      </c>
      <c r="AT26" s="104">
        <v>19</v>
      </c>
      <c r="AU26" s="101">
        <v>8</v>
      </c>
      <c r="AV26" s="102">
        <v>12</v>
      </c>
      <c r="AW26" s="103">
        <v>20</v>
      </c>
      <c r="AX26" s="413">
        <v>0</v>
      </c>
      <c r="AY26" s="102">
        <v>13</v>
      </c>
      <c r="AZ26" s="102">
        <v>16</v>
      </c>
      <c r="BA26" s="102">
        <v>5</v>
      </c>
      <c r="BB26" s="102">
        <v>6</v>
      </c>
      <c r="BC26" s="102">
        <v>4</v>
      </c>
      <c r="BD26" s="103">
        <v>44</v>
      </c>
      <c r="BE26" s="104">
        <v>64</v>
      </c>
      <c r="BF26" s="101">
        <v>14</v>
      </c>
      <c r="BG26" s="102">
        <v>13</v>
      </c>
      <c r="BH26" s="103">
        <v>27</v>
      </c>
      <c r="BI26" s="413">
        <v>0</v>
      </c>
      <c r="BJ26" s="102">
        <v>21</v>
      </c>
      <c r="BK26" s="102">
        <v>11</v>
      </c>
      <c r="BL26" s="102">
        <v>3</v>
      </c>
      <c r="BM26" s="102">
        <v>6</v>
      </c>
      <c r="BN26" s="102">
        <v>5</v>
      </c>
      <c r="BO26" s="103">
        <v>46</v>
      </c>
      <c r="BP26" s="104">
        <v>73</v>
      </c>
      <c r="BQ26" s="101">
        <v>9</v>
      </c>
      <c r="BR26" s="102">
        <v>5</v>
      </c>
      <c r="BS26" s="103">
        <v>14</v>
      </c>
      <c r="BT26" s="413">
        <v>0</v>
      </c>
      <c r="BU26" s="102">
        <v>15</v>
      </c>
      <c r="BV26" s="102">
        <v>9</v>
      </c>
      <c r="BW26" s="102">
        <v>8</v>
      </c>
      <c r="BX26" s="102">
        <v>7</v>
      </c>
      <c r="BY26" s="102">
        <v>2</v>
      </c>
      <c r="BZ26" s="103">
        <v>41</v>
      </c>
      <c r="CA26" s="104">
        <v>55</v>
      </c>
      <c r="CB26" s="101">
        <v>0</v>
      </c>
      <c r="CC26" s="102">
        <v>0</v>
      </c>
      <c r="CD26" s="103">
        <v>0</v>
      </c>
      <c r="CE26" s="413">
        <v>0</v>
      </c>
      <c r="CF26" s="102">
        <v>0</v>
      </c>
      <c r="CG26" s="102">
        <v>0</v>
      </c>
      <c r="CH26" s="102">
        <v>0</v>
      </c>
      <c r="CI26" s="102">
        <v>0</v>
      </c>
      <c r="CJ26" s="102">
        <v>0</v>
      </c>
      <c r="CK26" s="103">
        <v>0</v>
      </c>
      <c r="CL26" s="104">
        <v>0</v>
      </c>
      <c r="CM26" s="101">
        <v>36</v>
      </c>
      <c r="CN26" s="102">
        <v>35</v>
      </c>
      <c r="CO26" s="103">
        <v>71</v>
      </c>
      <c r="CP26" s="413">
        <v>0</v>
      </c>
      <c r="CQ26" s="102">
        <v>52</v>
      </c>
      <c r="CR26" s="102">
        <v>42</v>
      </c>
      <c r="CS26" s="102">
        <v>19</v>
      </c>
      <c r="CT26" s="102">
        <v>21</v>
      </c>
      <c r="CU26" s="102">
        <v>13</v>
      </c>
      <c r="CV26" s="103">
        <v>147</v>
      </c>
      <c r="CW26" s="104">
        <v>218</v>
      </c>
      <c r="CX26" s="105">
        <v>1</v>
      </c>
      <c r="CY26" s="97">
        <v>2</v>
      </c>
      <c r="CZ26" s="98">
        <v>3</v>
      </c>
      <c r="DA26" s="413">
        <v>0</v>
      </c>
      <c r="DB26" s="97">
        <v>6</v>
      </c>
      <c r="DC26" s="97">
        <v>7</v>
      </c>
      <c r="DD26" s="97">
        <v>1</v>
      </c>
      <c r="DE26" s="97">
        <v>4</v>
      </c>
      <c r="DF26" s="97">
        <v>0</v>
      </c>
      <c r="DG26" s="99">
        <v>18</v>
      </c>
      <c r="DH26" s="100">
        <v>21</v>
      </c>
      <c r="DI26" s="101">
        <v>0</v>
      </c>
      <c r="DJ26" s="102">
        <v>0</v>
      </c>
      <c r="DK26" s="103">
        <v>0</v>
      </c>
      <c r="DL26" s="413">
        <v>0</v>
      </c>
      <c r="DM26" s="102">
        <v>0</v>
      </c>
      <c r="DN26" s="102">
        <v>0</v>
      </c>
      <c r="DO26" s="102">
        <v>0</v>
      </c>
      <c r="DP26" s="102">
        <v>0</v>
      </c>
      <c r="DQ26" s="102">
        <v>0</v>
      </c>
      <c r="DR26" s="103">
        <v>0</v>
      </c>
      <c r="DS26" s="104">
        <v>0</v>
      </c>
      <c r="DT26" s="101">
        <v>0</v>
      </c>
      <c r="DU26" s="102">
        <v>1</v>
      </c>
      <c r="DV26" s="103">
        <v>1</v>
      </c>
      <c r="DW26" s="413">
        <v>0</v>
      </c>
      <c r="DX26" s="102">
        <v>0</v>
      </c>
      <c r="DY26" s="102">
        <v>0</v>
      </c>
      <c r="DZ26" s="102">
        <v>0</v>
      </c>
      <c r="EA26" s="102">
        <v>0</v>
      </c>
      <c r="EB26" s="102">
        <v>0</v>
      </c>
      <c r="EC26" s="103">
        <v>0</v>
      </c>
      <c r="ED26" s="104">
        <v>1</v>
      </c>
      <c r="EE26" s="101">
        <v>0</v>
      </c>
      <c r="EF26" s="102">
        <v>1</v>
      </c>
      <c r="EG26" s="103">
        <v>1</v>
      </c>
      <c r="EH26" s="413">
        <v>0</v>
      </c>
      <c r="EI26" s="102">
        <v>1</v>
      </c>
      <c r="EJ26" s="102">
        <v>1</v>
      </c>
      <c r="EK26" s="102">
        <v>0</v>
      </c>
      <c r="EL26" s="102">
        <v>0</v>
      </c>
      <c r="EM26" s="102">
        <v>0</v>
      </c>
      <c r="EN26" s="103">
        <v>2</v>
      </c>
      <c r="EO26" s="104">
        <v>3</v>
      </c>
      <c r="EP26" s="101">
        <v>1</v>
      </c>
      <c r="EQ26" s="102">
        <v>0</v>
      </c>
      <c r="ER26" s="103">
        <v>1</v>
      </c>
      <c r="ES26" s="413">
        <v>0</v>
      </c>
      <c r="ET26" s="102">
        <v>2</v>
      </c>
      <c r="EU26" s="102">
        <v>1</v>
      </c>
      <c r="EV26" s="102">
        <v>0</v>
      </c>
      <c r="EW26" s="102">
        <v>1</v>
      </c>
      <c r="EX26" s="102">
        <v>0</v>
      </c>
      <c r="EY26" s="103">
        <v>4</v>
      </c>
      <c r="EZ26" s="104">
        <v>5</v>
      </c>
      <c r="FA26" s="101">
        <v>0</v>
      </c>
      <c r="FB26" s="102">
        <v>0</v>
      </c>
      <c r="FC26" s="103">
        <v>0</v>
      </c>
      <c r="FD26" s="413">
        <v>0</v>
      </c>
      <c r="FE26" s="102">
        <v>3</v>
      </c>
      <c r="FF26" s="102">
        <v>3</v>
      </c>
      <c r="FG26" s="102">
        <v>0</v>
      </c>
      <c r="FH26" s="102">
        <v>1</v>
      </c>
      <c r="FI26" s="102">
        <v>0</v>
      </c>
      <c r="FJ26" s="103">
        <v>7</v>
      </c>
      <c r="FK26" s="104">
        <v>7</v>
      </c>
      <c r="FL26" s="101">
        <v>0</v>
      </c>
      <c r="FM26" s="102">
        <v>0</v>
      </c>
      <c r="FN26" s="103">
        <v>0</v>
      </c>
      <c r="FO26" s="413">
        <v>0</v>
      </c>
      <c r="FP26" s="102">
        <v>0</v>
      </c>
      <c r="FQ26" s="102">
        <v>2</v>
      </c>
      <c r="FR26" s="102">
        <v>1</v>
      </c>
      <c r="FS26" s="102">
        <v>2</v>
      </c>
      <c r="FT26" s="102">
        <v>0</v>
      </c>
      <c r="FU26" s="103">
        <v>5</v>
      </c>
      <c r="FV26" s="104">
        <v>5</v>
      </c>
      <c r="FW26" s="101">
        <v>0</v>
      </c>
      <c r="FX26" s="102">
        <v>0</v>
      </c>
      <c r="FY26" s="103">
        <v>0</v>
      </c>
      <c r="FZ26" s="413">
        <v>0</v>
      </c>
      <c r="GA26" s="102">
        <v>0</v>
      </c>
      <c r="GB26" s="102">
        <v>0</v>
      </c>
      <c r="GC26" s="102">
        <v>0</v>
      </c>
      <c r="GD26" s="102">
        <v>0</v>
      </c>
      <c r="GE26" s="102">
        <v>0</v>
      </c>
      <c r="GF26" s="103">
        <v>0</v>
      </c>
      <c r="GG26" s="104">
        <v>0</v>
      </c>
      <c r="GH26" s="101">
        <v>1</v>
      </c>
      <c r="GI26" s="102">
        <v>2</v>
      </c>
      <c r="GJ26" s="103">
        <v>3</v>
      </c>
      <c r="GK26" s="413">
        <v>0</v>
      </c>
      <c r="GL26" s="102">
        <v>6</v>
      </c>
      <c r="GM26" s="102">
        <v>7</v>
      </c>
      <c r="GN26" s="102">
        <v>1</v>
      </c>
      <c r="GO26" s="102">
        <v>4</v>
      </c>
      <c r="GP26" s="102">
        <v>0</v>
      </c>
      <c r="GQ26" s="103">
        <v>18</v>
      </c>
      <c r="GR26" s="104">
        <v>21</v>
      </c>
      <c r="GS26" s="105">
        <v>37</v>
      </c>
      <c r="GT26" s="97">
        <v>37</v>
      </c>
      <c r="GU26" s="98">
        <v>74</v>
      </c>
      <c r="GV26" s="413">
        <v>0</v>
      </c>
      <c r="GW26" s="97">
        <v>58</v>
      </c>
      <c r="GX26" s="97">
        <v>49</v>
      </c>
      <c r="GY26" s="97">
        <v>20</v>
      </c>
      <c r="GZ26" s="97">
        <v>25</v>
      </c>
      <c r="HA26" s="97">
        <v>13</v>
      </c>
      <c r="HB26" s="99">
        <v>165</v>
      </c>
      <c r="HC26" s="100">
        <v>239</v>
      </c>
      <c r="HD26" s="101">
        <v>0</v>
      </c>
      <c r="HE26" s="102">
        <v>1</v>
      </c>
      <c r="HF26" s="103">
        <v>1</v>
      </c>
      <c r="HG26" s="413">
        <v>0</v>
      </c>
      <c r="HH26" s="102">
        <v>0</v>
      </c>
      <c r="HI26" s="102">
        <v>2</v>
      </c>
      <c r="HJ26" s="102">
        <v>0</v>
      </c>
      <c r="HK26" s="102">
        <v>1</v>
      </c>
      <c r="HL26" s="102">
        <v>0</v>
      </c>
      <c r="HM26" s="103">
        <v>3</v>
      </c>
      <c r="HN26" s="104">
        <v>4</v>
      </c>
      <c r="HO26" s="101">
        <v>0</v>
      </c>
      <c r="HP26" s="102">
        <v>2</v>
      </c>
      <c r="HQ26" s="103">
        <v>2</v>
      </c>
      <c r="HR26" s="413">
        <v>0</v>
      </c>
      <c r="HS26" s="102">
        <v>0</v>
      </c>
      <c r="HT26" s="102">
        <v>1</v>
      </c>
      <c r="HU26" s="102">
        <v>1</v>
      </c>
      <c r="HV26" s="102">
        <v>0</v>
      </c>
      <c r="HW26" s="102">
        <v>0</v>
      </c>
      <c r="HX26" s="103">
        <v>2</v>
      </c>
      <c r="HY26" s="104">
        <v>4</v>
      </c>
      <c r="HZ26" s="101">
        <v>5</v>
      </c>
      <c r="IA26" s="102">
        <v>4</v>
      </c>
      <c r="IB26" s="103">
        <v>9</v>
      </c>
      <c r="IC26" s="413">
        <v>0</v>
      </c>
      <c r="ID26" s="102">
        <v>4</v>
      </c>
      <c r="IE26" s="102">
        <v>4</v>
      </c>
      <c r="IF26" s="102">
        <v>2</v>
      </c>
      <c r="IG26" s="102">
        <v>1</v>
      </c>
      <c r="IH26" s="102">
        <v>2</v>
      </c>
      <c r="II26" s="103">
        <v>13</v>
      </c>
      <c r="IJ26" s="104">
        <v>22</v>
      </c>
      <c r="IK26" s="101">
        <v>9</v>
      </c>
      <c r="IL26" s="102">
        <v>12</v>
      </c>
      <c r="IM26" s="103">
        <v>21</v>
      </c>
      <c r="IN26" s="413">
        <v>0</v>
      </c>
      <c r="IO26" s="102">
        <v>15</v>
      </c>
      <c r="IP26" s="102">
        <v>17</v>
      </c>
      <c r="IQ26" s="102">
        <v>5</v>
      </c>
      <c r="IR26" s="102">
        <v>7</v>
      </c>
      <c r="IS26" s="102">
        <v>4</v>
      </c>
      <c r="IT26" s="103">
        <v>48</v>
      </c>
      <c r="IU26" s="104">
        <v>69</v>
      </c>
      <c r="IV26" s="101">
        <v>14</v>
      </c>
      <c r="IW26" s="102">
        <v>13</v>
      </c>
      <c r="IX26" s="103">
        <v>27</v>
      </c>
      <c r="IY26" s="413">
        <v>0</v>
      </c>
      <c r="IZ26" s="102">
        <v>24</v>
      </c>
      <c r="JA26" s="102">
        <v>14</v>
      </c>
      <c r="JB26" s="102">
        <v>3</v>
      </c>
      <c r="JC26" s="102">
        <v>7</v>
      </c>
      <c r="JD26" s="102">
        <v>5</v>
      </c>
      <c r="JE26" s="103">
        <v>53</v>
      </c>
      <c r="JF26" s="104">
        <v>80</v>
      </c>
      <c r="JG26" s="101">
        <v>9</v>
      </c>
      <c r="JH26" s="102">
        <v>5</v>
      </c>
      <c r="JI26" s="103">
        <v>14</v>
      </c>
      <c r="JJ26" s="413">
        <v>0</v>
      </c>
      <c r="JK26" s="102">
        <v>15</v>
      </c>
      <c r="JL26" s="102">
        <v>11</v>
      </c>
      <c r="JM26" s="102">
        <v>9</v>
      </c>
      <c r="JN26" s="102">
        <v>9</v>
      </c>
      <c r="JO26" s="102">
        <v>2</v>
      </c>
      <c r="JP26" s="103">
        <v>46</v>
      </c>
      <c r="JQ26" s="104">
        <v>60</v>
      </c>
      <c r="JR26" s="101">
        <v>0</v>
      </c>
      <c r="JS26" s="102">
        <v>0</v>
      </c>
      <c r="JT26" s="103">
        <v>0</v>
      </c>
      <c r="JU26" s="413">
        <v>0</v>
      </c>
      <c r="JV26" s="102">
        <v>0</v>
      </c>
      <c r="JW26" s="102">
        <v>0</v>
      </c>
      <c r="JX26" s="102">
        <v>0</v>
      </c>
      <c r="JY26" s="102">
        <v>0</v>
      </c>
      <c r="JZ26" s="102">
        <v>0</v>
      </c>
      <c r="KA26" s="103">
        <v>0</v>
      </c>
      <c r="KB26" s="104">
        <v>0</v>
      </c>
      <c r="KC26" s="101">
        <v>37</v>
      </c>
      <c r="KD26" s="102">
        <v>37</v>
      </c>
      <c r="KE26" s="103">
        <v>74</v>
      </c>
      <c r="KF26" s="413">
        <v>0</v>
      </c>
      <c r="KG26" s="102">
        <v>58</v>
      </c>
      <c r="KH26" s="102">
        <v>49</v>
      </c>
      <c r="KI26" s="102">
        <v>20</v>
      </c>
      <c r="KJ26" s="102">
        <v>25</v>
      </c>
      <c r="KK26" s="102">
        <v>13</v>
      </c>
      <c r="KL26" s="103">
        <v>165</v>
      </c>
      <c r="KM26" s="104">
        <v>239</v>
      </c>
    </row>
    <row r="27" spans="2:299" s="70" customFormat="1" ht="21" customHeight="1" x14ac:dyDescent="0.2">
      <c r="B27" s="106" t="s">
        <v>24</v>
      </c>
      <c r="C27" s="96">
        <v>29</v>
      </c>
      <c r="D27" s="97">
        <v>24</v>
      </c>
      <c r="E27" s="98">
        <v>53</v>
      </c>
      <c r="F27" s="413">
        <v>0</v>
      </c>
      <c r="G27" s="97">
        <v>39</v>
      </c>
      <c r="H27" s="97">
        <v>27</v>
      </c>
      <c r="I27" s="97">
        <v>21</v>
      </c>
      <c r="J27" s="97">
        <v>16</v>
      </c>
      <c r="K27" s="97">
        <v>7</v>
      </c>
      <c r="L27" s="99">
        <v>110</v>
      </c>
      <c r="M27" s="100">
        <v>163</v>
      </c>
      <c r="N27" s="101">
        <v>0</v>
      </c>
      <c r="O27" s="102">
        <v>0</v>
      </c>
      <c r="P27" s="103">
        <v>0</v>
      </c>
      <c r="Q27" s="413">
        <v>0</v>
      </c>
      <c r="R27" s="102">
        <v>0</v>
      </c>
      <c r="S27" s="102">
        <v>0</v>
      </c>
      <c r="T27" s="102">
        <v>0</v>
      </c>
      <c r="U27" s="102">
        <v>0</v>
      </c>
      <c r="V27" s="102">
        <v>0</v>
      </c>
      <c r="W27" s="103">
        <v>0</v>
      </c>
      <c r="X27" s="104">
        <v>0</v>
      </c>
      <c r="Y27" s="101">
        <v>0</v>
      </c>
      <c r="Z27" s="102">
        <v>0</v>
      </c>
      <c r="AA27" s="103">
        <v>0</v>
      </c>
      <c r="AB27" s="413">
        <v>0</v>
      </c>
      <c r="AC27" s="102">
        <v>2</v>
      </c>
      <c r="AD27" s="102">
        <v>1</v>
      </c>
      <c r="AE27" s="102">
        <v>0</v>
      </c>
      <c r="AF27" s="102">
        <v>1</v>
      </c>
      <c r="AG27" s="102">
        <v>0</v>
      </c>
      <c r="AH27" s="103">
        <v>4</v>
      </c>
      <c r="AI27" s="104">
        <v>4</v>
      </c>
      <c r="AJ27" s="101">
        <v>0</v>
      </c>
      <c r="AK27" s="102">
        <v>6</v>
      </c>
      <c r="AL27" s="103">
        <v>6</v>
      </c>
      <c r="AM27" s="413">
        <v>0</v>
      </c>
      <c r="AN27" s="102">
        <v>1</v>
      </c>
      <c r="AO27" s="102">
        <v>3</v>
      </c>
      <c r="AP27" s="102">
        <v>3</v>
      </c>
      <c r="AQ27" s="102">
        <v>3</v>
      </c>
      <c r="AR27" s="102">
        <v>0</v>
      </c>
      <c r="AS27" s="103">
        <v>10</v>
      </c>
      <c r="AT27" s="104">
        <v>16</v>
      </c>
      <c r="AU27" s="101">
        <v>4</v>
      </c>
      <c r="AV27" s="102">
        <v>3</v>
      </c>
      <c r="AW27" s="103">
        <v>7</v>
      </c>
      <c r="AX27" s="413">
        <v>0</v>
      </c>
      <c r="AY27" s="102">
        <v>5</v>
      </c>
      <c r="AZ27" s="102">
        <v>5</v>
      </c>
      <c r="BA27" s="102">
        <v>2</v>
      </c>
      <c r="BB27" s="102">
        <v>2</v>
      </c>
      <c r="BC27" s="102">
        <v>1</v>
      </c>
      <c r="BD27" s="103">
        <v>15</v>
      </c>
      <c r="BE27" s="104">
        <v>22</v>
      </c>
      <c r="BF27" s="101">
        <v>12</v>
      </c>
      <c r="BG27" s="102">
        <v>8</v>
      </c>
      <c r="BH27" s="103">
        <v>20</v>
      </c>
      <c r="BI27" s="413">
        <v>0</v>
      </c>
      <c r="BJ27" s="102">
        <v>14</v>
      </c>
      <c r="BK27" s="102">
        <v>7</v>
      </c>
      <c r="BL27" s="102">
        <v>6</v>
      </c>
      <c r="BM27" s="102">
        <v>5</v>
      </c>
      <c r="BN27" s="102">
        <v>2</v>
      </c>
      <c r="BO27" s="103">
        <v>34</v>
      </c>
      <c r="BP27" s="104">
        <v>54</v>
      </c>
      <c r="BQ27" s="101">
        <v>13</v>
      </c>
      <c r="BR27" s="102">
        <v>7</v>
      </c>
      <c r="BS27" s="103">
        <v>20</v>
      </c>
      <c r="BT27" s="413">
        <v>0</v>
      </c>
      <c r="BU27" s="102">
        <v>17</v>
      </c>
      <c r="BV27" s="102">
        <v>11</v>
      </c>
      <c r="BW27" s="102">
        <v>10</v>
      </c>
      <c r="BX27" s="102">
        <v>5</v>
      </c>
      <c r="BY27" s="102">
        <v>4</v>
      </c>
      <c r="BZ27" s="103">
        <v>47</v>
      </c>
      <c r="CA27" s="104">
        <v>67</v>
      </c>
      <c r="CB27" s="101">
        <v>0</v>
      </c>
      <c r="CC27" s="102">
        <v>0</v>
      </c>
      <c r="CD27" s="103">
        <v>0</v>
      </c>
      <c r="CE27" s="413">
        <v>0</v>
      </c>
      <c r="CF27" s="102">
        <v>0</v>
      </c>
      <c r="CG27" s="102">
        <v>0</v>
      </c>
      <c r="CH27" s="102">
        <v>0</v>
      </c>
      <c r="CI27" s="102">
        <v>0</v>
      </c>
      <c r="CJ27" s="102">
        <v>0</v>
      </c>
      <c r="CK27" s="103">
        <v>0</v>
      </c>
      <c r="CL27" s="104">
        <v>0</v>
      </c>
      <c r="CM27" s="101">
        <v>29</v>
      </c>
      <c r="CN27" s="102">
        <v>24</v>
      </c>
      <c r="CO27" s="103">
        <v>53</v>
      </c>
      <c r="CP27" s="413">
        <v>0</v>
      </c>
      <c r="CQ27" s="102">
        <v>39</v>
      </c>
      <c r="CR27" s="102">
        <v>27</v>
      </c>
      <c r="CS27" s="102">
        <v>21</v>
      </c>
      <c r="CT27" s="102">
        <v>16</v>
      </c>
      <c r="CU27" s="102">
        <v>7</v>
      </c>
      <c r="CV27" s="103">
        <v>110</v>
      </c>
      <c r="CW27" s="104">
        <v>163</v>
      </c>
      <c r="CX27" s="105">
        <v>6</v>
      </c>
      <c r="CY27" s="97">
        <v>2</v>
      </c>
      <c r="CZ27" s="98">
        <v>8</v>
      </c>
      <c r="DA27" s="413">
        <v>0</v>
      </c>
      <c r="DB27" s="97">
        <v>6</v>
      </c>
      <c r="DC27" s="97">
        <v>3</v>
      </c>
      <c r="DD27" s="97">
        <v>5</v>
      </c>
      <c r="DE27" s="97">
        <v>3</v>
      </c>
      <c r="DF27" s="97">
        <v>0</v>
      </c>
      <c r="DG27" s="99">
        <v>17</v>
      </c>
      <c r="DH27" s="100">
        <v>25</v>
      </c>
      <c r="DI27" s="101">
        <v>0</v>
      </c>
      <c r="DJ27" s="102">
        <v>0</v>
      </c>
      <c r="DK27" s="103">
        <v>0</v>
      </c>
      <c r="DL27" s="413">
        <v>0</v>
      </c>
      <c r="DM27" s="102">
        <v>1</v>
      </c>
      <c r="DN27" s="102">
        <v>0</v>
      </c>
      <c r="DO27" s="102">
        <v>0</v>
      </c>
      <c r="DP27" s="102">
        <v>0</v>
      </c>
      <c r="DQ27" s="102">
        <v>0</v>
      </c>
      <c r="DR27" s="103">
        <v>1</v>
      </c>
      <c r="DS27" s="104">
        <v>1</v>
      </c>
      <c r="DT27" s="101">
        <v>1</v>
      </c>
      <c r="DU27" s="102">
        <v>0</v>
      </c>
      <c r="DV27" s="103">
        <v>1</v>
      </c>
      <c r="DW27" s="413">
        <v>0</v>
      </c>
      <c r="DX27" s="102">
        <v>0</v>
      </c>
      <c r="DY27" s="102">
        <v>0</v>
      </c>
      <c r="DZ27" s="102">
        <v>0</v>
      </c>
      <c r="EA27" s="102">
        <v>0</v>
      </c>
      <c r="EB27" s="102">
        <v>0</v>
      </c>
      <c r="EC27" s="103">
        <v>0</v>
      </c>
      <c r="ED27" s="104">
        <v>1</v>
      </c>
      <c r="EE27" s="101">
        <v>0</v>
      </c>
      <c r="EF27" s="102">
        <v>0</v>
      </c>
      <c r="EG27" s="103">
        <v>0</v>
      </c>
      <c r="EH27" s="413">
        <v>0</v>
      </c>
      <c r="EI27" s="102">
        <v>1</v>
      </c>
      <c r="EJ27" s="102">
        <v>1</v>
      </c>
      <c r="EK27" s="102">
        <v>0</v>
      </c>
      <c r="EL27" s="102">
        <v>0</v>
      </c>
      <c r="EM27" s="102">
        <v>0</v>
      </c>
      <c r="EN27" s="103">
        <v>2</v>
      </c>
      <c r="EO27" s="104">
        <v>2</v>
      </c>
      <c r="EP27" s="101">
        <v>0</v>
      </c>
      <c r="EQ27" s="102">
        <v>1</v>
      </c>
      <c r="ER27" s="103">
        <v>1</v>
      </c>
      <c r="ES27" s="413">
        <v>0</v>
      </c>
      <c r="ET27" s="102">
        <v>0</v>
      </c>
      <c r="EU27" s="102">
        <v>0</v>
      </c>
      <c r="EV27" s="102">
        <v>0</v>
      </c>
      <c r="EW27" s="102">
        <v>1</v>
      </c>
      <c r="EX27" s="102">
        <v>0</v>
      </c>
      <c r="EY27" s="103">
        <v>1</v>
      </c>
      <c r="EZ27" s="104">
        <v>2</v>
      </c>
      <c r="FA27" s="101">
        <v>4</v>
      </c>
      <c r="FB27" s="102">
        <v>1</v>
      </c>
      <c r="FC27" s="103">
        <v>5</v>
      </c>
      <c r="FD27" s="413">
        <v>0</v>
      </c>
      <c r="FE27" s="102">
        <v>2</v>
      </c>
      <c r="FF27" s="102">
        <v>1</v>
      </c>
      <c r="FG27" s="102">
        <v>0</v>
      </c>
      <c r="FH27" s="102">
        <v>0</v>
      </c>
      <c r="FI27" s="102">
        <v>0</v>
      </c>
      <c r="FJ27" s="103">
        <v>3</v>
      </c>
      <c r="FK27" s="104">
        <v>8</v>
      </c>
      <c r="FL27" s="101">
        <v>1</v>
      </c>
      <c r="FM27" s="102">
        <v>0</v>
      </c>
      <c r="FN27" s="103">
        <v>1</v>
      </c>
      <c r="FO27" s="413">
        <v>0</v>
      </c>
      <c r="FP27" s="102">
        <v>2</v>
      </c>
      <c r="FQ27" s="102">
        <v>1</v>
      </c>
      <c r="FR27" s="102">
        <v>5</v>
      </c>
      <c r="FS27" s="102">
        <v>2</v>
      </c>
      <c r="FT27" s="102">
        <v>0</v>
      </c>
      <c r="FU27" s="103">
        <v>10</v>
      </c>
      <c r="FV27" s="104">
        <v>11</v>
      </c>
      <c r="FW27" s="101">
        <v>0</v>
      </c>
      <c r="FX27" s="102">
        <v>0</v>
      </c>
      <c r="FY27" s="103">
        <v>0</v>
      </c>
      <c r="FZ27" s="413">
        <v>0</v>
      </c>
      <c r="GA27" s="102">
        <v>0</v>
      </c>
      <c r="GB27" s="102">
        <v>0</v>
      </c>
      <c r="GC27" s="102">
        <v>0</v>
      </c>
      <c r="GD27" s="102">
        <v>0</v>
      </c>
      <c r="GE27" s="102">
        <v>0</v>
      </c>
      <c r="GF27" s="103">
        <v>0</v>
      </c>
      <c r="GG27" s="104">
        <v>0</v>
      </c>
      <c r="GH27" s="101">
        <v>6</v>
      </c>
      <c r="GI27" s="102">
        <v>2</v>
      </c>
      <c r="GJ27" s="103">
        <v>8</v>
      </c>
      <c r="GK27" s="413">
        <v>0</v>
      </c>
      <c r="GL27" s="102">
        <v>6</v>
      </c>
      <c r="GM27" s="102">
        <v>3</v>
      </c>
      <c r="GN27" s="102">
        <v>5</v>
      </c>
      <c r="GO27" s="102">
        <v>3</v>
      </c>
      <c r="GP27" s="102">
        <v>0</v>
      </c>
      <c r="GQ27" s="103">
        <v>17</v>
      </c>
      <c r="GR27" s="104">
        <v>25</v>
      </c>
      <c r="GS27" s="105">
        <v>35</v>
      </c>
      <c r="GT27" s="97">
        <v>26</v>
      </c>
      <c r="GU27" s="98">
        <v>61</v>
      </c>
      <c r="GV27" s="413">
        <v>0</v>
      </c>
      <c r="GW27" s="97">
        <v>45</v>
      </c>
      <c r="GX27" s="97">
        <v>30</v>
      </c>
      <c r="GY27" s="97">
        <v>26</v>
      </c>
      <c r="GZ27" s="97">
        <v>19</v>
      </c>
      <c r="HA27" s="97">
        <v>7</v>
      </c>
      <c r="HB27" s="99">
        <v>127</v>
      </c>
      <c r="HC27" s="100">
        <v>188</v>
      </c>
      <c r="HD27" s="101">
        <v>0</v>
      </c>
      <c r="HE27" s="102">
        <v>0</v>
      </c>
      <c r="HF27" s="103">
        <v>0</v>
      </c>
      <c r="HG27" s="413">
        <v>0</v>
      </c>
      <c r="HH27" s="102">
        <v>1</v>
      </c>
      <c r="HI27" s="102">
        <v>0</v>
      </c>
      <c r="HJ27" s="102">
        <v>0</v>
      </c>
      <c r="HK27" s="102">
        <v>0</v>
      </c>
      <c r="HL27" s="102">
        <v>0</v>
      </c>
      <c r="HM27" s="103">
        <v>1</v>
      </c>
      <c r="HN27" s="104">
        <v>1</v>
      </c>
      <c r="HO27" s="101">
        <v>1</v>
      </c>
      <c r="HP27" s="102">
        <v>0</v>
      </c>
      <c r="HQ27" s="103">
        <v>1</v>
      </c>
      <c r="HR27" s="413">
        <v>0</v>
      </c>
      <c r="HS27" s="102">
        <v>2</v>
      </c>
      <c r="HT27" s="102">
        <v>1</v>
      </c>
      <c r="HU27" s="102">
        <v>0</v>
      </c>
      <c r="HV27" s="102">
        <v>1</v>
      </c>
      <c r="HW27" s="102">
        <v>0</v>
      </c>
      <c r="HX27" s="103">
        <v>4</v>
      </c>
      <c r="HY27" s="104">
        <v>5</v>
      </c>
      <c r="HZ27" s="101">
        <v>0</v>
      </c>
      <c r="IA27" s="102">
        <v>6</v>
      </c>
      <c r="IB27" s="103">
        <v>6</v>
      </c>
      <c r="IC27" s="413">
        <v>0</v>
      </c>
      <c r="ID27" s="102">
        <v>2</v>
      </c>
      <c r="IE27" s="102">
        <v>4</v>
      </c>
      <c r="IF27" s="102">
        <v>3</v>
      </c>
      <c r="IG27" s="102">
        <v>3</v>
      </c>
      <c r="IH27" s="102">
        <v>0</v>
      </c>
      <c r="II27" s="103">
        <v>12</v>
      </c>
      <c r="IJ27" s="104">
        <v>18</v>
      </c>
      <c r="IK27" s="101">
        <v>4</v>
      </c>
      <c r="IL27" s="102">
        <v>4</v>
      </c>
      <c r="IM27" s="103">
        <v>8</v>
      </c>
      <c r="IN27" s="413">
        <v>0</v>
      </c>
      <c r="IO27" s="102">
        <v>5</v>
      </c>
      <c r="IP27" s="102">
        <v>5</v>
      </c>
      <c r="IQ27" s="102">
        <v>2</v>
      </c>
      <c r="IR27" s="102">
        <v>3</v>
      </c>
      <c r="IS27" s="102">
        <v>1</v>
      </c>
      <c r="IT27" s="103">
        <v>16</v>
      </c>
      <c r="IU27" s="104">
        <v>24</v>
      </c>
      <c r="IV27" s="101">
        <v>16</v>
      </c>
      <c r="IW27" s="102">
        <v>9</v>
      </c>
      <c r="IX27" s="103">
        <v>25</v>
      </c>
      <c r="IY27" s="413">
        <v>0</v>
      </c>
      <c r="IZ27" s="102">
        <v>16</v>
      </c>
      <c r="JA27" s="102">
        <v>8</v>
      </c>
      <c r="JB27" s="102">
        <v>6</v>
      </c>
      <c r="JC27" s="102">
        <v>5</v>
      </c>
      <c r="JD27" s="102">
        <v>2</v>
      </c>
      <c r="JE27" s="103">
        <v>37</v>
      </c>
      <c r="JF27" s="104">
        <v>62</v>
      </c>
      <c r="JG27" s="101">
        <v>14</v>
      </c>
      <c r="JH27" s="102">
        <v>7</v>
      </c>
      <c r="JI27" s="103">
        <v>21</v>
      </c>
      <c r="JJ27" s="413">
        <v>0</v>
      </c>
      <c r="JK27" s="102">
        <v>19</v>
      </c>
      <c r="JL27" s="102">
        <v>12</v>
      </c>
      <c r="JM27" s="102">
        <v>15</v>
      </c>
      <c r="JN27" s="102">
        <v>7</v>
      </c>
      <c r="JO27" s="102">
        <v>4</v>
      </c>
      <c r="JP27" s="103">
        <v>57</v>
      </c>
      <c r="JQ27" s="104">
        <v>78</v>
      </c>
      <c r="JR27" s="101">
        <v>0</v>
      </c>
      <c r="JS27" s="102">
        <v>0</v>
      </c>
      <c r="JT27" s="103">
        <v>0</v>
      </c>
      <c r="JU27" s="413">
        <v>0</v>
      </c>
      <c r="JV27" s="102">
        <v>0</v>
      </c>
      <c r="JW27" s="102">
        <v>0</v>
      </c>
      <c r="JX27" s="102">
        <v>0</v>
      </c>
      <c r="JY27" s="102">
        <v>0</v>
      </c>
      <c r="JZ27" s="102">
        <v>0</v>
      </c>
      <c r="KA27" s="103">
        <v>0</v>
      </c>
      <c r="KB27" s="104">
        <v>0</v>
      </c>
      <c r="KC27" s="101">
        <v>35</v>
      </c>
      <c r="KD27" s="102">
        <v>26</v>
      </c>
      <c r="KE27" s="103">
        <v>61</v>
      </c>
      <c r="KF27" s="413">
        <v>0</v>
      </c>
      <c r="KG27" s="102">
        <v>45</v>
      </c>
      <c r="KH27" s="102">
        <v>30</v>
      </c>
      <c r="KI27" s="102">
        <v>26</v>
      </c>
      <c r="KJ27" s="102">
        <v>19</v>
      </c>
      <c r="KK27" s="102">
        <v>7</v>
      </c>
      <c r="KL27" s="103">
        <v>127</v>
      </c>
      <c r="KM27" s="104">
        <v>188</v>
      </c>
    </row>
    <row r="28" spans="2:299" s="70" customFormat="1" ht="21" customHeight="1" x14ac:dyDescent="0.2">
      <c r="B28" s="106" t="s">
        <v>25</v>
      </c>
      <c r="C28" s="96">
        <v>14</v>
      </c>
      <c r="D28" s="97">
        <v>29</v>
      </c>
      <c r="E28" s="98">
        <v>43</v>
      </c>
      <c r="F28" s="413">
        <v>0</v>
      </c>
      <c r="G28" s="97">
        <v>23</v>
      </c>
      <c r="H28" s="97">
        <v>21</v>
      </c>
      <c r="I28" s="97">
        <v>11</v>
      </c>
      <c r="J28" s="97">
        <v>8</v>
      </c>
      <c r="K28" s="97">
        <v>3</v>
      </c>
      <c r="L28" s="99">
        <v>66</v>
      </c>
      <c r="M28" s="100">
        <v>109</v>
      </c>
      <c r="N28" s="101">
        <v>0</v>
      </c>
      <c r="O28" s="102">
        <v>0</v>
      </c>
      <c r="P28" s="103">
        <v>0</v>
      </c>
      <c r="Q28" s="413">
        <v>0</v>
      </c>
      <c r="R28" s="102">
        <v>1</v>
      </c>
      <c r="S28" s="102">
        <v>1</v>
      </c>
      <c r="T28" s="102">
        <v>0</v>
      </c>
      <c r="U28" s="102">
        <v>0</v>
      </c>
      <c r="V28" s="102">
        <v>0</v>
      </c>
      <c r="W28" s="103">
        <v>2</v>
      </c>
      <c r="X28" s="104">
        <v>2</v>
      </c>
      <c r="Y28" s="101">
        <v>2</v>
      </c>
      <c r="Z28" s="102">
        <v>1</v>
      </c>
      <c r="AA28" s="103">
        <v>3</v>
      </c>
      <c r="AB28" s="413">
        <v>0</v>
      </c>
      <c r="AC28" s="102">
        <v>0</v>
      </c>
      <c r="AD28" s="102">
        <v>1</v>
      </c>
      <c r="AE28" s="102">
        <v>0</v>
      </c>
      <c r="AF28" s="102">
        <v>2</v>
      </c>
      <c r="AG28" s="102">
        <v>0</v>
      </c>
      <c r="AH28" s="103">
        <v>3</v>
      </c>
      <c r="AI28" s="104">
        <v>6</v>
      </c>
      <c r="AJ28" s="101">
        <v>0</v>
      </c>
      <c r="AK28" s="102">
        <v>2</v>
      </c>
      <c r="AL28" s="103">
        <v>2</v>
      </c>
      <c r="AM28" s="413">
        <v>0</v>
      </c>
      <c r="AN28" s="102">
        <v>1</v>
      </c>
      <c r="AO28" s="102">
        <v>2</v>
      </c>
      <c r="AP28" s="102">
        <v>2</v>
      </c>
      <c r="AQ28" s="102">
        <v>1</v>
      </c>
      <c r="AR28" s="102">
        <v>0</v>
      </c>
      <c r="AS28" s="103">
        <v>6</v>
      </c>
      <c r="AT28" s="104">
        <v>8</v>
      </c>
      <c r="AU28" s="101">
        <v>3</v>
      </c>
      <c r="AV28" s="102">
        <v>15</v>
      </c>
      <c r="AW28" s="103">
        <v>18</v>
      </c>
      <c r="AX28" s="413">
        <v>0</v>
      </c>
      <c r="AY28" s="102">
        <v>10</v>
      </c>
      <c r="AZ28" s="102">
        <v>4</v>
      </c>
      <c r="BA28" s="102">
        <v>3</v>
      </c>
      <c r="BB28" s="102">
        <v>1</v>
      </c>
      <c r="BC28" s="102">
        <v>0</v>
      </c>
      <c r="BD28" s="103">
        <v>18</v>
      </c>
      <c r="BE28" s="104">
        <v>36</v>
      </c>
      <c r="BF28" s="101">
        <v>3</v>
      </c>
      <c r="BG28" s="102">
        <v>6</v>
      </c>
      <c r="BH28" s="103">
        <v>9</v>
      </c>
      <c r="BI28" s="413">
        <v>0</v>
      </c>
      <c r="BJ28" s="102">
        <v>6</v>
      </c>
      <c r="BK28" s="102">
        <v>7</v>
      </c>
      <c r="BL28" s="102">
        <v>2</v>
      </c>
      <c r="BM28" s="102">
        <v>1</v>
      </c>
      <c r="BN28" s="102">
        <v>1</v>
      </c>
      <c r="BO28" s="103">
        <v>17</v>
      </c>
      <c r="BP28" s="104">
        <v>26</v>
      </c>
      <c r="BQ28" s="101">
        <v>6</v>
      </c>
      <c r="BR28" s="102">
        <v>5</v>
      </c>
      <c r="BS28" s="103">
        <v>11</v>
      </c>
      <c r="BT28" s="413">
        <v>0</v>
      </c>
      <c r="BU28" s="102">
        <v>5</v>
      </c>
      <c r="BV28" s="102">
        <v>6</v>
      </c>
      <c r="BW28" s="102">
        <v>4</v>
      </c>
      <c r="BX28" s="102">
        <v>3</v>
      </c>
      <c r="BY28" s="102">
        <v>2</v>
      </c>
      <c r="BZ28" s="103">
        <v>20</v>
      </c>
      <c r="CA28" s="104">
        <v>31</v>
      </c>
      <c r="CB28" s="101">
        <v>0</v>
      </c>
      <c r="CC28" s="102">
        <v>0</v>
      </c>
      <c r="CD28" s="103">
        <v>0</v>
      </c>
      <c r="CE28" s="413">
        <v>0</v>
      </c>
      <c r="CF28" s="102">
        <v>0</v>
      </c>
      <c r="CG28" s="102">
        <v>0</v>
      </c>
      <c r="CH28" s="102">
        <v>0</v>
      </c>
      <c r="CI28" s="102">
        <v>0</v>
      </c>
      <c r="CJ28" s="102">
        <v>0</v>
      </c>
      <c r="CK28" s="103">
        <v>0</v>
      </c>
      <c r="CL28" s="104">
        <v>0</v>
      </c>
      <c r="CM28" s="101">
        <v>14</v>
      </c>
      <c r="CN28" s="102">
        <v>29</v>
      </c>
      <c r="CO28" s="103">
        <v>43</v>
      </c>
      <c r="CP28" s="413">
        <v>0</v>
      </c>
      <c r="CQ28" s="102">
        <v>23</v>
      </c>
      <c r="CR28" s="102">
        <v>21</v>
      </c>
      <c r="CS28" s="102">
        <v>11</v>
      </c>
      <c r="CT28" s="102">
        <v>8</v>
      </c>
      <c r="CU28" s="102">
        <v>3</v>
      </c>
      <c r="CV28" s="103">
        <v>66</v>
      </c>
      <c r="CW28" s="104">
        <v>109</v>
      </c>
      <c r="CX28" s="105">
        <v>3</v>
      </c>
      <c r="CY28" s="97">
        <v>1</v>
      </c>
      <c r="CZ28" s="98">
        <v>4</v>
      </c>
      <c r="DA28" s="413">
        <v>0</v>
      </c>
      <c r="DB28" s="97">
        <v>4</v>
      </c>
      <c r="DC28" s="97">
        <v>3</v>
      </c>
      <c r="DD28" s="97">
        <v>0</v>
      </c>
      <c r="DE28" s="97">
        <v>1</v>
      </c>
      <c r="DF28" s="97">
        <v>0</v>
      </c>
      <c r="DG28" s="99">
        <v>8</v>
      </c>
      <c r="DH28" s="100">
        <v>12</v>
      </c>
      <c r="DI28" s="101">
        <v>0</v>
      </c>
      <c r="DJ28" s="102">
        <v>1</v>
      </c>
      <c r="DK28" s="103">
        <v>1</v>
      </c>
      <c r="DL28" s="413">
        <v>0</v>
      </c>
      <c r="DM28" s="102">
        <v>0</v>
      </c>
      <c r="DN28" s="102">
        <v>0</v>
      </c>
      <c r="DO28" s="102">
        <v>0</v>
      </c>
      <c r="DP28" s="102">
        <v>0</v>
      </c>
      <c r="DQ28" s="102">
        <v>0</v>
      </c>
      <c r="DR28" s="103">
        <v>0</v>
      </c>
      <c r="DS28" s="104">
        <v>1</v>
      </c>
      <c r="DT28" s="101">
        <v>0</v>
      </c>
      <c r="DU28" s="102">
        <v>0</v>
      </c>
      <c r="DV28" s="103">
        <v>0</v>
      </c>
      <c r="DW28" s="413">
        <v>0</v>
      </c>
      <c r="DX28" s="102">
        <v>0</v>
      </c>
      <c r="DY28" s="102">
        <v>0</v>
      </c>
      <c r="DZ28" s="102">
        <v>0</v>
      </c>
      <c r="EA28" s="102">
        <v>0</v>
      </c>
      <c r="EB28" s="102">
        <v>0</v>
      </c>
      <c r="EC28" s="103">
        <v>0</v>
      </c>
      <c r="ED28" s="104">
        <v>0</v>
      </c>
      <c r="EE28" s="101">
        <v>0</v>
      </c>
      <c r="EF28" s="102">
        <v>0</v>
      </c>
      <c r="EG28" s="103">
        <v>0</v>
      </c>
      <c r="EH28" s="413">
        <v>0</v>
      </c>
      <c r="EI28" s="102">
        <v>0</v>
      </c>
      <c r="EJ28" s="102">
        <v>1</v>
      </c>
      <c r="EK28" s="102">
        <v>0</v>
      </c>
      <c r="EL28" s="102">
        <v>0</v>
      </c>
      <c r="EM28" s="102">
        <v>0</v>
      </c>
      <c r="EN28" s="103">
        <v>1</v>
      </c>
      <c r="EO28" s="104">
        <v>1</v>
      </c>
      <c r="EP28" s="101">
        <v>0</v>
      </c>
      <c r="EQ28" s="102">
        <v>0</v>
      </c>
      <c r="ER28" s="103">
        <v>0</v>
      </c>
      <c r="ES28" s="413">
        <v>0</v>
      </c>
      <c r="ET28" s="102">
        <v>0</v>
      </c>
      <c r="EU28" s="102">
        <v>1</v>
      </c>
      <c r="EV28" s="102">
        <v>0</v>
      </c>
      <c r="EW28" s="102">
        <v>0</v>
      </c>
      <c r="EX28" s="102">
        <v>0</v>
      </c>
      <c r="EY28" s="103">
        <v>1</v>
      </c>
      <c r="EZ28" s="104">
        <v>1</v>
      </c>
      <c r="FA28" s="101">
        <v>1</v>
      </c>
      <c r="FB28" s="102">
        <v>0</v>
      </c>
      <c r="FC28" s="103">
        <v>1</v>
      </c>
      <c r="FD28" s="413">
        <v>0</v>
      </c>
      <c r="FE28" s="102">
        <v>1</v>
      </c>
      <c r="FF28" s="102">
        <v>1</v>
      </c>
      <c r="FG28" s="102">
        <v>0</v>
      </c>
      <c r="FH28" s="102">
        <v>0</v>
      </c>
      <c r="FI28" s="102">
        <v>0</v>
      </c>
      <c r="FJ28" s="103">
        <v>2</v>
      </c>
      <c r="FK28" s="104">
        <v>3</v>
      </c>
      <c r="FL28" s="101">
        <v>2</v>
      </c>
      <c r="FM28" s="102">
        <v>0</v>
      </c>
      <c r="FN28" s="103">
        <v>2</v>
      </c>
      <c r="FO28" s="413">
        <v>0</v>
      </c>
      <c r="FP28" s="102">
        <v>3</v>
      </c>
      <c r="FQ28" s="102">
        <v>0</v>
      </c>
      <c r="FR28" s="102">
        <v>0</v>
      </c>
      <c r="FS28" s="102">
        <v>1</v>
      </c>
      <c r="FT28" s="102">
        <v>0</v>
      </c>
      <c r="FU28" s="103">
        <v>4</v>
      </c>
      <c r="FV28" s="104">
        <v>6</v>
      </c>
      <c r="FW28" s="101">
        <v>0</v>
      </c>
      <c r="FX28" s="102">
        <v>0</v>
      </c>
      <c r="FY28" s="103">
        <v>0</v>
      </c>
      <c r="FZ28" s="413">
        <v>0</v>
      </c>
      <c r="GA28" s="102">
        <v>0</v>
      </c>
      <c r="GB28" s="102">
        <v>0</v>
      </c>
      <c r="GC28" s="102">
        <v>0</v>
      </c>
      <c r="GD28" s="102">
        <v>0</v>
      </c>
      <c r="GE28" s="102">
        <v>0</v>
      </c>
      <c r="GF28" s="103">
        <v>0</v>
      </c>
      <c r="GG28" s="104">
        <v>0</v>
      </c>
      <c r="GH28" s="101">
        <v>3</v>
      </c>
      <c r="GI28" s="102">
        <v>1</v>
      </c>
      <c r="GJ28" s="103">
        <v>4</v>
      </c>
      <c r="GK28" s="413">
        <v>0</v>
      </c>
      <c r="GL28" s="102">
        <v>4</v>
      </c>
      <c r="GM28" s="102">
        <v>3</v>
      </c>
      <c r="GN28" s="102">
        <v>0</v>
      </c>
      <c r="GO28" s="102">
        <v>1</v>
      </c>
      <c r="GP28" s="102">
        <v>0</v>
      </c>
      <c r="GQ28" s="103">
        <v>8</v>
      </c>
      <c r="GR28" s="104">
        <v>12</v>
      </c>
      <c r="GS28" s="105">
        <v>17</v>
      </c>
      <c r="GT28" s="97">
        <v>30</v>
      </c>
      <c r="GU28" s="98">
        <v>47</v>
      </c>
      <c r="GV28" s="413">
        <v>0</v>
      </c>
      <c r="GW28" s="97">
        <v>27</v>
      </c>
      <c r="GX28" s="97">
        <v>24</v>
      </c>
      <c r="GY28" s="97">
        <v>11</v>
      </c>
      <c r="GZ28" s="97">
        <v>9</v>
      </c>
      <c r="HA28" s="97">
        <v>3</v>
      </c>
      <c r="HB28" s="99">
        <v>74</v>
      </c>
      <c r="HC28" s="100">
        <v>121</v>
      </c>
      <c r="HD28" s="101">
        <v>0</v>
      </c>
      <c r="HE28" s="102">
        <v>1</v>
      </c>
      <c r="HF28" s="103">
        <v>1</v>
      </c>
      <c r="HG28" s="413">
        <v>0</v>
      </c>
      <c r="HH28" s="102">
        <v>1</v>
      </c>
      <c r="HI28" s="102">
        <v>1</v>
      </c>
      <c r="HJ28" s="102">
        <v>0</v>
      </c>
      <c r="HK28" s="102">
        <v>0</v>
      </c>
      <c r="HL28" s="102">
        <v>0</v>
      </c>
      <c r="HM28" s="103">
        <v>2</v>
      </c>
      <c r="HN28" s="104">
        <v>3</v>
      </c>
      <c r="HO28" s="101">
        <v>2</v>
      </c>
      <c r="HP28" s="102">
        <v>1</v>
      </c>
      <c r="HQ28" s="103">
        <v>3</v>
      </c>
      <c r="HR28" s="413">
        <v>0</v>
      </c>
      <c r="HS28" s="102">
        <v>0</v>
      </c>
      <c r="HT28" s="102">
        <v>1</v>
      </c>
      <c r="HU28" s="102">
        <v>0</v>
      </c>
      <c r="HV28" s="102">
        <v>2</v>
      </c>
      <c r="HW28" s="102">
        <v>0</v>
      </c>
      <c r="HX28" s="103">
        <v>3</v>
      </c>
      <c r="HY28" s="104">
        <v>6</v>
      </c>
      <c r="HZ28" s="101">
        <v>0</v>
      </c>
      <c r="IA28" s="102">
        <v>2</v>
      </c>
      <c r="IB28" s="103">
        <v>2</v>
      </c>
      <c r="IC28" s="413">
        <v>0</v>
      </c>
      <c r="ID28" s="102">
        <v>1</v>
      </c>
      <c r="IE28" s="102">
        <v>3</v>
      </c>
      <c r="IF28" s="102">
        <v>2</v>
      </c>
      <c r="IG28" s="102">
        <v>1</v>
      </c>
      <c r="IH28" s="102">
        <v>0</v>
      </c>
      <c r="II28" s="103">
        <v>7</v>
      </c>
      <c r="IJ28" s="104">
        <v>9</v>
      </c>
      <c r="IK28" s="101">
        <v>3</v>
      </c>
      <c r="IL28" s="102">
        <v>15</v>
      </c>
      <c r="IM28" s="103">
        <v>18</v>
      </c>
      <c r="IN28" s="413">
        <v>0</v>
      </c>
      <c r="IO28" s="102">
        <v>10</v>
      </c>
      <c r="IP28" s="102">
        <v>5</v>
      </c>
      <c r="IQ28" s="102">
        <v>3</v>
      </c>
      <c r="IR28" s="102">
        <v>1</v>
      </c>
      <c r="IS28" s="102">
        <v>0</v>
      </c>
      <c r="IT28" s="103">
        <v>19</v>
      </c>
      <c r="IU28" s="104">
        <v>37</v>
      </c>
      <c r="IV28" s="101">
        <v>4</v>
      </c>
      <c r="IW28" s="102">
        <v>6</v>
      </c>
      <c r="IX28" s="103">
        <v>10</v>
      </c>
      <c r="IY28" s="413">
        <v>0</v>
      </c>
      <c r="IZ28" s="102">
        <v>7</v>
      </c>
      <c r="JA28" s="102">
        <v>8</v>
      </c>
      <c r="JB28" s="102">
        <v>2</v>
      </c>
      <c r="JC28" s="102">
        <v>1</v>
      </c>
      <c r="JD28" s="102">
        <v>1</v>
      </c>
      <c r="JE28" s="103">
        <v>19</v>
      </c>
      <c r="JF28" s="104">
        <v>29</v>
      </c>
      <c r="JG28" s="101">
        <v>8</v>
      </c>
      <c r="JH28" s="102">
        <v>5</v>
      </c>
      <c r="JI28" s="103">
        <v>13</v>
      </c>
      <c r="JJ28" s="413">
        <v>0</v>
      </c>
      <c r="JK28" s="102">
        <v>8</v>
      </c>
      <c r="JL28" s="102">
        <v>6</v>
      </c>
      <c r="JM28" s="102">
        <v>4</v>
      </c>
      <c r="JN28" s="102">
        <v>4</v>
      </c>
      <c r="JO28" s="102">
        <v>2</v>
      </c>
      <c r="JP28" s="103">
        <v>24</v>
      </c>
      <c r="JQ28" s="104">
        <v>37</v>
      </c>
      <c r="JR28" s="101">
        <v>0</v>
      </c>
      <c r="JS28" s="102">
        <v>0</v>
      </c>
      <c r="JT28" s="103">
        <v>0</v>
      </c>
      <c r="JU28" s="413">
        <v>0</v>
      </c>
      <c r="JV28" s="102">
        <v>0</v>
      </c>
      <c r="JW28" s="102">
        <v>0</v>
      </c>
      <c r="JX28" s="102">
        <v>0</v>
      </c>
      <c r="JY28" s="102">
        <v>0</v>
      </c>
      <c r="JZ28" s="102">
        <v>0</v>
      </c>
      <c r="KA28" s="103">
        <v>0</v>
      </c>
      <c r="KB28" s="104">
        <v>0</v>
      </c>
      <c r="KC28" s="101">
        <v>17</v>
      </c>
      <c r="KD28" s="102">
        <v>30</v>
      </c>
      <c r="KE28" s="103">
        <v>47</v>
      </c>
      <c r="KF28" s="413">
        <v>0</v>
      </c>
      <c r="KG28" s="102">
        <v>27</v>
      </c>
      <c r="KH28" s="102">
        <v>24</v>
      </c>
      <c r="KI28" s="102">
        <v>11</v>
      </c>
      <c r="KJ28" s="102">
        <v>9</v>
      </c>
      <c r="KK28" s="102">
        <v>3</v>
      </c>
      <c r="KL28" s="103">
        <v>74</v>
      </c>
      <c r="KM28" s="104">
        <v>121</v>
      </c>
    </row>
    <row r="29" spans="2:299" s="70" customFormat="1" ht="21" customHeight="1" x14ac:dyDescent="0.2">
      <c r="B29" s="106" t="s">
        <v>26</v>
      </c>
      <c r="C29" s="96">
        <v>25</v>
      </c>
      <c r="D29" s="97">
        <v>22</v>
      </c>
      <c r="E29" s="98">
        <v>47</v>
      </c>
      <c r="F29" s="413">
        <v>0</v>
      </c>
      <c r="G29" s="97">
        <v>26</v>
      </c>
      <c r="H29" s="97">
        <v>22</v>
      </c>
      <c r="I29" s="97">
        <v>18</v>
      </c>
      <c r="J29" s="97">
        <v>13</v>
      </c>
      <c r="K29" s="97">
        <v>11</v>
      </c>
      <c r="L29" s="99">
        <v>90</v>
      </c>
      <c r="M29" s="100">
        <v>137</v>
      </c>
      <c r="N29" s="101">
        <v>0</v>
      </c>
      <c r="O29" s="102">
        <v>0</v>
      </c>
      <c r="P29" s="103">
        <v>0</v>
      </c>
      <c r="Q29" s="413">
        <v>0</v>
      </c>
      <c r="R29" s="102">
        <v>0</v>
      </c>
      <c r="S29" s="102">
        <v>0</v>
      </c>
      <c r="T29" s="102">
        <v>1</v>
      </c>
      <c r="U29" s="102">
        <v>0</v>
      </c>
      <c r="V29" s="102">
        <v>0</v>
      </c>
      <c r="W29" s="103">
        <v>1</v>
      </c>
      <c r="X29" s="104">
        <v>1</v>
      </c>
      <c r="Y29" s="101">
        <v>0</v>
      </c>
      <c r="Z29" s="102">
        <v>0</v>
      </c>
      <c r="AA29" s="103">
        <v>0</v>
      </c>
      <c r="AB29" s="413">
        <v>0</v>
      </c>
      <c r="AC29" s="102">
        <v>2</v>
      </c>
      <c r="AD29" s="102">
        <v>1</v>
      </c>
      <c r="AE29" s="102">
        <v>0</v>
      </c>
      <c r="AF29" s="102">
        <v>0</v>
      </c>
      <c r="AG29" s="102">
        <v>0</v>
      </c>
      <c r="AH29" s="103">
        <v>3</v>
      </c>
      <c r="AI29" s="104">
        <v>3</v>
      </c>
      <c r="AJ29" s="101">
        <v>1</v>
      </c>
      <c r="AK29" s="102">
        <v>5</v>
      </c>
      <c r="AL29" s="103">
        <v>6</v>
      </c>
      <c r="AM29" s="413">
        <v>0</v>
      </c>
      <c r="AN29" s="102">
        <v>4</v>
      </c>
      <c r="AO29" s="102">
        <v>0</v>
      </c>
      <c r="AP29" s="102">
        <v>0</v>
      </c>
      <c r="AQ29" s="102">
        <v>0</v>
      </c>
      <c r="AR29" s="102">
        <v>2</v>
      </c>
      <c r="AS29" s="103">
        <v>6</v>
      </c>
      <c r="AT29" s="104">
        <v>12</v>
      </c>
      <c r="AU29" s="101">
        <v>7</v>
      </c>
      <c r="AV29" s="102">
        <v>6</v>
      </c>
      <c r="AW29" s="103">
        <v>13</v>
      </c>
      <c r="AX29" s="413">
        <v>0</v>
      </c>
      <c r="AY29" s="102">
        <v>5</v>
      </c>
      <c r="AZ29" s="102">
        <v>7</v>
      </c>
      <c r="BA29" s="102">
        <v>4</v>
      </c>
      <c r="BB29" s="102">
        <v>4</v>
      </c>
      <c r="BC29" s="102">
        <v>2</v>
      </c>
      <c r="BD29" s="103">
        <v>22</v>
      </c>
      <c r="BE29" s="104">
        <v>35</v>
      </c>
      <c r="BF29" s="101">
        <v>6</v>
      </c>
      <c r="BG29" s="102">
        <v>5</v>
      </c>
      <c r="BH29" s="103">
        <v>11</v>
      </c>
      <c r="BI29" s="413">
        <v>0</v>
      </c>
      <c r="BJ29" s="102">
        <v>9</v>
      </c>
      <c r="BK29" s="102">
        <v>6</v>
      </c>
      <c r="BL29" s="102">
        <v>5</v>
      </c>
      <c r="BM29" s="102">
        <v>4</v>
      </c>
      <c r="BN29" s="102">
        <v>5</v>
      </c>
      <c r="BO29" s="103">
        <v>29</v>
      </c>
      <c r="BP29" s="104">
        <v>40</v>
      </c>
      <c r="BQ29" s="101">
        <v>11</v>
      </c>
      <c r="BR29" s="102">
        <v>6</v>
      </c>
      <c r="BS29" s="103">
        <v>17</v>
      </c>
      <c r="BT29" s="413">
        <v>0</v>
      </c>
      <c r="BU29" s="102">
        <v>6</v>
      </c>
      <c r="BV29" s="102">
        <v>8</v>
      </c>
      <c r="BW29" s="102">
        <v>8</v>
      </c>
      <c r="BX29" s="102">
        <v>5</v>
      </c>
      <c r="BY29" s="102">
        <v>2</v>
      </c>
      <c r="BZ29" s="103">
        <v>29</v>
      </c>
      <c r="CA29" s="104">
        <v>46</v>
      </c>
      <c r="CB29" s="101">
        <v>0</v>
      </c>
      <c r="CC29" s="102">
        <v>0</v>
      </c>
      <c r="CD29" s="103">
        <v>0</v>
      </c>
      <c r="CE29" s="413">
        <v>0</v>
      </c>
      <c r="CF29" s="102">
        <v>0</v>
      </c>
      <c r="CG29" s="102">
        <v>0</v>
      </c>
      <c r="CH29" s="102">
        <v>0</v>
      </c>
      <c r="CI29" s="102">
        <v>0</v>
      </c>
      <c r="CJ29" s="102">
        <v>0</v>
      </c>
      <c r="CK29" s="103">
        <v>0</v>
      </c>
      <c r="CL29" s="104">
        <v>0</v>
      </c>
      <c r="CM29" s="101">
        <v>25</v>
      </c>
      <c r="CN29" s="102">
        <v>22</v>
      </c>
      <c r="CO29" s="103">
        <v>47</v>
      </c>
      <c r="CP29" s="413">
        <v>0</v>
      </c>
      <c r="CQ29" s="102">
        <v>26</v>
      </c>
      <c r="CR29" s="102">
        <v>22</v>
      </c>
      <c r="CS29" s="102">
        <v>18</v>
      </c>
      <c r="CT29" s="102">
        <v>13</v>
      </c>
      <c r="CU29" s="102">
        <v>11</v>
      </c>
      <c r="CV29" s="103">
        <v>90</v>
      </c>
      <c r="CW29" s="104">
        <v>137</v>
      </c>
      <c r="CX29" s="105">
        <v>2</v>
      </c>
      <c r="CY29" s="97">
        <v>6</v>
      </c>
      <c r="CZ29" s="98">
        <v>8</v>
      </c>
      <c r="DA29" s="413">
        <v>0</v>
      </c>
      <c r="DB29" s="97">
        <v>8</v>
      </c>
      <c r="DC29" s="97">
        <v>1</v>
      </c>
      <c r="DD29" s="97">
        <v>3</v>
      </c>
      <c r="DE29" s="97">
        <v>5</v>
      </c>
      <c r="DF29" s="97">
        <v>2</v>
      </c>
      <c r="DG29" s="99">
        <v>19</v>
      </c>
      <c r="DH29" s="100">
        <v>27</v>
      </c>
      <c r="DI29" s="101">
        <v>0</v>
      </c>
      <c r="DJ29" s="102">
        <v>2</v>
      </c>
      <c r="DK29" s="103">
        <v>2</v>
      </c>
      <c r="DL29" s="413">
        <v>0</v>
      </c>
      <c r="DM29" s="102">
        <v>0</v>
      </c>
      <c r="DN29" s="102">
        <v>0</v>
      </c>
      <c r="DO29" s="102">
        <v>0</v>
      </c>
      <c r="DP29" s="102">
        <v>0</v>
      </c>
      <c r="DQ29" s="102">
        <v>0</v>
      </c>
      <c r="DR29" s="103">
        <v>0</v>
      </c>
      <c r="DS29" s="104">
        <v>2</v>
      </c>
      <c r="DT29" s="101">
        <v>0</v>
      </c>
      <c r="DU29" s="102">
        <v>0</v>
      </c>
      <c r="DV29" s="103">
        <v>0</v>
      </c>
      <c r="DW29" s="413">
        <v>0</v>
      </c>
      <c r="DX29" s="102">
        <v>0</v>
      </c>
      <c r="DY29" s="102">
        <v>0</v>
      </c>
      <c r="DZ29" s="102">
        <v>0</v>
      </c>
      <c r="EA29" s="102">
        <v>1</v>
      </c>
      <c r="EB29" s="102">
        <v>0</v>
      </c>
      <c r="EC29" s="103">
        <v>1</v>
      </c>
      <c r="ED29" s="104">
        <v>1</v>
      </c>
      <c r="EE29" s="101">
        <v>0</v>
      </c>
      <c r="EF29" s="102">
        <v>0</v>
      </c>
      <c r="EG29" s="103">
        <v>0</v>
      </c>
      <c r="EH29" s="413">
        <v>0</v>
      </c>
      <c r="EI29" s="102">
        <v>0</v>
      </c>
      <c r="EJ29" s="102">
        <v>0</v>
      </c>
      <c r="EK29" s="102">
        <v>0</v>
      </c>
      <c r="EL29" s="102">
        <v>0</v>
      </c>
      <c r="EM29" s="102">
        <v>0</v>
      </c>
      <c r="EN29" s="103">
        <v>0</v>
      </c>
      <c r="EO29" s="104">
        <v>0</v>
      </c>
      <c r="EP29" s="101">
        <v>1</v>
      </c>
      <c r="EQ29" s="102">
        <v>1</v>
      </c>
      <c r="ER29" s="103">
        <v>2</v>
      </c>
      <c r="ES29" s="413">
        <v>0</v>
      </c>
      <c r="ET29" s="102">
        <v>2</v>
      </c>
      <c r="EU29" s="102">
        <v>0</v>
      </c>
      <c r="EV29" s="102">
        <v>1</v>
      </c>
      <c r="EW29" s="102">
        <v>2</v>
      </c>
      <c r="EX29" s="102">
        <v>0</v>
      </c>
      <c r="EY29" s="103">
        <v>5</v>
      </c>
      <c r="EZ29" s="104">
        <v>7</v>
      </c>
      <c r="FA29" s="101">
        <v>1</v>
      </c>
      <c r="FB29" s="102">
        <v>2</v>
      </c>
      <c r="FC29" s="103">
        <v>3</v>
      </c>
      <c r="FD29" s="413">
        <v>0</v>
      </c>
      <c r="FE29" s="102">
        <v>2</v>
      </c>
      <c r="FF29" s="102">
        <v>1</v>
      </c>
      <c r="FG29" s="102">
        <v>0</v>
      </c>
      <c r="FH29" s="102">
        <v>1</v>
      </c>
      <c r="FI29" s="102">
        <v>0</v>
      </c>
      <c r="FJ29" s="103">
        <v>4</v>
      </c>
      <c r="FK29" s="104">
        <v>7</v>
      </c>
      <c r="FL29" s="101">
        <v>0</v>
      </c>
      <c r="FM29" s="102">
        <v>1</v>
      </c>
      <c r="FN29" s="103">
        <v>1</v>
      </c>
      <c r="FO29" s="413">
        <v>0</v>
      </c>
      <c r="FP29" s="102">
        <v>4</v>
      </c>
      <c r="FQ29" s="102">
        <v>0</v>
      </c>
      <c r="FR29" s="102">
        <v>2</v>
      </c>
      <c r="FS29" s="102">
        <v>1</v>
      </c>
      <c r="FT29" s="102">
        <v>2</v>
      </c>
      <c r="FU29" s="103">
        <v>9</v>
      </c>
      <c r="FV29" s="104">
        <v>10</v>
      </c>
      <c r="FW29" s="101">
        <v>0</v>
      </c>
      <c r="FX29" s="102">
        <v>0</v>
      </c>
      <c r="FY29" s="103">
        <v>0</v>
      </c>
      <c r="FZ29" s="413">
        <v>0</v>
      </c>
      <c r="GA29" s="102">
        <v>0</v>
      </c>
      <c r="GB29" s="102">
        <v>0</v>
      </c>
      <c r="GC29" s="102">
        <v>0</v>
      </c>
      <c r="GD29" s="102">
        <v>0</v>
      </c>
      <c r="GE29" s="102">
        <v>0</v>
      </c>
      <c r="GF29" s="103">
        <v>0</v>
      </c>
      <c r="GG29" s="104">
        <v>0</v>
      </c>
      <c r="GH29" s="101">
        <v>2</v>
      </c>
      <c r="GI29" s="102">
        <v>6</v>
      </c>
      <c r="GJ29" s="103">
        <v>8</v>
      </c>
      <c r="GK29" s="413">
        <v>0</v>
      </c>
      <c r="GL29" s="102">
        <v>8</v>
      </c>
      <c r="GM29" s="102">
        <v>1</v>
      </c>
      <c r="GN29" s="102">
        <v>3</v>
      </c>
      <c r="GO29" s="102">
        <v>5</v>
      </c>
      <c r="GP29" s="102">
        <v>2</v>
      </c>
      <c r="GQ29" s="103">
        <v>19</v>
      </c>
      <c r="GR29" s="104">
        <v>27</v>
      </c>
      <c r="GS29" s="105">
        <v>27</v>
      </c>
      <c r="GT29" s="97">
        <v>28</v>
      </c>
      <c r="GU29" s="98">
        <v>55</v>
      </c>
      <c r="GV29" s="413">
        <v>0</v>
      </c>
      <c r="GW29" s="97">
        <v>34</v>
      </c>
      <c r="GX29" s="97">
        <v>23</v>
      </c>
      <c r="GY29" s="97">
        <v>21</v>
      </c>
      <c r="GZ29" s="97">
        <v>18</v>
      </c>
      <c r="HA29" s="97">
        <v>13</v>
      </c>
      <c r="HB29" s="99">
        <v>109</v>
      </c>
      <c r="HC29" s="100">
        <v>164</v>
      </c>
      <c r="HD29" s="101">
        <v>0</v>
      </c>
      <c r="HE29" s="102">
        <v>2</v>
      </c>
      <c r="HF29" s="103">
        <v>2</v>
      </c>
      <c r="HG29" s="413">
        <v>0</v>
      </c>
      <c r="HH29" s="102">
        <v>0</v>
      </c>
      <c r="HI29" s="102">
        <v>0</v>
      </c>
      <c r="HJ29" s="102">
        <v>1</v>
      </c>
      <c r="HK29" s="102">
        <v>0</v>
      </c>
      <c r="HL29" s="102">
        <v>0</v>
      </c>
      <c r="HM29" s="103">
        <v>1</v>
      </c>
      <c r="HN29" s="104">
        <v>3</v>
      </c>
      <c r="HO29" s="101">
        <v>0</v>
      </c>
      <c r="HP29" s="102">
        <v>0</v>
      </c>
      <c r="HQ29" s="103">
        <v>0</v>
      </c>
      <c r="HR29" s="413">
        <v>0</v>
      </c>
      <c r="HS29" s="102">
        <v>2</v>
      </c>
      <c r="HT29" s="102">
        <v>1</v>
      </c>
      <c r="HU29" s="102">
        <v>0</v>
      </c>
      <c r="HV29" s="102">
        <v>1</v>
      </c>
      <c r="HW29" s="102">
        <v>0</v>
      </c>
      <c r="HX29" s="103">
        <v>4</v>
      </c>
      <c r="HY29" s="104">
        <v>4</v>
      </c>
      <c r="HZ29" s="101">
        <v>1</v>
      </c>
      <c r="IA29" s="102">
        <v>5</v>
      </c>
      <c r="IB29" s="103">
        <v>6</v>
      </c>
      <c r="IC29" s="413">
        <v>0</v>
      </c>
      <c r="ID29" s="102">
        <v>4</v>
      </c>
      <c r="IE29" s="102">
        <v>0</v>
      </c>
      <c r="IF29" s="102">
        <v>0</v>
      </c>
      <c r="IG29" s="102">
        <v>0</v>
      </c>
      <c r="IH29" s="102">
        <v>2</v>
      </c>
      <c r="II29" s="103">
        <v>6</v>
      </c>
      <c r="IJ29" s="104">
        <v>12</v>
      </c>
      <c r="IK29" s="101">
        <v>8</v>
      </c>
      <c r="IL29" s="102">
        <v>7</v>
      </c>
      <c r="IM29" s="103">
        <v>15</v>
      </c>
      <c r="IN29" s="413">
        <v>0</v>
      </c>
      <c r="IO29" s="102">
        <v>7</v>
      </c>
      <c r="IP29" s="102">
        <v>7</v>
      </c>
      <c r="IQ29" s="102">
        <v>5</v>
      </c>
      <c r="IR29" s="102">
        <v>6</v>
      </c>
      <c r="IS29" s="102">
        <v>2</v>
      </c>
      <c r="IT29" s="103">
        <v>27</v>
      </c>
      <c r="IU29" s="104">
        <v>42</v>
      </c>
      <c r="IV29" s="101">
        <v>7</v>
      </c>
      <c r="IW29" s="102">
        <v>7</v>
      </c>
      <c r="IX29" s="103">
        <v>14</v>
      </c>
      <c r="IY29" s="413">
        <v>0</v>
      </c>
      <c r="IZ29" s="102">
        <v>11</v>
      </c>
      <c r="JA29" s="102">
        <v>7</v>
      </c>
      <c r="JB29" s="102">
        <v>5</v>
      </c>
      <c r="JC29" s="102">
        <v>5</v>
      </c>
      <c r="JD29" s="102">
        <v>5</v>
      </c>
      <c r="JE29" s="103">
        <v>33</v>
      </c>
      <c r="JF29" s="104">
        <v>47</v>
      </c>
      <c r="JG29" s="101">
        <v>11</v>
      </c>
      <c r="JH29" s="102">
        <v>7</v>
      </c>
      <c r="JI29" s="103">
        <v>18</v>
      </c>
      <c r="JJ29" s="413">
        <v>0</v>
      </c>
      <c r="JK29" s="102">
        <v>10</v>
      </c>
      <c r="JL29" s="102">
        <v>8</v>
      </c>
      <c r="JM29" s="102">
        <v>10</v>
      </c>
      <c r="JN29" s="102">
        <v>6</v>
      </c>
      <c r="JO29" s="102">
        <v>4</v>
      </c>
      <c r="JP29" s="103">
        <v>38</v>
      </c>
      <c r="JQ29" s="104">
        <v>56</v>
      </c>
      <c r="JR29" s="101">
        <v>0</v>
      </c>
      <c r="JS29" s="102">
        <v>0</v>
      </c>
      <c r="JT29" s="103">
        <v>0</v>
      </c>
      <c r="JU29" s="413">
        <v>0</v>
      </c>
      <c r="JV29" s="102">
        <v>0</v>
      </c>
      <c r="JW29" s="102">
        <v>0</v>
      </c>
      <c r="JX29" s="102">
        <v>0</v>
      </c>
      <c r="JY29" s="102">
        <v>0</v>
      </c>
      <c r="JZ29" s="102">
        <v>0</v>
      </c>
      <c r="KA29" s="103">
        <v>0</v>
      </c>
      <c r="KB29" s="104">
        <v>0</v>
      </c>
      <c r="KC29" s="101">
        <v>27</v>
      </c>
      <c r="KD29" s="102">
        <v>28</v>
      </c>
      <c r="KE29" s="103">
        <v>55</v>
      </c>
      <c r="KF29" s="413">
        <v>0</v>
      </c>
      <c r="KG29" s="102">
        <v>34</v>
      </c>
      <c r="KH29" s="102">
        <v>23</v>
      </c>
      <c r="KI29" s="102">
        <v>21</v>
      </c>
      <c r="KJ29" s="102">
        <v>18</v>
      </c>
      <c r="KK29" s="102">
        <v>13</v>
      </c>
      <c r="KL29" s="103">
        <v>109</v>
      </c>
      <c r="KM29" s="104">
        <v>164</v>
      </c>
    </row>
    <row r="30" spans="2:299" s="70" customFormat="1" ht="21" customHeight="1" x14ac:dyDescent="0.2">
      <c r="B30" s="106" t="s">
        <v>27</v>
      </c>
      <c r="C30" s="96">
        <v>28</v>
      </c>
      <c r="D30" s="97">
        <v>23</v>
      </c>
      <c r="E30" s="98">
        <v>51</v>
      </c>
      <c r="F30" s="413">
        <v>0</v>
      </c>
      <c r="G30" s="97">
        <v>19</v>
      </c>
      <c r="H30" s="97">
        <v>16</v>
      </c>
      <c r="I30" s="97">
        <v>9</v>
      </c>
      <c r="J30" s="97">
        <v>19</v>
      </c>
      <c r="K30" s="97">
        <v>7</v>
      </c>
      <c r="L30" s="99">
        <v>70</v>
      </c>
      <c r="M30" s="100">
        <v>121</v>
      </c>
      <c r="N30" s="101">
        <v>0</v>
      </c>
      <c r="O30" s="102">
        <v>2</v>
      </c>
      <c r="P30" s="103">
        <v>2</v>
      </c>
      <c r="Q30" s="413">
        <v>0</v>
      </c>
      <c r="R30" s="102">
        <v>0</v>
      </c>
      <c r="S30" s="102">
        <v>0</v>
      </c>
      <c r="T30" s="102">
        <v>0</v>
      </c>
      <c r="U30" s="102">
        <v>0</v>
      </c>
      <c r="V30" s="102">
        <v>0</v>
      </c>
      <c r="W30" s="103">
        <v>0</v>
      </c>
      <c r="X30" s="104">
        <v>2</v>
      </c>
      <c r="Y30" s="101">
        <v>1</v>
      </c>
      <c r="Z30" s="102">
        <v>0</v>
      </c>
      <c r="AA30" s="103">
        <v>1</v>
      </c>
      <c r="AB30" s="413">
        <v>0</v>
      </c>
      <c r="AC30" s="102">
        <v>1</v>
      </c>
      <c r="AD30" s="102">
        <v>0</v>
      </c>
      <c r="AE30" s="102">
        <v>0</v>
      </c>
      <c r="AF30" s="102">
        <v>0</v>
      </c>
      <c r="AG30" s="102">
        <v>1</v>
      </c>
      <c r="AH30" s="103">
        <v>2</v>
      </c>
      <c r="AI30" s="104">
        <v>3</v>
      </c>
      <c r="AJ30" s="101">
        <v>1</v>
      </c>
      <c r="AK30" s="102">
        <v>5</v>
      </c>
      <c r="AL30" s="103">
        <v>6</v>
      </c>
      <c r="AM30" s="413">
        <v>0</v>
      </c>
      <c r="AN30" s="102">
        <v>2</v>
      </c>
      <c r="AO30" s="102">
        <v>2</v>
      </c>
      <c r="AP30" s="102">
        <v>1</v>
      </c>
      <c r="AQ30" s="102">
        <v>3</v>
      </c>
      <c r="AR30" s="102">
        <v>1</v>
      </c>
      <c r="AS30" s="103">
        <v>9</v>
      </c>
      <c r="AT30" s="104">
        <v>15</v>
      </c>
      <c r="AU30" s="101">
        <v>10</v>
      </c>
      <c r="AV30" s="102">
        <v>4</v>
      </c>
      <c r="AW30" s="103">
        <v>14</v>
      </c>
      <c r="AX30" s="413">
        <v>0</v>
      </c>
      <c r="AY30" s="102">
        <v>3</v>
      </c>
      <c r="AZ30" s="102">
        <v>5</v>
      </c>
      <c r="BA30" s="102">
        <v>2</v>
      </c>
      <c r="BB30" s="102">
        <v>1</v>
      </c>
      <c r="BC30" s="102">
        <v>1</v>
      </c>
      <c r="BD30" s="103">
        <v>12</v>
      </c>
      <c r="BE30" s="104">
        <v>26</v>
      </c>
      <c r="BF30" s="101">
        <v>7</v>
      </c>
      <c r="BG30" s="102">
        <v>3</v>
      </c>
      <c r="BH30" s="103">
        <v>10</v>
      </c>
      <c r="BI30" s="413">
        <v>0</v>
      </c>
      <c r="BJ30" s="102">
        <v>7</v>
      </c>
      <c r="BK30" s="102">
        <v>3</v>
      </c>
      <c r="BL30" s="102">
        <v>6</v>
      </c>
      <c r="BM30" s="102">
        <v>4</v>
      </c>
      <c r="BN30" s="102">
        <v>1</v>
      </c>
      <c r="BO30" s="103">
        <v>21</v>
      </c>
      <c r="BP30" s="104">
        <v>31</v>
      </c>
      <c r="BQ30" s="101">
        <v>9</v>
      </c>
      <c r="BR30" s="102">
        <v>9</v>
      </c>
      <c r="BS30" s="103">
        <v>18</v>
      </c>
      <c r="BT30" s="413">
        <v>0</v>
      </c>
      <c r="BU30" s="102">
        <v>6</v>
      </c>
      <c r="BV30" s="102">
        <v>6</v>
      </c>
      <c r="BW30" s="102">
        <v>0</v>
      </c>
      <c r="BX30" s="102">
        <v>11</v>
      </c>
      <c r="BY30" s="102">
        <v>3</v>
      </c>
      <c r="BZ30" s="103">
        <v>26</v>
      </c>
      <c r="CA30" s="104">
        <v>44</v>
      </c>
      <c r="CB30" s="101">
        <v>0</v>
      </c>
      <c r="CC30" s="102">
        <v>0</v>
      </c>
      <c r="CD30" s="103">
        <v>0</v>
      </c>
      <c r="CE30" s="413">
        <v>0</v>
      </c>
      <c r="CF30" s="102">
        <v>0</v>
      </c>
      <c r="CG30" s="102">
        <v>0</v>
      </c>
      <c r="CH30" s="102">
        <v>0</v>
      </c>
      <c r="CI30" s="102">
        <v>0</v>
      </c>
      <c r="CJ30" s="102">
        <v>0</v>
      </c>
      <c r="CK30" s="103">
        <v>0</v>
      </c>
      <c r="CL30" s="104">
        <v>0</v>
      </c>
      <c r="CM30" s="101">
        <v>28</v>
      </c>
      <c r="CN30" s="102">
        <v>23</v>
      </c>
      <c r="CO30" s="103">
        <v>51</v>
      </c>
      <c r="CP30" s="413">
        <v>0</v>
      </c>
      <c r="CQ30" s="102">
        <v>19</v>
      </c>
      <c r="CR30" s="102">
        <v>16</v>
      </c>
      <c r="CS30" s="102">
        <v>9</v>
      </c>
      <c r="CT30" s="102">
        <v>19</v>
      </c>
      <c r="CU30" s="102">
        <v>7</v>
      </c>
      <c r="CV30" s="103">
        <v>70</v>
      </c>
      <c r="CW30" s="104">
        <v>121</v>
      </c>
      <c r="CX30" s="105">
        <v>5</v>
      </c>
      <c r="CY30" s="97">
        <v>4</v>
      </c>
      <c r="CZ30" s="98">
        <v>9</v>
      </c>
      <c r="DA30" s="413">
        <v>0</v>
      </c>
      <c r="DB30" s="97">
        <v>3</v>
      </c>
      <c r="DC30" s="97">
        <v>1</v>
      </c>
      <c r="DD30" s="97">
        <v>3</v>
      </c>
      <c r="DE30" s="97">
        <v>2</v>
      </c>
      <c r="DF30" s="97">
        <v>0</v>
      </c>
      <c r="DG30" s="99">
        <v>9</v>
      </c>
      <c r="DH30" s="100">
        <v>18</v>
      </c>
      <c r="DI30" s="101">
        <v>0</v>
      </c>
      <c r="DJ30" s="102">
        <v>0</v>
      </c>
      <c r="DK30" s="103">
        <v>0</v>
      </c>
      <c r="DL30" s="413">
        <v>0</v>
      </c>
      <c r="DM30" s="102">
        <v>0</v>
      </c>
      <c r="DN30" s="102">
        <v>0</v>
      </c>
      <c r="DO30" s="102">
        <v>0</v>
      </c>
      <c r="DP30" s="102">
        <v>0</v>
      </c>
      <c r="DQ30" s="102">
        <v>0</v>
      </c>
      <c r="DR30" s="103">
        <v>0</v>
      </c>
      <c r="DS30" s="104">
        <v>0</v>
      </c>
      <c r="DT30" s="101">
        <v>1</v>
      </c>
      <c r="DU30" s="102">
        <v>0</v>
      </c>
      <c r="DV30" s="103">
        <v>1</v>
      </c>
      <c r="DW30" s="413">
        <v>0</v>
      </c>
      <c r="DX30" s="102">
        <v>0</v>
      </c>
      <c r="DY30" s="102">
        <v>0</v>
      </c>
      <c r="DZ30" s="102">
        <v>0</v>
      </c>
      <c r="EA30" s="102">
        <v>0</v>
      </c>
      <c r="EB30" s="102">
        <v>0</v>
      </c>
      <c r="EC30" s="103">
        <v>0</v>
      </c>
      <c r="ED30" s="104">
        <v>1</v>
      </c>
      <c r="EE30" s="101">
        <v>0</v>
      </c>
      <c r="EF30" s="102">
        <v>0</v>
      </c>
      <c r="EG30" s="103">
        <v>0</v>
      </c>
      <c r="EH30" s="413">
        <v>0</v>
      </c>
      <c r="EI30" s="102">
        <v>1</v>
      </c>
      <c r="EJ30" s="102">
        <v>0</v>
      </c>
      <c r="EK30" s="102">
        <v>0</v>
      </c>
      <c r="EL30" s="102">
        <v>0</v>
      </c>
      <c r="EM30" s="102">
        <v>0</v>
      </c>
      <c r="EN30" s="103">
        <v>1</v>
      </c>
      <c r="EO30" s="104">
        <v>1</v>
      </c>
      <c r="EP30" s="101">
        <v>0</v>
      </c>
      <c r="EQ30" s="102">
        <v>1</v>
      </c>
      <c r="ER30" s="103">
        <v>1</v>
      </c>
      <c r="ES30" s="413">
        <v>0</v>
      </c>
      <c r="ET30" s="102">
        <v>0</v>
      </c>
      <c r="EU30" s="102">
        <v>0</v>
      </c>
      <c r="EV30" s="102">
        <v>0</v>
      </c>
      <c r="EW30" s="102">
        <v>0</v>
      </c>
      <c r="EX30" s="102">
        <v>0</v>
      </c>
      <c r="EY30" s="103">
        <v>0</v>
      </c>
      <c r="EZ30" s="104">
        <v>1</v>
      </c>
      <c r="FA30" s="101">
        <v>2</v>
      </c>
      <c r="FB30" s="102">
        <v>1</v>
      </c>
      <c r="FC30" s="103">
        <v>3</v>
      </c>
      <c r="FD30" s="413">
        <v>0</v>
      </c>
      <c r="FE30" s="102">
        <v>1</v>
      </c>
      <c r="FF30" s="102">
        <v>1</v>
      </c>
      <c r="FG30" s="102">
        <v>1</v>
      </c>
      <c r="FH30" s="102">
        <v>1</v>
      </c>
      <c r="FI30" s="102">
        <v>0</v>
      </c>
      <c r="FJ30" s="103">
        <v>4</v>
      </c>
      <c r="FK30" s="104">
        <v>7</v>
      </c>
      <c r="FL30" s="101">
        <v>2</v>
      </c>
      <c r="FM30" s="102">
        <v>2</v>
      </c>
      <c r="FN30" s="103">
        <v>4</v>
      </c>
      <c r="FO30" s="413">
        <v>0</v>
      </c>
      <c r="FP30" s="102">
        <v>1</v>
      </c>
      <c r="FQ30" s="102">
        <v>0</v>
      </c>
      <c r="FR30" s="102">
        <v>2</v>
      </c>
      <c r="FS30" s="102">
        <v>1</v>
      </c>
      <c r="FT30" s="102">
        <v>0</v>
      </c>
      <c r="FU30" s="103">
        <v>4</v>
      </c>
      <c r="FV30" s="104">
        <v>8</v>
      </c>
      <c r="FW30" s="101">
        <v>0</v>
      </c>
      <c r="FX30" s="102">
        <v>0</v>
      </c>
      <c r="FY30" s="103">
        <v>0</v>
      </c>
      <c r="FZ30" s="413">
        <v>0</v>
      </c>
      <c r="GA30" s="102">
        <v>0</v>
      </c>
      <c r="GB30" s="102">
        <v>0</v>
      </c>
      <c r="GC30" s="102">
        <v>0</v>
      </c>
      <c r="GD30" s="102">
        <v>0</v>
      </c>
      <c r="GE30" s="102">
        <v>0</v>
      </c>
      <c r="GF30" s="103">
        <v>0</v>
      </c>
      <c r="GG30" s="104">
        <v>0</v>
      </c>
      <c r="GH30" s="101">
        <v>5</v>
      </c>
      <c r="GI30" s="102">
        <v>4</v>
      </c>
      <c r="GJ30" s="103">
        <v>9</v>
      </c>
      <c r="GK30" s="413">
        <v>0</v>
      </c>
      <c r="GL30" s="102">
        <v>3</v>
      </c>
      <c r="GM30" s="102">
        <v>1</v>
      </c>
      <c r="GN30" s="102">
        <v>3</v>
      </c>
      <c r="GO30" s="102">
        <v>2</v>
      </c>
      <c r="GP30" s="102">
        <v>0</v>
      </c>
      <c r="GQ30" s="103">
        <v>9</v>
      </c>
      <c r="GR30" s="104">
        <v>18</v>
      </c>
      <c r="GS30" s="105">
        <v>33</v>
      </c>
      <c r="GT30" s="97">
        <v>27</v>
      </c>
      <c r="GU30" s="98">
        <v>60</v>
      </c>
      <c r="GV30" s="413">
        <v>0</v>
      </c>
      <c r="GW30" s="97">
        <v>22</v>
      </c>
      <c r="GX30" s="97">
        <v>17</v>
      </c>
      <c r="GY30" s="97">
        <v>12</v>
      </c>
      <c r="GZ30" s="97">
        <v>21</v>
      </c>
      <c r="HA30" s="97">
        <v>7</v>
      </c>
      <c r="HB30" s="99">
        <v>79</v>
      </c>
      <c r="HC30" s="100">
        <v>139</v>
      </c>
      <c r="HD30" s="101">
        <v>0</v>
      </c>
      <c r="HE30" s="102">
        <v>2</v>
      </c>
      <c r="HF30" s="103">
        <v>2</v>
      </c>
      <c r="HG30" s="413">
        <v>0</v>
      </c>
      <c r="HH30" s="102">
        <v>0</v>
      </c>
      <c r="HI30" s="102">
        <v>0</v>
      </c>
      <c r="HJ30" s="102">
        <v>0</v>
      </c>
      <c r="HK30" s="102">
        <v>0</v>
      </c>
      <c r="HL30" s="102">
        <v>0</v>
      </c>
      <c r="HM30" s="103">
        <v>0</v>
      </c>
      <c r="HN30" s="104">
        <v>2</v>
      </c>
      <c r="HO30" s="101">
        <v>2</v>
      </c>
      <c r="HP30" s="102">
        <v>0</v>
      </c>
      <c r="HQ30" s="103">
        <v>2</v>
      </c>
      <c r="HR30" s="413">
        <v>0</v>
      </c>
      <c r="HS30" s="102">
        <v>1</v>
      </c>
      <c r="HT30" s="102">
        <v>0</v>
      </c>
      <c r="HU30" s="102">
        <v>0</v>
      </c>
      <c r="HV30" s="102">
        <v>0</v>
      </c>
      <c r="HW30" s="102">
        <v>1</v>
      </c>
      <c r="HX30" s="103">
        <v>2</v>
      </c>
      <c r="HY30" s="104">
        <v>4</v>
      </c>
      <c r="HZ30" s="101">
        <v>1</v>
      </c>
      <c r="IA30" s="102">
        <v>5</v>
      </c>
      <c r="IB30" s="103">
        <v>6</v>
      </c>
      <c r="IC30" s="413">
        <v>0</v>
      </c>
      <c r="ID30" s="102">
        <v>3</v>
      </c>
      <c r="IE30" s="102">
        <v>2</v>
      </c>
      <c r="IF30" s="102">
        <v>1</v>
      </c>
      <c r="IG30" s="102">
        <v>3</v>
      </c>
      <c r="IH30" s="102">
        <v>1</v>
      </c>
      <c r="II30" s="103">
        <v>10</v>
      </c>
      <c r="IJ30" s="104">
        <v>16</v>
      </c>
      <c r="IK30" s="101">
        <v>10</v>
      </c>
      <c r="IL30" s="102">
        <v>5</v>
      </c>
      <c r="IM30" s="103">
        <v>15</v>
      </c>
      <c r="IN30" s="413">
        <v>0</v>
      </c>
      <c r="IO30" s="102">
        <v>3</v>
      </c>
      <c r="IP30" s="102">
        <v>5</v>
      </c>
      <c r="IQ30" s="102">
        <v>2</v>
      </c>
      <c r="IR30" s="102">
        <v>1</v>
      </c>
      <c r="IS30" s="102">
        <v>1</v>
      </c>
      <c r="IT30" s="103">
        <v>12</v>
      </c>
      <c r="IU30" s="104">
        <v>27</v>
      </c>
      <c r="IV30" s="101">
        <v>9</v>
      </c>
      <c r="IW30" s="102">
        <v>4</v>
      </c>
      <c r="IX30" s="103">
        <v>13</v>
      </c>
      <c r="IY30" s="413">
        <v>0</v>
      </c>
      <c r="IZ30" s="102">
        <v>8</v>
      </c>
      <c r="JA30" s="102">
        <v>4</v>
      </c>
      <c r="JB30" s="102">
        <v>7</v>
      </c>
      <c r="JC30" s="102">
        <v>5</v>
      </c>
      <c r="JD30" s="102">
        <v>1</v>
      </c>
      <c r="JE30" s="103">
        <v>25</v>
      </c>
      <c r="JF30" s="104">
        <v>38</v>
      </c>
      <c r="JG30" s="101">
        <v>11</v>
      </c>
      <c r="JH30" s="102">
        <v>11</v>
      </c>
      <c r="JI30" s="103">
        <v>22</v>
      </c>
      <c r="JJ30" s="413">
        <v>0</v>
      </c>
      <c r="JK30" s="102">
        <v>7</v>
      </c>
      <c r="JL30" s="102">
        <v>6</v>
      </c>
      <c r="JM30" s="102">
        <v>2</v>
      </c>
      <c r="JN30" s="102">
        <v>12</v>
      </c>
      <c r="JO30" s="102">
        <v>3</v>
      </c>
      <c r="JP30" s="103">
        <v>30</v>
      </c>
      <c r="JQ30" s="104">
        <v>52</v>
      </c>
      <c r="JR30" s="101">
        <v>0</v>
      </c>
      <c r="JS30" s="102">
        <v>0</v>
      </c>
      <c r="JT30" s="103">
        <v>0</v>
      </c>
      <c r="JU30" s="413">
        <v>0</v>
      </c>
      <c r="JV30" s="102">
        <v>0</v>
      </c>
      <c r="JW30" s="102">
        <v>0</v>
      </c>
      <c r="JX30" s="102">
        <v>0</v>
      </c>
      <c r="JY30" s="102">
        <v>0</v>
      </c>
      <c r="JZ30" s="102">
        <v>0</v>
      </c>
      <c r="KA30" s="103">
        <v>0</v>
      </c>
      <c r="KB30" s="104">
        <v>0</v>
      </c>
      <c r="KC30" s="101">
        <v>33</v>
      </c>
      <c r="KD30" s="102">
        <v>27</v>
      </c>
      <c r="KE30" s="103">
        <v>60</v>
      </c>
      <c r="KF30" s="413">
        <v>0</v>
      </c>
      <c r="KG30" s="102">
        <v>22</v>
      </c>
      <c r="KH30" s="102">
        <v>17</v>
      </c>
      <c r="KI30" s="102">
        <v>12</v>
      </c>
      <c r="KJ30" s="102">
        <v>21</v>
      </c>
      <c r="KK30" s="102">
        <v>7</v>
      </c>
      <c r="KL30" s="103">
        <v>79</v>
      </c>
      <c r="KM30" s="104">
        <v>139</v>
      </c>
    </row>
    <row r="31" spans="2:299" s="70" customFormat="1" ht="21" customHeight="1" x14ac:dyDescent="0.2">
      <c r="B31" s="106" t="s">
        <v>28</v>
      </c>
      <c r="C31" s="96">
        <v>1</v>
      </c>
      <c r="D31" s="97">
        <v>7</v>
      </c>
      <c r="E31" s="98">
        <v>8</v>
      </c>
      <c r="F31" s="413">
        <v>0</v>
      </c>
      <c r="G31" s="97">
        <v>14</v>
      </c>
      <c r="H31" s="97">
        <v>8</v>
      </c>
      <c r="I31" s="97">
        <v>3</v>
      </c>
      <c r="J31" s="97">
        <v>2</v>
      </c>
      <c r="K31" s="97">
        <v>2</v>
      </c>
      <c r="L31" s="99">
        <v>29</v>
      </c>
      <c r="M31" s="100">
        <v>37</v>
      </c>
      <c r="N31" s="101">
        <v>0</v>
      </c>
      <c r="O31" s="102">
        <v>0</v>
      </c>
      <c r="P31" s="103">
        <v>0</v>
      </c>
      <c r="Q31" s="413">
        <v>0</v>
      </c>
      <c r="R31" s="102">
        <v>0</v>
      </c>
      <c r="S31" s="102">
        <v>0</v>
      </c>
      <c r="T31" s="102">
        <v>0</v>
      </c>
      <c r="U31" s="102">
        <v>0</v>
      </c>
      <c r="V31" s="102">
        <v>0</v>
      </c>
      <c r="W31" s="103">
        <v>0</v>
      </c>
      <c r="X31" s="104">
        <v>0</v>
      </c>
      <c r="Y31" s="101">
        <v>0</v>
      </c>
      <c r="Z31" s="102">
        <v>0</v>
      </c>
      <c r="AA31" s="103">
        <v>0</v>
      </c>
      <c r="AB31" s="413">
        <v>0</v>
      </c>
      <c r="AC31" s="102">
        <v>0</v>
      </c>
      <c r="AD31" s="102">
        <v>0</v>
      </c>
      <c r="AE31" s="102">
        <v>0</v>
      </c>
      <c r="AF31" s="102">
        <v>0</v>
      </c>
      <c r="AG31" s="102">
        <v>0</v>
      </c>
      <c r="AH31" s="103">
        <v>0</v>
      </c>
      <c r="AI31" s="104">
        <v>0</v>
      </c>
      <c r="AJ31" s="101">
        <v>0</v>
      </c>
      <c r="AK31" s="102">
        <v>2</v>
      </c>
      <c r="AL31" s="103">
        <v>2</v>
      </c>
      <c r="AM31" s="413">
        <v>0</v>
      </c>
      <c r="AN31" s="102">
        <v>4</v>
      </c>
      <c r="AO31" s="102">
        <v>1</v>
      </c>
      <c r="AP31" s="102">
        <v>0</v>
      </c>
      <c r="AQ31" s="102">
        <v>0</v>
      </c>
      <c r="AR31" s="102">
        <v>1</v>
      </c>
      <c r="AS31" s="103">
        <v>6</v>
      </c>
      <c r="AT31" s="104">
        <v>8</v>
      </c>
      <c r="AU31" s="101">
        <v>0</v>
      </c>
      <c r="AV31" s="102">
        <v>1</v>
      </c>
      <c r="AW31" s="103">
        <v>1</v>
      </c>
      <c r="AX31" s="413">
        <v>0</v>
      </c>
      <c r="AY31" s="102">
        <v>4</v>
      </c>
      <c r="AZ31" s="102">
        <v>2</v>
      </c>
      <c r="BA31" s="102">
        <v>0</v>
      </c>
      <c r="BB31" s="102">
        <v>0</v>
      </c>
      <c r="BC31" s="102">
        <v>0</v>
      </c>
      <c r="BD31" s="103">
        <v>6</v>
      </c>
      <c r="BE31" s="104">
        <v>7</v>
      </c>
      <c r="BF31" s="101">
        <v>1</v>
      </c>
      <c r="BG31" s="102">
        <v>4</v>
      </c>
      <c r="BH31" s="103">
        <v>5</v>
      </c>
      <c r="BI31" s="413">
        <v>0</v>
      </c>
      <c r="BJ31" s="102">
        <v>3</v>
      </c>
      <c r="BK31" s="102">
        <v>3</v>
      </c>
      <c r="BL31" s="102">
        <v>0</v>
      </c>
      <c r="BM31" s="102">
        <v>1</v>
      </c>
      <c r="BN31" s="102">
        <v>0</v>
      </c>
      <c r="BO31" s="103">
        <v>7</v>
      </c>
      <c r="BP31" s="104">
        <v>12</v>
      </c>
      <c r="BQ31" s="101">
        <v>0</v>
      </c>
      <c r="BR31" s="102">
        <v>0</v>
      </c>
      <c r="BS31" s="103">
        <v>0</v>
      </c>
      <c r="BT31" s="413">
        <v>0</v>
      </c>
      <c r="BU31" s="102">
        <v>3</v>
      </c>
      <c r="BV31" s="102">
        <v>2</v>
      </c>
      <c r="BW31" s="102">
        <v>3</v>
      </c>
      <c r="BX31" s="102">
        <v>1</v>
      </c>
      <c r="BY31" s="102">
        <v>1</v>
      </c>
      <c r="BZ31" s="103">
        <v>10</v>
      </c>
      <c r="CA31" s="104">
        <v>10</v>
      </c>
      <c r="CB31" s="101">
        <v>0</v>
      </c>
      <c r="CC31" s="102">
        <v>0</v>
      </c>
      <c r="CD31" s="103">
        <v>0</v>
      </c>
      <c r="CE31" s="413">
        <v>0</v>
      </c>
      <c r="CF31" s="102">
        <v>0</v>
      </c>
      <c r="CG31" s="102">
        <v>0</v>
      </c>
      <c r="CH31" s="102">
        <v>0</v>
      </c>
      <c r="CI31" s="102">
        <v>0</v>
      </c>
      <c r="CJ31" s="102">
        <v>0</v>
      </c>
      <c r="CK31" s="103">
        <v>0</v>
      </c>
      <c r="CL31" s="104">
        <v>0</v>
      </c>
      <c r="CM31" s="101">
        <v>1</v>
      </c>
      <c r="CN31" s="102">
        <v>7</v>
      </c>
      <c r="CO31" s="103">
        <v>8</v>
      </c>
      <c r="CP31" s="413">
        <v>0</v>
      </c>
      <c r="CQ31" s="102">
        <v>14</v>
      </c>
      <c r="CR31" s="102">
        <v>8</v>
      </c>
      <c r="CS31" s="102">
        <v>3</v>
      </c>
      <c r="CT31" s="102">
        <v>2</v>
      </c>
      <c r="CU31" s="102">
        <v>2</v>
      </c>
      <c r="CV31" s="103">
        <v>29</v>
      </c>
      <c r="CW31" s="104">
        <v>37</v>
      </c>
      <c r="CX31" s="105">
        <v>0</v>
      </c>
      <c r="CY31" s="97">
        <v>0</v>
      </c>
      <c r="CZ31" s="98">
        <v>0</v>
      </c>
      <c r="DA31" s="413">
        <v>0</v>
      </c>
      <c r="DB31" s="97">
        <v>1</v>
      </c>
      <c r="DC31" s="97">
        <v>1</v>
      </c>
      <c r="DD31" s="97">
        <v>0</v>
      </c>
      <c r="DE31" s="97">
        <v>0</v>
      </c>
      <c r="DF31" s="97">
        <v>2</v>
      </c>
      <c r="DG31" s="99">
        <v>4</v>
      </c>
      <c r="DH31" s="100">
        <v>4</v>
      </c>
      <c r="DI31" s="101">
        <v>0</v>
      </c>
      <c r="DJ31" s="102">
        <v>0</v>
      </c>
      <c r="DK31" s="103">
        <v>0</v>
      </c>
      <c r="DL31" s="413">
        <v>0</v>
      </c>
      <c r="DM31" s="102">
        <v>0</v>
      </c>
      <c r="DN31" s="102">
        <v>0</v>
      </c>
      <c r="DO31" s="102">
        <v>0</v>
      </c>
      <c r="DP31" s="102">
        <v>0</v>
      </c>
      <c r="DQ31" s="102">
        <v>0</v>
      </c>
      <c r="DR31" s="103">
        <v>0</v>
      </c>
      <c r="DS31" s="104">
        <v>0</v>
      </c>
      <c r="DT31" s="101">
        <v>0</v>
      </c>
      <c r="DU31" s="102">
        <v>0</v>
      </c>
      <c r="DV31" s="103">
        <v>0</v>
      </c>
      <c r="DW31" s="413">
        <v>0</v>
      </c>
      <c r="DX31" s="102">
        <v>0</v>
      </c>
      <c r="DY31" s="102">
        <v>0</v>
      </c>
      <c r="DZ31" s="102">
        <v>0</v>
      </c>
      <c r="EA31" s="102">
        <v>0</v>
      </c>
      <c r="EB31" s="102">
        <v>0</v>
      </c>
      <c r="EC31" s="103">
        <v>0</v>
      </c>
      <c r="ED31" s="104">
        <v>0</v>
      </c>
      <c r="EE31" s="101">
        <v>0</v>
      </c>
      <c r="EF31" s="102">
        <v>0</v>
      </c>
      <c r="EG31" s="103">
        <v>0</v>
      </c>
      <c r="EH31" s="413">
        <v>0</v>
      </c>
      <c r="EI31" s="102">
        <v>0</v>
      </c>
      <c r="EJ31" s="102">
        <v>0</v>
      </c>
      <c r="EK31" s="102">
        <v>0</v>
      </c>
      <c r="EL31" s="102">
        <v>0</v>
      </c>
      <c r="EM31" s="102">
        <v>0</v>
      </c>
      <c r="EN31" s="103">
        <v>0</v>
      </c>
      <c r="EO31" s="104">
        <v>0</v>
      </c>
      <c r="EP31" s="101">
        <v>0</v>
      </c>
      <c r="EQ31" s="102">
        <v>0</v>
      </c>
      <c r="ER31" s="103">
        <v>0</v>
      </c>
      <c r="ES31" s="413">
        <v>0</v>
      </c>
      <c r="ET31" s="102">
        <v>0</v>
      </c>
      <c r="EU31" s="102">
        <v>0</v>
      </c>
      <c r="EV31" s="102">
        <v>0</v>
      </c>
      <c r="EW31" s="102">
        <v>0</v>
      </c>
      <c r="EX31" s="102">
        <v>0</v>
      </c>
      <c r="EY31" s="103">
        <v>0</v>
      </c>
      <c r="EZ31" s="104">
        <v>0</v>
      </c>
      <c r="FA31" s="101">
        <v>0</v>
      </c>
      <c r="FB31" s="102">
        <v>0</v>
      </c>
      <c r="FC31" s="103">
        <v>0</v>
      </c>
      <c r="FD31" s="413">
        <v>0</v>
      </c>
      <c r="FE31" s="102">
        <v>1</v>
      </c>
      <c r="FF31" s="102">
        <v>1</v>
      </c>
      <c r="FG31" s="102">
        <v>0</v>
      </c>
      <c r="FH31" s="102">
        <v>0</v>
      </c>
      <c r="FI31" s="102">
        <v>0</v>
      </c>
      <c r="FJ31" s="103">
        <v>2</v>
      </c>
      <c r="FK31" s="104">
        <v>2</v>
      </c>
      <c r="FL31" s="101">
        <v>0</v>
      </c>
      <c r="FM31" s="102">
        <v>0</v>
      </c>
      <c r="FN31" s="103">
        <v>0</v>
      </c>
      <c r="FO31" s="413">
        <v>0</v>
      </c>
      <c r="FP31" s="102">
        <v>0</v>
      </c>
      <c r="FQ31" s="102">
        <v>0</v>
      </c>
      <c r="FR31" s="102">
        <v>0</v>
      </c>
      <c r="FS31" s="102">
        <v>0</v>
      </c>
      <c r="FT31" s="102">
        <v>2</v>
      </c>
      <c r="FU31" s="103">
        <v>2</v>
      </c>
      <c r="FV31" s="104">
        <v>2</v>
      </c>
      <c r="FW31" s="101">
        <v>0</v>
      </c>
      <c r="FX31" s="102">
        <v>0</v>
      </c>
      <c r="FY31" s="103">
        <v>0</v>
      </c>
      <c r="FZ31" s="413">
        <v>0</v>
      </c>
      <c r="GA31" s="102">
        <v>0</v>
      </c>
      <c r="GB31" s="102">
        <v>0</v>
      </c>
      <c r="GC31" s="102">
        <v>0</v>
      </c>
      <c r="GD31" s="102">
        <v>0</v>
      </c>
      <c r="GE31" s="102">
        <v>0</v>
      </c>
      <c r="GF31" s="103">
        <v>0</v>
      </c>
      <c r="GG31" s="104">
        <v>0</v>
      </c>
      <c r="GH31" s="101">
        <v>0</v>
      </c>
      <c r="GI31" s="102">
        <v>0</v>
      </c>
      <c r="GJ31" s="103">
        <v>0</v>
      </c>
      <c r="GK31" s="413">
        <v>0</v>
      </c>
      <c r="GL31" s="102">
        <v>1</v>
      </c>
      <c r="GM31" s="102">
        <v>1</v>
      </c>
      <c r="GN31" s="102">
        <v>0</v>
      </c>
      <c r="GO31" s="102">
        <v>0</v>
      </c>
      <c r="GP31" s="102">
        <v>2</v>
      </c>
      <c r="GQ31" s="103">
        <v>4</v>
      </c>
      <c r="GR31" s="104">
        <v>4</v>
      </c>
      <c r="GS31" s="105">
        <v>1</v>
      </c>
      <c r="GT31" s="97">
        <v>7</v>
      </c>
      <c r="GU31" s="98">
        <v>8</v>
      </c>
      <c r="GV31" s="413">
        <v>0</v>
      </c>
      <c r="GW31" s="97">
        <v>15</v>
      </c>
      <c r="GX31" s="97">
        <v>9</v>
      </c>
      <c r="GY31" s="97">
        <v>3</v>
      </c>
      <c r="GZ31" s="97">
        <v>2</v>
      </c>
      <c r="HA31" s="97">
        <v>4</v>
      </c>
      <c r="HB31" s="99">
        <v>33</v>
      </c>
      <c r="HC31" s="100">
        <v>41</v>
      </c>
      <c r="HD31" s="101">
        <v>0</v>
      </c>
      <c r="HE31" s="102">
        <v>0</v>
      </c>
      <c r="HF31" s="103">
        <v>0</v>
      </c>
      <c r="HG31" s="413">
        <v>0</v>
      </c>
      <c r="HH31" s="102">
        <v>0</v>
      </c>
      <c r="HI31" s="102">
        <v>0</v>
      </c>
      <c r="HJ31" s="102">
        <v>0</v>
      </c>
      <c r="HK31" s="102">
        <v>0</v>
      </c>
      <c r="HL31" s="102">
        <v>0</v>
      </c>
      <c r="HM31" s="103">
        <v>0</v>
      </c>
      <c r="HN31" s="104">
        <v>0</v>
      </c>
      <c r="HO31" s="101">
        <v>0</v>
      </c>
      <c r="HP31" s="102">
        <v>0</v>
      </c>
      <c r="HQ31" s="103">
        <v>0</v>
      </c>
      <c r="HR31" s="413">
        <v>0</v>
      </c>
      <c r="HS31" s="102">
        <v>0</v>
      </c>
      <c r="HT31" s="102">
        <v>0</v>
      </c>
      <c r="HU31" s="102">
        <v>0</v>
      </c>
      <c r="HV31" s="102">
        <v>0</v>
      </c>
      <c r="HW31" s="102">
        <v>0</v>
      </c>
      <c r="HX31" s="103">
        <v>0</v>
      </c>
      <c r="HY31" s="104">
        <v>0</v>
      </c>
      <c r="HZ31" s="101">
        <v>0</v>
      </c>
      <c r="IA31" s="102">
        <v>2</v>
      </c>
      <c r="IB31" s="103">
        <v>2</v>
      </c>
      <c r="IC31" s="413">
        <v>0</v>
      </c>
      <c r="ID31" s="102">
        <v>4</v>
      </c>
      <c r="IE31" s="102">
        <v>1</v>
      </c>
      <c r="IF31" s="102">
        <v>0</v>
      </c>
      <c r="IG31" s="102">
        <v>0</v>
      </c>
      <c r="IH31" s="102">
        <v>1</v>
      </c>
      <c r="II31" s="103">
        <v>6</v>
      </c>
      <c r="IJ31" s="104">
        <v>8</v>
      </c>
      <c r="IK31" s="101">
        <v>0</v>
      </c>
      <c r="IL31" s="102">
        <v>1</v>
      </c>
      <c r="IM31" s="103">
        <v>1</v>
      </c>
      <c r="IN31" s="413">
        <v>0</v>
      </c>
      <c r="IO31" s="102">
        <v>4</v>
      </c>
      <c r="IP31" s="102">
        <v>2</v>
      </c>
      <c r="IQ31" s="102">
        <v>0</v>
      </c>
      <c r="IR31" s="102">
        <v>0</v>
      </c>
      <c r="IS31" s="102">
        <v>0</v>
      </c>
      <c r="IT31" s="103">
        <v>6</v>
      </c>
      <c r="IU31" s="104">
        <v>7</v>
      </c>
      <c r="IV31" s="101">
        <v>1</v>
      </c>
      <c r="IW31" s="102">
        <v>4</v>
      </c>
      <c r="IX31" s="103">
        <v>5</v>
      </c>
      <c r="IY31" s="413">
        <v>0</v>
      </c>
      <c r="IZ31" s="102">
        <v>4</v>
      </c>
      <c r="JA31" s="102">
        <v>4</v>
      </c>
      <c r="JB31" s="102">
        <v>0</v>
      </c>
      <c r="JC31" s="102">
        <v>1</v>
      </c>
      <c r="JD31" s="102">
        <v>0</v>
      </c>
      <c r="JE31" s="103">
        <v>9</v>
      </c>
      <c r="JF31" s="104">
        <v>14</v>
      </c>
      <c r="JG31" s="101">
        <v>0</v>
      </c>
      <c r="JH31" s="102">
        <v>0</v>
      </c>
      <c r="JI31" s="103">
        <v>0</v>
      </c>
      <c r="JJ31" s="413">
        <v>0</v>
      </c>
      <c r="JK31" s="102">
        <v>3</v>
      </c>
      <c r="JL31" s="102">
        <v>2</v>
      </c>
      <c r="JM31" s="102">
        <v>3</v>
      </c>
      <c r="JN31" s="102">
        <v>1</v>
      </c>
      <c r="JO31" s="102">
        <v>3</v>
      </c>
      <c r="JP31" s="103">
        <v>12</v>
      </c>
      <c r="JQ31" s="104">
        <v>12</v>
      </c>
      <c r="JR31" s="101">
        <v>0</v>
      </c>
      <c r="JS31" s="102">
        <v>0</v>
      </c>
      <c r="JT31" s="103">
        <v>0</v>
      </c>
      <c r="JU31" s="413">
        <v>0</v>
      </c>
      <c r="JV31" s="102">
        <v>0</v>
      </c>
      <c r="JW31" s="102">
        <v>0</v>
      </c>
      <c r="JX31" s="102">
        <v>0</v>
      </c>
      <c r="JY31" s="102">
        <v>0</v>
      </c>
      <c r="JZ31" s="102">
        <v>0</v>
      </c>
      <c r="KA31" s="103">
        <v>0</v>
      </c>
      <c r="KB31" s="104">
        <v>0</v>
      </c>
      <c r="KC31" s="101">
        <v>1</v>
      </c>
      <c r="KD31" s="102">
        <v>7</v>
      </c>
      <c r="KE31" s="103">
        <v>8</v>
      </c>
      <c r="KF31" s="413">
        <v>0</v>
      </c>
      <c r="KG31" s="102">
        <v>15</v>
      </c>
      <c r="KH31" s="102">
        <v>9</v>
      </c>
      <c r="KI31" s="102">
        <v>3</v>
      </c>
      <c r="KJ31" s="102">
        <v>2</v>
      </c>
      <c r="KK31" s="102">
        <v>4</v>
      </c>
      <c r="KL31" s="103">
        <v>33</v>
      </c>
      <c r="KM31" s="104">
        <v>41</v>
      </c>
    </row>
    <row r="32" spans="2:299" s="70" customFormat="1" ht="21" customHeight="1" x14ac:dyDescent="0.2">
      <c r="B32" s="106" t="s">
        <v>29</v>
      </c>
      <c r="C32" s="96">
        <v>2</v>
      </c>
      <c r="D32" s="97">
        <v>5</v>
      </c>
      <c r="E32" s="98">
        <v>7</v>
      </c>
      <c r="F32" s="413">
        <v>0</v>
      </c>
      <c r="G32" s="97">
        <v>5</v>
      </c>
      <c r="H32" s="97">
        <v>5</v>
      </c>
      <c r="I32" s="97">
        <v>6</v>
      </c>
      <c r="J32" s="97">
        <v>3</v>
      </c>
      <c r="K32" s="97">
        <v>2</v>
      </c>
      <c r="L32" s="99">
        <v>21</v>
      </c>
      <c r="M32" s="100">
        <v>28</v>
      </c>
      <c r="N32" s="101">
        <v>0</v>
      </c>
      <c r="O32" s="102">
        <v>1</v>
      </c>
      <c r="P32" s="103">
        <v>1</v>
      </c>
      <c r="Q32" s="413">
        <v>0</v>
      </c>
      <c r="R32" s="102">
        <v>0</v>
      </c>
      <c r="S32" s="102">
        <v>1</v>
      </c>
      <c r="T32" s="102">
        <v>0</v>
      </c>
      <c r="U32" s="102">
        <v>0</v>
      </c>
      <c r="V32" s="102">
        <v>0</v>
      </c>
      <c r="W32" s="103">
        <v>1</v>
      </c>
      <c r="X32" s="104">
        <v>2</v>
      </c>
      <c r="Y32" s="101">
        <v>0</v>
      </c>
      <c r="Z32" s="102">
        <v>0</v>
      </c>
      <c r="AA32" s="103">
        <v>0</v>
      </c>
      <c r="AB32" s="413">
        <v>0</v>
      </c>
      <c r="AC32" s="102">
        <v>0</v>
      </c>
      <c r="AD32" s="102">
        <v>1</v>
      </c>
      <c r="AE32" s="102">
        <v>0</v>
      </c>
      <c r="AF32" s="102">
        <v>0</v>
      </c>
      <c r="AG32" s="102">
        <v>0</v>
      </c>
      <c r="AH32" s="103">
        <v>1</v>
      </c>
      <c r="AI32" s="104">
        <v>1</v>
      </c>
      <c r="AJ32" s="101">
        <v>1</v>
      </c>
      <c r="AK32" s="102">
        <v>0</v>
      </c>
      <c r="AL32" s="103">
        <v>1</v>
      </c>
      <c r="AM32" s="413">
        <v>0</v>
      </c>
      <c r="AN32" s="102">
        <v>2</v>
      </c>
      <c r="AO32" s="102">
        <v>0</v>
      </c>
      <c r="AP32" s="102">
        <v>0</v>
      </c>
      <c r="AQ32" s="102">
        <v>0</v>
      </c>
      <c r="AR32" s="102">
        <v>1</v>
      </c>
      <c r="AS32" s="103">
        <v>3</v>
      </c>
      <c r="AT32" s="104">
        <v>4</v>
      </c>
      <c r="AU32" s="101">
        <v>0</v>
      </c>
      <c r="AV32" s="102">
        <v>3</v>
      </c>
      <c r="AW32" s="103">
        <v>3</v>
      </c>
      <c r="AX32" s="413">
        <v>0</v>
      </c>
      <c r="AY32" s="102">
        <v>1</v>
      </c>
      <c r="AZ32" s="102">
        <v>1</v>
      </c>
      <c r="BA32" s="102">
        <v>1</v>
      </c>
      <c r="BB32" s="102">
        <v>1</v>
      </c>
      <c r="BC32" s="102">
        <v>0</v>
      </c>
      <c r="BD32" s="103">
        <v>4</v>
      </c>
      <c r="BE32" s="104">
        <v>7</v>
      </c>
      <c r="BF32" s="101">
        <v>0</v>
      </c>
      <c r="BG32" s="102">
        <v>0</v>
      </c>
      <c r="BH32" s="103">
        <v>0</v>
      </c>
      <c r="BI32" s="413">
        <v>0</v>
      </c>
      <c r="BJ32" s="102">
        <v>1</v>
      </c>
      <c r="BK32" s="102">
        <v>1</v>
      </c>
      <c r="BL32" s="102">
        <v>3</v>
      </c>
      <c r="BM32" s="102">
        <v>1</v>
      </c>
      <c r="BN32" s="102">
        <v>0</v>
      </c>
      <c r="BO32" s="103">
        <v>6</v>
      </c>
      <c r="BP32" s="104">
        <v>6</v>
      </c>
      <c r="BQ32" s="101">
        <v>1</v>
      </c>
      <c r="BR32" s="102">
        <v>1</v>
      </c>
      <c r="BS32" s="103">
        <v>2</v>
      </c>
      <c r="BT32" s="413">
        <v>0</v>
      </c>
      <c r="BU32" s="102">
        <v>1</v>
      </c>
      <c r="BV32" s="102">
        <v>1</v>
      </c>
      <c r="BW32" s="102">
        <v>2</v>
      </c>
      <c r="BX32" s="102">
        <v>1</v>
      </c>
      <c r="BY32" s="102">
        <v>1</v>
      </c>
      <c r="BZ32" s="103">
        <v>6</v>
      </c>
      <c r="CA32" s="104">
        <v>8</v>
      </c>
      <c r="CB32" s="101">
        <v>0</v>
      </c>
      <c r="CC32" s="102">
        <v>0</v>
      </c>
      <c r="CD32" s="103">
        <v>0</v>
      </c>
      <c r="CE32" s="413">
        <v>0</v>
      </c>
      <c r="CF32" s="102">
        <v>0</v>
      </c>
      <c r="CG32" s="102">
        <v>0</v>
      </c>
      <c r="CH32" s="102">
        <v>0</v>
      </c>
      <c r="CI32" s="102">
        <v>0</v>
      </c>
      <c r="CJ32" s="102">
        <v>0</v>
      </c>
      <c r="CK32" s="103">
        <v>0</v>
      </c>
      <c r="CL32" s="104">
        <v>0</v>
      </c>
      <c r="CM32" s="101">
        <v>2</v>
      </c>
      <c r="CN32" s="102">
        <v>5</v>
      </c>
      <c r="CO32" s="103">
        <v>7</v>
      </c>
      <c r="CP32" s="413">
        <v>0</v>
      </c>
      <c r="CQ32" s="102">
        <v>5</v>
      </c>
      <c r="CR32" s="102">
        <v>5</v>
      </c>
      <c r="CS32" s="102">
        <v>6</v>
      </c>
      <c r="CT32" s="102">
        <v>3</v>
      </c>
      <c r="CU32" s="102">
        <v>2</v>
      </c>
      <c r="CV32" s="103">
        <v>21</v>
      </c>
      <c r="CW32" s="104">
        <v>28</v>
      </c>
      <c r="CX32" s="105">
        <v>0</v>
      </c>
      <c r="CY32" s="97">
        <v>2</v>
      </c>
      <c r="CZ32" s="98">
        <v>2</v>
      </c>
      <c r="DA32" s="413">
        <v>0</v>
      </c>
      <c r="DB32" s="97">
        <v>2</v>
      </c>
      <c r="DC32" s="97">
        <v>1</v>
      </c>
      <c r="DD32" s="97">
        <v>1</v>
      </c>
      <c r="DE32" s="97">
        <v>1</v>
      </c>
      <c r="DF32" s="97">
        <v>0</v>
      </c>
      <c r="DG32" s="99">
        <v>5</v>
      </c>
      <c r="DH32" s="100">
        <v>7</v>
      </c>
      <c r="DI32" s="101">
        <v>0</v>
      </c>
      <c r="DJ32" s="102">
        <v>0</v>
      </c>
      <c r="DK32" s="103">
        <v>0</v>
      </c>
      <c r="DL32" s="413">
        <v>0</v>
      </c>
      <c r="DM32" s="102">
        <v>0</v>
      </c>
      <c r="DN32" s="102">
        <v>0</v>
      </c>
      <c r="DO32" s="102">
        <v>0</v>
      </c>
      <c r="DP32" s="102">
        <v>0</v>
      </c>
      <c r="DQ32" s="102">
        <v>0</v>
      </c>
      <c r="DR32" s="103">
        <v>0</v>
      </c>
      <c r="DS32" s="104">
        <v>0</v>
      </c>
      <c r="DT32" s="101">
        <v>0</v>
      </c>
      <c r="DU32" s="102">
        <v>2</v>
      </c>
      <c r="DV32" s="103">
        <v>2</v>
      </c>
      <c r="DW32" s="413">
        <v>0</v>
      </c>
      <c r="DX32" s="102">
        <v>0</v>
      </c>
      <c r="DY32" s="102">
        <v>0</v>
      </c>
      <c r="DZ32" s="102">
        <v>1</v>
      </c>
      <c r="EA32" s="102">
        <v>0</v>
      </c>
      <c r="EB32" s="102">
        <v>0</v>
      </c>
      <c r="EC32" s="103">
        <v>1</v>
      </c>
      <c r="ED32" s="104">
        <v>3</v>
      </c>
      <c r="EE32" s="101">
        <v>0</v>
      </c>
      <c r="EF32" s="102">
        <v>0</v>
      </c>
      <c r="EG32" s="103">
        <v>0</v>
      </c>
      <c r="EH32" s="413">
        <v>0</v>
      </c>
      <c r="EI32" s="102">
        <v>1</v>
      </c>
      <c r="EJ32" s="102">
        <v>0</v>
      </c>
      <c r="EK32" s="102">
        <v>0</v>
      </c>
      <c r="EL32" s="102">
        <v>0</v>
      </c>
      <c r="EM32" s="102">
        <v>0</v>
      </c>
      <c r="EN32" s="103">
        <v>1</v>
      </c>
      <c r="EO32" s="104">
        <v>1</v>
      </c>
      <c r="EP32" s="101">
        <v>0</v>
      </c>
      <c r="EQ32" s="102">
        <v>0</v>
      </c>
      <c r="ER32" s="103">
        <v>0</v>
      </c>
      <c r="ES32" s="413">
        <v>0</v>
      </c>
      <c r="ET32" s="102">
        <v>0</v>
      </c>
      <c r="EU32" s="102">
        <v>1</v>
      </c>
      <c r="EV32" s="102">
        <v>0</v>
      </c>
      <c r="EW32" s="102">
        <v>0</v>
      </c>
      <c r="EX32" s="102">
        <v>0</v>
      </c>
      <c r="EY32" s="103">
        <v>1</v>
      </c>
      <c r="EZ32" s="104">
        <v>1</v>
      </c>
      <c r="FA32" s="101">
        <v>0</v>
      </c>
      <c r="FB32" s="102">
        <v>0</v>
      </c>
      <c r="FC32" s="103">
        <v>0</v>
      </c>
      <c r="FD32" s="413">
        <v>0</v>
      </c>
      <c r="FE32" s="102">
        <v>0</v>
      </c>
      <c r="FF32" s="102">
        <v>0</v>
      </c>
      <c r="FG32" s="102">
        <v>0</v>
      </c>
      <c r="FH32" s="102">
        <v>1</v>
      </c>
      <c r="FI32" s="102">
        <v>0</v>
      </c>
      <c r="FJ32" s="103">
        <v>1</v>
      </c>
      <c r="FK32" s="104">
        <v>1</v>
      </c>
      <c r="FL32" s="101">
        <v>0</v>
      </c>
      <c r="FM32" s="102">
        <v>0</v>
      </c>
      <c r="FN32" s="103">
        <v>0</v>
      </c>
      <c r="FO32" s="413">
        <v>0</v>
      </c>
      <c r="FP32" s="102">
        <v>1</v>
      </c>
      <c r="FQ32" s="102">
        <v>0</v>
      </c>
      <c r="FR32" s="102">
        <v>0</v>
      </c>
      <c r="FS32" s="102">
        <v>0</v>
      </c>
      <c r="FT32" s="102">
        <v>0</v>
      </c>
      <c r="FU32" s="103">
        <v>1</v>
      </c>
      <c r="FV32" s="104">
        <v>1</v>
      </c>
      <c r="FW32" s="101">
        <v>0</v>
      </c>
      <c r="FX32" s="102">
        <v>0</v>
      </c>
      <c r="FY32" s="103">
        <v>0</v>
      </c>
      <c r="FZ32" s="413">
        <v>0</v>
      </c>
      <c r="GA32" s="102">
        <v>0</v>
      </c>
      <c r="GB32" s="102">
        <v>0</v>
      </c>
      <c r="GC32" s="102">
        <v>0</v>
      </c>
      <c r="GD32" s="102">
        <v>0</v>
      </c>
      <c r="GE32" s="102">
        <v>0</v>
      </c>
      <c r="GF32" s="103">
        <v>0</v>
      </c>
      <c r="GG32" s="104">
        <v>0</v>
      </c>
      <c r="GH32" s="101">
        <v>0</v>
      </c>
      <c r="GI32" s="102">
        <v>2</v>
      </c>
      <c r="GJ32" s="103">
        <v>2</v>
      </c>
      <c r="GK32" s="413">
        <v>0</v>
      </c>
      <c r="GL32" s="102">
        <v>2</v>
      </c>
      <c r="GM32" s="102">
        <v>1</v>
      </c>
      <c r="GN32" s="102">
        <v>1</v>
      </c>
      <c r="GO32" s="102">
        <v>1</v>
      </c>
      <c r="GP32" s="102">
        <v>0</v>
      </c>
      <c r="GQ32" s="103">
        <v>5</v>
      </c>
      <c r="GR32" s="104">
        <v>7</v>
      </c>
      <c r="GS32" s="105">
        <v>2</v>
      </c>
      <c r="GT32" s="97">
        <v>7</v>
      </c>
      <c r="GU32" s="98">
        <v>9</v>
      </c>
      <c r="GV32" s="413">
        <v>0</v>
      </c>
      <c r="GW32" s="97">
        <v>7</v>
      </c>
      <c r="GX32" s="97">
        <v>6</v>
      </c>
      <c r="GY32" s="97">
        <v>7</v>
      </c>
      <c r="GZ32" s="97">
        <v>4</v>
      </c>
      <c r="HA32" s="97">
        <v>2</v>
      </c>
      <c r="HB32" s="99">
        <v>26</v>
      </c>
      <c r="HC32" s="100">
        <v>35</v>
      </c>
      <c r="HD32" s="101">
        <v>0</v>
      </c>
      <c r="HE32" s="102">
        <v>1</v>
      </c>
      <c r="HF32" s="103">
        <v>1</v>
      </c>
      <c r="HG32" s="413">
        <v>0</v>
      </c>
      <c r="HH32" s="102">
        <v>0</v>
      </c>
      <c r="HI32" s="102">
        <v>1</v>
      </c>
      <c r="HJ32" s="102">
        <v>0</v>
      </c>
      <c r="HK32" s="102">
        <v>0</v>
      </c>
      <c r="HL32" s="102">
        <v>0</v>
      </c>
      <c r="HM32" s="103">
        <v>1</v>
      </c>
      <c r="HN32" s="104">
        <v>2</v>
      </c>
      <c r="HO32" s="101">
        <v>0</v>
      </c>
      <c r="HP32" s="102">
        <v>2</v>
      </c>
      <c r="HQ32" s="103">
        <v>2</v>
      </c>
      <c r="HR32" s="413">
        <v>0</v>
      </c>
      <c r="HS32" s="102">
        <v>0</v>
      </c>
      <c r="HT32" s="102">
        <v>1</v>
      </c>
      <c r="HU32" s="102">
        <v>1</v>
      </c>
      <c r="HV32" s="102">
        <v>0</v>
      </c>
      <c r="HW32" s="102">
        <v>0</v>
      </c>
      <c r="HX32" s="103">
        <v>2</v>
      </c>
      <c r="HY32" s="104">
        <v>4</v>
      </c>
      <c r="HZ32" s="101">
        <v>1</v>
      </c>
      <c r="IA32" s="102">
        <v>0</v>
      </c>
      <c r="IB32" s="103">
        <v>1</v>
      </c>
      <c r="IC32" s="413">
        <v>0</v>
      </c>
      <c r="ID32" s="102">
        <v>3</v>
      </c>
      <c r="IE32" s="102">
        <v>0</v>
      </c>
      <c r="IF32" s="102">
        <v>0</v>
      </c>
      <c r="IG32" s="102">
        <v>0</v>
      </c>
      <c r="IH32" s="102">
        <v>1</v>
      </c>
      <c r="II32" s="103">
        <v>4</v>
      </c>
      <c r="IJ32" s="104">
        <v>5</v>
      </c>
      <c r="IK32" s="101">
        <v>0</v>
      </c>
      <c r="IL32" s="102">
        <v>3</v>
      </c>
      <c r="IM32" s="103">
        <v>3</v>
      </c>
      <c r="IN32" s="413">
        <v>0</v>
      </c>
      <c r="IO32" s="102">
        <v>1</v>
      </c>
      <c r="IP32" s="102">
        <v>2</v>
      </c>
      <c r="IQ32" s="102">
        <v>1</v>
      </c>
      <c r="IR32" s="102">
        <v>1</v>
      </c>
      <c r="IS32" s="102">
        <v>0</v>
      </c>
      <c r="IT32" s="103">
        <v>5</v>
      </c>
      <c r="IU32" s="104">
        <v>8</v>
      </c>
      <c r="IV32" s="101">
        <v>0</v>
      </c>
      <c r="IW32" s="102">
        <v>0</v>
      </c>
      <c r="IX32" s="103">
        <v>0</v>
      </c>
      <c r="IY32" s="413">
        <v>0</v>
      </c>
      <c r="IZ32" s="102">
        <v>1</v>
      </c>
      <c r="JA32" s="102">
        <v>1</v>
      </c>
      <c r="JB32" s="102">
        <v>3</v>
      </c>
      <c r="JC32" s="102">
        <v>2</v>
      </c>
      <c r="JD32" s="102">
        <v>0</v>
      </c>
      <c r="JE32" s="103">
        <v>7</v>
      </c>
      <c r="JF32" s="104">
        <v>7</v>
      </c>
      <c r="JG32" s="101">
        <v>1</v>
      </c>
      <c r="JH32" s="102">
        <v>1</v>
      </c>
      <c r="JI32" s="103">
        <v>2</v>
      </c>
      <c r="JJ32" s="413">
        <v>0</v>
      </c>
      <c r="JK32" s="102">
        <v>2</v>
      </c>
      <c r="JL32" s="102">
        <v>1</v>
      </c>
      <c r="JM32" s="102">
        <v>2</v>
      </c>
      <c r="JN32" s="102">
        <v>1</v>
      </c>
      <c r="JO32" s="102">
        <v>1</v>
      </c>
      <c r="JP32" s="103">
        <v>7</v>
      </c>
      <c r="JQ32" s="104">
        <v>9</v>
      </c>
      <c r="JR32" s="101">
        <v>0</v>
      </c>
      <c r="JS32" s="102">
        <v>0</v>
      </c>
      <c r="JT32" s="103">
        <v>0</v>
      </c>
      <c r="JU32" s="413">
        <v>0</v>
      </c>
      <c r="JV32" s="102">
        <v>0</v>
      </c>
      <c r="JW32" s="102">
        <v>0</v>
      </c>
      <c r="JX32" s="102">
        <v>0</v>
      </c>
      <c r="JY32" s="102">
        <v>0</v>
      </c>
      <c r="JZ32" s="102">
        <v>0</v>
      </c>
      <c r="KA32" s="103">
        <v>0</v>
      </c>
      <c r="KB32" s="104">
        <v>0</v>
      </c>
      <c r="KC32" s="101">
        <v>2</v>
      </c>
      <c r="KD32" s="102">
        <v>7</v>
      </c>
      <c r="KE32" s="103">
        <v>9</v>
      </c>
      <c r="KF32" s="413">
        <v>0</v>
      </c>
      <c r="KG32" s="102">
        <v>7</v>
      </c>
      <c r="KH32" s="102">
        <v>6</v>
      </c>
      <c r="KI32" s="102">
        <v>7</v>
      </c>
      <c r="KJ32" s="102">
        <v>4</v>
      </c>
      <c r="KK32" s="102">
        <v>2</v>
      </c>
      <c r="KL32" s="103">
        <v>26</v>
      </c>
      <c r="KM32" s="104">
        <v>35</v>
      </c>
    </row>
    <row r="33" spans="2:299" s="70" customFormat="1" ht="21" customHeight="1" x14ac:dyDescent="0.2">
      <c r="B33" s="106" t="s">
        <v>30</v>
      </c>
      <c r="C33" s="96">
        <v>3</v>
      </c>
      <c r="D33" s="97">
        <v>2</v>
      </c>
      <c r="E33" s="98">
        <v>5</v>
      </c>
      <c r="F33" s="413">
        <v>0</v>
      </c>
      <c r="G33" s="97">
        <v>5</v>
      </c>
      <c r="H33" s="97">
        <v>6</v>
      </c>
      <c r="I33" s="97">
        <v>6</v>
      </c>
      <c r="J33" s="97">
        <v>5</v>
      </c>
      <c r="K33" s="97">
        <v>2</v>
      </c>
      <c r="L33" s="99">
        <v>24</v>
      </c>
      <c r="M33" s="100">
        <v>29</v>
      </c>
      <c r="N33" s="101">
        <v>1</v>
      </c>
      <c r="O33" s="102">
        <v>0</v>
      </c>
      <c r="P33" s="103">
        <v>1</v>
      </c>
      <c r="Q33" s="413">
        <v>0</v>
      </c>
      <c r="R33" s="102">
        <v>0</v>
      </c>
      <c r="S33" s="102">
        <v>0</v>
      </c>
      <c r="T33" s="102">
        <v>0</v>
      </c>
      <c r="U33" s="102">
        <v>0</v>
      </c>
      <c r="V33" s="102">
        <v>0</v>
      </c>
      <c r="W33" s="103">
        <v>0</v>
      </c>
      <c r="X33" s="104">
        <v>1</v>
      </c>
      <c r="Y33" s="101">
        <v>0</v>
      </c>
      <c r="Z33" s="102">
        <v>0</v>
      </c>
      <c r="AA33" s="103">
        <v>0</v>
      </c>
      <c r="AB33" s="413">
        <v>0</v>
      </c>
      <c r="AC33" s="102">
        <v>0</v>
      </c>
      <c r="AD33" s="102">
        <v>0</v>
      </c>
      <c r="AE33" s="102">
        <v>0</v>
      </c>
      <c r="AF33" s="102">
        <v>0</v>
      </c>
      <c r="AG33" s="102">
        <v>0</v>
      </c>
      <c r="AH33" s="103">
        <v>0</v>
      </c>
      <c r="AI33" s="104">
        <v>0</v>
      </c>
      <c r="AJ33" s="101">
        <v>1</v>
      </c>
      <c r="AK33" s="102">
        <v>0</v>
      </c>
      <c r="AL33" s="103">
        <v>1</v>
      </c>
      <c r="AM33" s="413">
        <v>0</v>
      </c>
      <c r="AN33" s="102">
        <v>0</v>
      </c>
      <c r="AO33" s="102">
        <v>1</v>
      </c>
      <c r="AP33" s="102">
        <v>0</v>
      </c>
      <c r="AQ33" s="102">
        <v>1</v>
      </c>
      <c r="AR33" s="102">
        <v>0</v>
      </c>
      <c r="AS33" s="103">
        <v>2</v>
      </c>
      <c r="AT33" s="104">
        <v>3</v>
      </c>
      <c r="AU33" s="101">
        <v>0</v>
      </c>
      <c r="AV33" s="102">
        <v>1</v>
      </c>
      <c r="AW33" s="103">
        <v>1</v>
      </c>
      <c r="AX33" s="413">
        <v>0</v>
      </c>
      <c r="AY33" s="102">
        <v>3</v>
      </c>
      <c r="AZ33" s="102">
        <v>0</v>
      </c>
      <c r="BA33" s="102">
        <v>2</v>
      </c>
      <c r="BB33" s="102">
        <v>1</v>
      </c>
      <c r="BC33" s="102">
        <v>2</v>
      </c>
      <c r="BD33" s="103">
        <v>8</v>
      </c>
      <c r="BE33" s="104">
        <v>9</v>
      </c>
      <c r="BF33" s="101">
        <v>1</v>
      </c>
      <c r="BG33" s="102">
        <v>0</v>
      </c>
      <c r="BH33" s="103">
        <v>1</v>
      </c>
      <c r="BI33" s="413">
        <v>0</v>
      </c>
      <c r="BJ33" s="102">
        <v>1</v>
      </c>
      <c r="BK33" s="102">
        <v>1</v>
      </c>
      <c r="BL33" s="102">
        <v>0</v>
      </c>
      <c r="BM33" s="102">
        <v>0</v>
      </c>
      <c r="BN33" s="102">
        <v>0</v>
      </c>
      <c r="BO33" s="103">
        <v>2</v>
      </c>
      <c r="BP33" s="104">
        <v>3</v>
      </c>
      <c r="BQ33" s="101">
        <v>0</v>
      </c>
      <c r="BR33" s="102">
        <v>1</v>
      </c>
      <c r="BS33" s="103">
        <v>1</v>
      </c>
      <c r="BT33" s="413">
        <v>0</v>
      </c>
      <c r="BU33" s="102">
        <v>1</v>
      </c>
      <c r="BV33" s="102">
        <v>4</v>
      </c>
      <c r="BW33" s="102">
        <v>4</v>
      </c>
      <c r="BX33" s="102">
        <v>3</v>
      </c>
      <c r="BY33" s="102">
        <v>0</v>
      </c>
      <c r="BZ33" s="103">
        <v>12</v>
      </c>
      <c r="CA33" s="104">
        <v>13</v>
      </c>
      <c r="CB33" s="101">
        <v>0</v>
      </c>
      <c r="CC33" s="102">
        <v>0</v>
      </c>
      <c r="CD33" s="103">
        <v>0</v>
      </c>
      <c r="CE33" s="413">
        <v>0</v>
      </c>
      <c r="CF33" s="102">
        <v>0</v>
      </c>
      <c r="CG33" s="102">
        <v>0</v>
      </c>
      <c r="CH33" s="102">
        <v>0</v>
      </c>
      <c r="CI33" s="102">
        <v>0</v>
      </c>
      <c r="CJ33" s="102">
        <v>0</v>
      </c>
      <c r="CK33" s="103">
        <v>0</v>
      </c>
      <c r="CL33" s="104">
        <v>0</v>
      </c>
      <c r="CM33" s="101">
        <v>3</v>
      </c>
      <c r="CN33" s="102">
        <v>2</v>
      </c>
      <c r="CO33" s="103">
        <v>5</v>
      </c>
      <c r="CP33" s="413">
        <v>0</v>
      </c>
      <c r="CQ33" s="102">
        <v>5</v>
      </c>
      <c r="CR33" s="102">
        <v>6</v>
      </c>
      <c r="CS33" s="102">
        <v>6</v>
      </c>
      <c r="CT33" s="102">
        <v>5</v>
      </c>
      <c r="CU33" s="102">
        <v>2</v>
      </c>
      <c r="CV33" s="103">
        <v>24</v>
      </c>
      <c r="CW33" s="104">
        <v>29</v>
      </c>
      <c r="CX33" s="105">
        <v>0</v>
      </c>
      <c r="CY33" s="97">
        <v>0</v>
      </c>
      <c r="CZ33" s="98">
        <v>0</v>
      </c>
      <c r="DA33" s="413">
        <v>0</v>
      </c>
      <c r="DB33" s="97">
        <v>0</v>
      </c>
      <c r="DC33" s="97">
        <v>2</v>
      </c>
      <c r="DD33" s="97">
        <v>0</v>
      </c>
      <c r="DE33" s="97">
        <v>3</v>
      </c>
      <c r="DF33" s="97">
        <v>1</v>
      </c>
      <c r="DG33" s="99">
        <v>6</v>
      </c>
      <c r="DH33" s="100">
        <v>6</v>
      </c>
      <c r="DI33" s="101">
        <v>0</v>
      </c>
      <c r="DJ33" s="102">
        <v>0</v>
      </c>
      <c r="DK33" s="103">
        <v>0</v>
      </c>
      <c r="DL33" s="413">
        <v>0</v>
      </c>
      <c r="DM33" s="102">
        <v>0</v>
      </c>
      <c r="DN33" s="102">
        <v>0</v>
      </c>
      <c r="DO33" s="102">
        <v>0</v>
      </c>
      <c r="DP33" s="102">
        <v>0</v>
      </c>
      <c r="DQ33" s="102">
        <v>0</v>
      </c>
      <c r="DR33" s="103">
        <v>0</v>
      </c>
      <c r="DS33" s="104">
        <v>0</v>
      </c>
      <c r="DT33" s="101">
        <v>0</v>
      </c>
      <c r="DU33" s="102">
        <v>0</v>
      </c>
      <c r="DV33" s="103">
        <v>0</v>
      </c>
      <c r="DW33" s="413">
        <v>0</v>
      </c>
      <c r="DX33" s="102">
        <v>0</v>
      </c>
      <c r="DY33" s="102">
        <v>0</v>
      </c>
      <c r="DZ33" s="102">
        <v>0</v>
      </c>
      <c r="EA33" s="102">
        <v>0</v>
      </c>
      <c r="EB33" s="102">
        <v>0</v>
      </c>
      <c r="EC33" s="103">
        <v>0</v>
      </c>
      <c r="ED33" s="104">
        <v>0</v>
      </c>
      <c r="EE33" s="101">
        <v>0</v>
      </c>
      <c r="EF33" s="102">
        <v>0</v>
      </c>
      <c r="EG33" s="103">
        <v>0</v>
      </c>
      <c r="EH33" s="413">
        <v>0</v>
      </c>
      <c r="EI33" s="102">
        <v>0</v>
      </c>
      <c r="EJ33" s="102">
        <v>0</v>
      </c>
      <c r="EK33" s="102">
        <v>0</v>
      </c>
      <c r="EL33" s="102">
        <v>0</v>
      </c>
      <c r="EM33" s="102">
        <v>0</v>
      </c>
      <c r="EN33" s="103">
        <v>0</v>
      </c>
      <c r="EO33" s="104">
        <v>0</v>
      </c>
      <c r="EP33" s="101">
        <v>0</v>
      </c>
      <c r="EQ33" s="102">
        <v>0</v>
      </c>
      <c r="ER33" s="103">
        <v>0</v>
      </c>
      <c r="ES33" s="413">
        <v>0</v>
      </c>
      <c r="ET33" s="102">
        <v>0</v>
      </c>
      <c r="EU33" s="102">
        <v>1</v>
      </c>
      <c r="EV33" s="102">
        <v>0</v>
      </c>
      <c r="EW33" s="102">
        <v>0</v>
      </c>
      <c r="EX33" s="102">
        <v>0</v>
      </c>
      <c r="EY33" s="103">
        <v>1</v>
      </c>
      <c r="EZ33" s="104">
        <v>1</v>
      </c>
      <c r="FA33" s="101">
        <v>0</v>
      </c>
      <c r="FB33" s="102">
        <v>0</v>
      </c>
      <c r="FC33" s="103">
        <v>0</v>
      </c>
      <c r="FD33" s="413">
        <v>0</v>
      </c>
      <c r="FE33" s="102">
        <v>0</v>
      </c>
      <c r="FF33" s="102">
        <v>0</v>
      </c>
      <c r="FG33" s="102">
        <v>0</v>
      </c>
      <c r="FH33" s="102">
        <v>1</v>
      </c>
      <c r="FI33" s="102">
        <v>0</v>
      </c>
      <c r="FJ33" s="103">
        <v>1</v>
      </c>
      <c r="FK33" s="104">
        <v>1</v>
      </c>
      <c r="FL33" s="101">
        <v>0</v>
      </c>
      <c r="FM33" s="102">
        <v>0</v>
      </c>
      <c r="FN33" s="103">
        <v>0</v>
      </c>
      <c r="FO33" s="413">
        <v>0</v>
      </c>
      <c r="FP33" s="102">
        <v>0</v>
      </c>
      <c r="FQ33" s="102">
        <v>1</v>
      </c>
      <c r="FR33" s="102">
        <v>0</v>
      </c>
      <c r="FS33" s="102">
        <v>2</v>
      </c>
      <c r="FT33" s="102">
        <v>1</v>
      </c>
      <c r="FU33" s="103">
        <v>4</v>
      </c>
      <c r="FV33" s="104">
        <v>4</v>
      </c>
      <c r="FW33" s="101">
        <v>0</v>
      </c>
      <c r="FX33" s="102">
        <v>0</v>
      </c>
      <c r="FY33" s="103">
        <v>0</v>
      </c>
      <c r="FZ33" s="413">
        <v>0</v>
      </c>
      <c r="GA33" s="102">
        <v>0</v>
      </c>
      <c r="GB33" s="102">
        <v>0</v>
      </c>
      <c r="GC33" s="102">
        <v>0</v>
      </c>
      <c r="GD33" s="102">
        <v>0</v>
      </c>
      <c r="GE33" s="102">
        <v>0</v>
      </c>
      <c r="GF33" s="103">
        <v>0</v>
      </c>
      <c r="GG33" s="104">
        <v>0</v>
      </c>
      <c r="GH33" s="101">
        <v>0</v>
      </c>
      <c r="GI33" s="102">
        <v>0</v>
      </c>
      <c r="GJ33" s="103">
        <v>0</v>
      </c>
      <c r="GK33" s="413">
        <v>0</v>
      </c>
      <c r="GL33" s="102">
        <v>0</v>
      </c>
      <c r="GM33" s="102">
        <v>2</v>
      </c>
      <c r="GN33" s="102">
        <v>0</v>
      </c>
      <c r="GO33" s="102">
        <v>3</v>
      </c>
      <c r="GP33" s="102">
        <v>1</v>
      </c>
      <c r="GQ33" s="103">
        <v>6</v>
      </c>
      <c r="GR33" s="104">
        <v>6</v>
      </c>
      <c r="GS33" s="105">
        <v>3</v>
      </c>
      <c r="GT33" s="97">
        <v>2</v>
      </c>
      <c r="GU33" s="98">
        <v>5</v>
      </c>
      <c r="GV33" s="413">
        <v>0</v>
      </c>
      <c r="GW33" s="97">
        <v>5</v>
      </c>
      <c r="GX33" s="97">
        <v>8</v>
      </c>
      <c r="GY33" s="97">
        <v>6</v>
      </c>
      <c r="GZ33" s="97">
        <v>8</v>
      </c>
      <c r="HA33" s="97">
        <v>3</v>
      </c>
      <c r="HB33" s="99">
        <v>30</v>
      </c>
      <c r="HC33" s="100">
        <v>35</v>
      </c>
      <c r="HD33" s="101">
        <v>1</v>
      </c>
      <c r="HE33" s="102">
        <v>0</v>
      </c>
      <c r="HF33" s="103">
        <v>1</v>
      </c>
      <c r="HG33" s="413">
        <v>0</v>
      </c>
      <c r="HH33" s="102">
        <v>0</v>
      </c>
      <c r="HI33" s="102">
        <v>0</v>
      </c>
      <c r="HJ33" s="102">
        <v>0</v>
      </c>
      <c r="HK33" s="102">
        <v>0</v>
      </c>
      <c r="HL33" s="102">
        <v>0</v>
      </c>
      <c r="HM33" s="103">
        <v>0</v>
      </c>
      <c r="HN33" s="104">
        <v>1</v>
      </c>
      <c r="HO33" s="101">
        <v>0</v>
      </c>
      <c r="HP33" s="102">
        <v>0</v>
      </c>
      <c r="HQ33" s="103">
        <v>0</v>
      </c>
      <c r="HR33" s="413">
        <v>0</v>
      </c>
      <c r="HS33" s="102">
        <v>0</v>
      </c>
      <c r="HT33" s="102">
        <v>0</v>
      </c>
      <c r="HU33" s="102">
        <v>0</v>
      </c>
      <c r="HV33" s="102">
        <v>0</v>
      </c>
      <c r="HW33" s="102">
        <v>0</v>
      </c>
      <c r="HX33" s="103">
        <v>0</v>
      </c>
      <c r="HY33" s="104">
        <v>0</v>
      </c>
      <c r="HZ33" s="101">
        <v>1</v>
      </c>
      <c r="IA33" s="102">
        <v>0</v>
      </c>
      <c r="IB33" s="103">
        <v>1</v>
      </c>
      <c r="IC33" s="413">
        <v>0</v>
      </c>
      <c r="ID33" s="102">
        <v>0</v>
      </c>
      <c r="IE33" s="102">
        <v>1</v>
      </c>
      <c r="IF33" s="102">
        <v>0</v>
      </c>
      <c r="IG33" s="102">
        <v>1</v>
      </c>
      <c r="IH33" s="102">
        <v>0</v>
      </c>
      <c r="II33" s="103">
        <v>2</v>
      </c>
      <c r="IJ33" s="104">
        <v>3</v>
      </c>
      <c r="IK33" s="101">
        <v>0</v>
      </c>
      <c r="IL33" s="102">
        <v>1</v>
      </c>
      <c r="IM33" s="103">
        <v>1</v>
      </c>
      <c r="IN33" s="413">
        <v>0</v>
      </c>
      <c r="IO33" s="102">
        <v>3</v>
      </c>
      <c r="IP33" s="102">
        <v>1</v>
      </c>
      <c r="IQ33" s="102">
        <v>2</v>
      </c>
      <c r="IR33" s="102">
        <v>1</v>
      </c>
      <c r="IS33" s="102">
        <v>2</v>
      </c>
      <c r="IT33" s="103">
        <v>9</v>
      </c>
      <c r="IU33" s="104">
        <v>10</v>
      </c>
      <c r="IV33" s="101">
        <v>1</v>
      </c>
      <c r="IW33" s="102">
        <v>0</v>
      </c>
      <c r="IX33" s="103">
        <v>1</v>
      </c>
      <c r="IY33" s="413">
        <v>0</v>
      </c>
      <c r="IZ33" s="102">
        <v>1</v>
      </c>
      <c r="JA33" s="102">
        <v>1</v>
      </c>
      <c r="JB33" s="102">
        <v>0</v>
      </c>
      <c r="JC33" s="102">
        <v>1</v>
      </c>
      <c r="JD33" s="102">
        <v>0</v>
      </c>
      <c r="JE33" s="103">
        <v>3</v>
      </c>
      <c r="JF33" s="104">
        <v>4</v>
      </c>
      <c r="JG33" s="101">
        <v>0</v>
      </c>
      <c r="JH33" s="102">
        <v>1</v>
      </c>
      <c r="JI33" s="103">
        <v>1</v>
      </c>
      <c r="JJ33" s="413">
        <v>0</v>
      </c>
      <c r="JK33" s="102">
        <v>1</v>
      </c>
      <c r="JL33" s="102">
        <v>5</v>
      </c>
      <c r="JM33" s="102">
        <v>4</v>
      </c>
      <c r="JN33" s="102">
        <v>5</v>
      </c>
      <c r="JO33" s="102">
        <v>1</v>
      </c>
      <c r="JP33" s="103">
        <v>16</v>
      </c>
      <c r="JQ33" s="104">
        <v>17</v>
      </c>
      <c r="JR33" s="101">
        <v>0</v>
      </c>
      <c r="JS33" s="102">
        <v>0</v>
      </c>
      <c r="JT33" s="103">
        <v>0</v>
      </c>
      <c r="JU33" s="413">
        <v>0</v>
      </c>
      <c r="JV33" s="102">
        <v>0</v>
      </c>
      <c r="JW33" s="102">
        <v>0</v>
      </c>
      <c r="JX33" s="102">
        <v>0</v>
      </c>
      <c r="JY33" s="102">
        <v>0</v>
      </c>
      <c r="JZ33" s="102">
        <v>0</v>
      </c>
      <c r="KA33" s="103">
        <v>0</v>
      </c>
      <c r="KB33" s="104">
        <v>0</v>
      </c>
      <c r="KC33" s="101">
        <v>3</v>
      </c>
      <c r="KD33" s="102">
        <v>2</v>
      </c>
      <c r="KE33" s="103">
        <v>5</v>
      </c>
      <c r="KF33" s="413">
        <v>0</v>
      </c>
      <c r="KG33" s="102">
        <v>5</v>
      </c>
      <c r="KH33" s="102">
        <v>8</v>
      </c>
      <c r="KI33" s="102">
        <v>6</v>
      </c>
      <c r="KJ33" s="102">
        <v>8</v>
      </c>
      <c r="KK33" s="102">
        <v>3</v>
      </c>
      <c r="KL33" s="103">
        <v>30</v>
      </c>
      <c r="KM33" s="104">
        <v>35</v>
      </c>
    </row>
    <row r="34" spans="2:299" s="70" customFormat="1" ht="21" customHeight="1" x14ac:dyDescent="0.2">
      <c r="B34" s="106" t="s">
        <v>31</v>
      </c>
      <c r="C34" s="96">
        <v>5</v>
      </c>
      <c r="D34" s="97">
        <v>8</v>
      </c>
      <c r="E34" s="98">
        <v>13</v>
      </c>
      <c r="F34" s="413">
        <v>0</v>
      </c>
      <c r="G34" s="97">
        <v>7</v>
      </c>
      <c r="H34" s="97">
        <v>7</v>
      </c>
      <c r="I34" s="97">
        <v>4</v>
      </c>
      <c r="J34" s="97">
        <v>3</v>
      </c>
      <c r="K34" s="97">
        <v>2</v>
      </c>
      <c r="L34" s="99">
        <v>23</v>
      </c>
      <c r="M34" s="100">
        <v>36</v>
      </c>
      <c r="N34" s="101">
        <v>0</v>
      </c>
      <c r="O34" s="102">
        <v>0</v>
      </c>
      <c r="P34" s="103">
        <v>0</v>
      </c>
      <c r="Q34" s="413">
        <v>0</v>
      </c>
      <c r="R34" s="102">
        <v>0</v>
      </c>
      <c r="S34" s="102">
        <v>0</v>
      </c>
      <c r="T34" s="102">
        <v>0</v>
      </c>
      <c r="U34" s="102">
        <v>0</v>
      </c>
      <c r="V34" s="102">
        <v>0</v>
      </c>
      <c r="W34" s="103">
        <v>0</v>
      </c>
      <c r="X34" s="104">
        <v>0</v>
      </c>
      <c r="Y34" s="101">
        <v>1</v>
      </c>
      <c r="Z34" s="102">
        <v>0</v>
      </c>
      <c r="AA34" s="103">
        <v>1</v>
      </c>
      <c r="AB34" s="413">
        <v>0</v>
      </c>
      <c r="AC34" s="102">
        <v>1</v>
      </c>
      <c r="AD34" s="102">
        <v>0</v>
      </c>
      <c r="AE34" s="102">
        <v>0</v>
      </c>
      <c r="AF34" s="102">
        <v>1</v>
      </c>
      <c r="AG34" s="102">
        <v>0</v>
      </c>
      <c r="AH34" s="103">
        <v>2</v>
      </c>
      <c r="AI34" s="104">
        <v>3</v>
      </c>
      <c r="AJ34" s="101">
        <v>1</v>
      </c>
      <c r="AK34" s="102">
        <v>1</v>
      </c>
      <c r="AL34" s="103">
        <v>2</v>
      </c>
      <c r="AM34" s="413">
        <v>0</v>
      </c>
      <c r="AN34" s="102">
        <v>0</v>
      </c>
      <c r="AO34" s="102">
        <v>0</v>
      </c>
      <c r="AP34" s="102">
        <v>0</v>
      </c>
      <c r="AQ34" s="102">
        <v>1</v>
      </c>
      <c r="AR34" s="102">
        <v>0</v>
      </c>
      <c r="AS34" s="103">
        <v>1</v>
      </c>
      <c r="AT34" s="104">
        <v>3</v>
      </c>
      <c r="AU34" s="101">
        <v>1</v>
      </c>
      <c r="AV34" s="102">
        <v>1</v>
      </c>
      <c r="AW34" s="103">
        <v>2</v>
      </c>
      <c r="AX34" s="413">
        <v>0</v>
      </c>
      <c r="AY34" s="102">
        <v>2</v>
      </c>
      <c r="AZ34" s="102">
        <v>1</v>
      </c>
      <c r="BA34" s="102">
        <v>0</v>
      </c>
      <c r="BB34" s="102">
        <v>0</v>
      </c>
      <c r="BC34" s="102">
        <v>1</v>
      </c>
      <c r="BD34" s="103">
        <v>4</v>
      </c>
      <c r="BE34" s="104">
        <v>6</v>
      </c>
      <c r="BF34" s="101">
        <v>1</v>
      </c>
      <c r="BG34" s="102">
        <v>4</v>
      </c>
      <c r="BH34" s="103">
        <v>5</v>
      </c>
      <c r="BI34" s="413">
        <v>0</v>
      </c>
      <c r="BJ34" s="102">
        <v>2</v>
      </c>
      <c r="BK34" s="102">
        <v>3</v>
      </c>
      <c r="BL34" s="102">
        <v>1</v>
      </c>
      <c r="BM34" s="102">
        <v>0</v>
      </c>
      <c r="BN34" s="102">
        <v>1</v>
      </c>
      <c r="BO34" s="103">
        <v>7</v>
      </c>
      <c r="BP34" s="104">
        <v>12</v>
      </c>
      <c r="BQ34" s="101">
        <v>1</v>
      </c>
      <c r="BR34" s="102">
        <v>2</v>
      </c>
      <c r="BS34" s="103">
        <v>3</v>
      </c>
      <c r="BT34" s="413">
        <v>0</v>
      </c>
      <c r="BU34" s="102">
        <v>2</v>
      </c>
      <c r="BV34" s="102">
        <v>3</v>
      </c>
      <c r="BW34" s="102">
        <v>3</v>
      </c>
      <c r="BX34" s="102">
        <v>1</v>
      </c>
      <c r="BY34" s="102">
        <v>0</v>
      </c>
      <c r="BZ34" s="103">
        <v>9</v>
      </c>
      <c r="CA34" s="104">
        <v>12</v>
      </c>
      <c r="CB34" s="101">
        <v>0</v>
      </c>
      <c r="CC34" s="102">
        <v>0</v>
      </c>
      <c r="CD34" s="103">
        <v>0</v>
      </c>
      <c r="CE34" s="413">
        <v>0</v>
      </c>
      <c r="CF34" s="102">
        <v>0</v>
      </c>
      <c r="CG34" s="102">
        <v>0</v>
      </c>
      <c r="CH34" s="102">
        <v>0</v>
      </c>
      <c r="CI34" s="102">
        <v>0</v>
      </c>
      <c r="CJ34" s="102">
        <v>0</v>
      </c>
      <c r="CK34" s="103">
        <v>0</v>
      </c>
      <c r="CL34" s="104">
        <v>0</v>
      </c>
      <c r="CM34" s="101">
        <v>5</v>
      </c>
      <c r="CN34" s="102">
        <v>8</v>
      </c>
      <c r="CO34" s="103">
        <v>13</v>
      </c>
      <c r="CP34" s="413">
        <v>0</v>
      </c>
      <c r="CQ34" s="102">
        <v>7</v>
      </c>
      <c r="CR34" s="102">
        <v>7</v>
      </c>
      <c r="CS34" s="102">
        <v>4</v>
      </c>
      <c r="CT34" s="102">
        <v>3</v>
      </c>
      <c r="CU34" s="102">
        <v>2</v>
      </c>
      <c r="CV34" s="103">
        <v>23</v>
      </c>
      <c r="CW34" s="104">
        <v>36</v>
      </c>
      <c r="CX34" s="105">
        <v>2</v>
      </c>
      <c r="CY34" s="97">
        <v>0</v>
      </c>
      <c r="CZ34" s="98">
        <v>2</v>
      </c>
      <c r="DA34" s="413">
        <v>0</v>
      </c>
      <c r="DB34" s="97">
        <v>2</v>
      </c>
      <c r="DC34" s="97">
        <v>2</v>
      </c>
      <c r="DD34" s="97">
        <v>0</v>
      </c>
      <c r="DE34" s="97">
        <v>0</v>
      </c>
      <c r="DF34" s="97">
        <v>2</v>
      </c>
      <c r="DG34" s="99">
        <v>6</v>
      </c>
      <c r="DH34" s="100">
        <v>8</v>
      </c>
      <c r="DI34" s="101">
        <v>0</v>
      </c>
      <c r="DJ34" s="102">
        <v>0</v>
      </c>
      <c r="DK34" s="103">
        <v>0</v>
      </c>
      <c r="DL34" s="413">
        <v>0</v>
      </c>
      <c r="DM34" s="102">
        <v>0</v>
      </c>
      <c r="DN34" s="102">
        <v>0</v>
      </c>
      <c r="DO34" s="102">
        <v>0</v>
      </c>
      <c r="DP34" s="102">
        <v>0</v>
      </c>
      <c r="DQ34" s="102">
        <v>0</v>
      </c>
      <c r="DR34" s="103">
        <v>0</v>
      </c>
      <c r="DS34" s="104">
        <v>0</v>
      </c>
      <c r="DT34" s="101">
        <v>0</v>
      </c>
      <c r="DU34" s="102">
        <v>0</v>
      </c>
      <c r="DV34" s="103">
        <v>0</v>
      </c>
      <c r="DW34" s="413">
        <v>0</v>
      </c>
      <c r="DX34" s="102">
        <v>0</v>
      </c>
      <c r="DY34" s="102">
        <v>0</v>
      </c>
      <c r="DZ34" s="102">
        <v>0</v>
      </c>
      <c r="EA34" s="102">
        <v>0</v>
      </c>
      <c r="EB34" s="102">
        <v>0</v>
      </c>
      <c r="EC34" s="103">
        <v>0</v>
      </c>
      <c r="ED34" s="104">
        <v>0</v>
      </c>
      <c r="EE34" s="101">
        <v>0</v>
      </c>
      <c r="EF34" s="102">
        <v>0</v>
      </c>
      <c r="EG34" s="103">
        <v>0</v>
      </c>
      <c r="EH34" s="413">
        <v>0</v>
      </c>
      <c r="EI34" s="102">
        <v>0</v>
      </c>
      <c r="EJ34" s="102">
        <v>0</v>
      </c>
      <c r="EK34" s="102">
        <v>0</v>
      </c>
      <c r="EL34" s="102">
        <v>0</v>
      </c>
      <c r="EM34" s="102">
        <v>0</v>
      </c>
      <c r="EN34" s="103">
        <v>0</v>
      </c>
      <c r="EO34" s="104">
        <v>0</v>
      </c>
      <c r="EP34" s="101">
        <v>1</v>
      </c>
      <c r="EQ34" s="102">
        <v>0</v>
      </c>
      <c r="ER34" s="103">
        <v>1</v>
      </c>
      <c r="ES34" s="413">
        <v>0</v>
      </c>
      <c r="ET34" s="102">
        <v>0</v>
      </c>
      <c r="EU34" s="102">
        <v>1</v>
      </c>
      <c r="EV34" s="102">
        <v>0</v>
      </c>
      <c r="EW34" s="102">
        <v>0</v>
      </c>
      <c r="EX34" s="102">
        <v>0</v>
      </c>
      <c r="EY34" s="103">
        <v>1</v>
      </c>
      <c r="EZ34" s="104">
        <v>2</v>
      </c>
      <c r="FA34" s="101">
        <v>0</v>
      </c>
      <c r="FB34" s="102">
        <v>0</v>
      </c>
      <c r="FC34" s="103">
        <v>0</v>
      </c>
      <c r="FD34" s="413">
        <v>0</v>
      </c>
      <c r="FE34" s="102">
        <v>0</v>
      </c>
      <c r="FF34" s="102">
        <v>0</v>
      </c>
      <c r="FG34" s="102">
        <v>0</v>
      </c>
      <c r="FH34" s="102">
        <v>0</v>
      </c>
      <c r="FI34" s="102">
        <v>0</v>
      </c>
      <c r="FJ34" s="103">
        <v>0</v>
      </c>
      <c r="FK34" s="104">
        <v>0</v>
      </c>
      <c r="FL34" s="101">
        <v>1</v>
      </c>
      <c r="FM34" s="102">
        <v>0</v>
      </c>
      <c r="FN34" s="103">
        <v>1</v>
      </c>
      <c r="FO34" s="413">
        <v>0</v>
      </c>
      <c r="FP34" s="102">
        <v>2</v>
      </c>
      <c r="FQ34" s="102">
        <v>1</v>
      </c>
      <c r="FR34" s="102">
        <v>0</v>
      </c>
      <c r="FS34" s="102">
        <v>0</v>
      </c>
      <c r="FT34" s="102">
        <v>2</v>
      </c>
      <c r="FU34" s="103">
        <v>5</v>
      </c>
      <c r="FV34" s="104">
        <v>6</v>
      </c>
      <c r="FW34" s="101">
        <v>0</v>
      </c>
      <c r="FX34" s="102">
        <v>0</v>
      </c>
      <c r="FY34" s="103">
        <v>0</v>
      </c>
      <c r="FZ34" s="413">
        <v>0</v>
      </c>
      <c r="GA34" s="102">
        <v>0</v>
      </c>
      <c r="GB34" s="102">
        <v>0</v>
      </c>
      <c r="GC34" s="102">
        <v>0</v>
      </c>
      <c r="GD34" s="102">
        <v>0</v>
      </c>
      <c r="GE34" s="102">
        <v>0</v>
      </c>
      <c r="GF34" s="103">
        <v>0</v>
      </c>
      <c r="GG34" s="104">
        <v>0</v>
      </c>
      <c r="GH34" s="101">
        <v>2</v>
      </c>
      <c r="GI34" s="102">
        <v>0</v>
      </c>
      <c r="GJ34" s="103">
        <v>2</v>
      </c>
      <c r="GK34" s="413">
        <v>0</v>
      </c>
      <c r="GL34" s="102">
        <v>2</v>
      </c>
      <c r="GM34" s="102">
        <v>2</v>
      </c>
      <c r="GN34" s="102">
        <v>0</v>
      </c>
      <c r="GO34" s="102">
        <v>0</v>
      </c>
      <c r="GP34" s="102">
        <v>2</v>
      </c>
      <c r="GQ34" s="103">
        <v>6</v>
      </c>
      <c r="GR34" s="104">
        <v>8</v>
      </c>
      <c r="GS34" s="105">
        <v>7</v>
      </c>
      <c r="GT34" s="97">
        <v>8</v>
      </c>
      <c r="GU34" s="98">
        <v>15</v>
      </c>
      <c r="GV34" s="413">
        <v>0</v>
      </c>
      <c r="GW34" s="97">
        <v>9</v>
      </c>
      <c r="GX34" s="97">
        <v>9</v>
      </c>
      <c r="GY34" s="97">
        <v>4</v>
      </c>
      <c r="GZ34" s="97">
        <v>3</v>
      </c>
      <c r="HA34" s="97">
        <v>4</v>
      </c>
      <c r="HB34" s="99">
        <v>29</v>
      </c>
      <c r="HC34" s="100">
        <v>44</v>
      </c>
      <c r="HD34" s="101">
        <v>0</v>
      </c>
      <c r="HE34" s="102">
        <v>0</v>
      </c>
      <c r="HF34" s="103">
        <v>0</v>
      </c>
      <c r="HG34" s="413">
        <v>0</v>
      </c>
      <c r="HH34" s="102">
        <v>0</v>
      </c>
      <c r="HI34" s="102">
        <v>0</v>
      </c>
      <c r="HJ34" s="102">
        <v>0</v>
      </c>
      <c r="HK34" s="102">
        <v>0</v>
      </c>
      <c r="HL34" s="102">
        <v>0</v>
      </c>
      <c r="HM34" s="103">
        <v>0</v>
      </c>
      <c r="HN34" s="104">
        <v>0</v>
      </c>
      <c r="HO34" s="101">
        <v>1</v>
      </c>
      <c r="HP34" s="102">
        <v>0</v>
      </c>
      <c r="HQ34" s="103">
        <v>1</v>
      </c>
      <c r="HR34" s="413">
        <v>0</v>
      </c>
      <c r="HS34" s="102">
        <v>1</v>
      </c>
      <c r="HT34" s="102">
        <v>0</v>
      </c>
      <c r="HU34" s="102">
        <v>0</v>
      </c>
      <c r="HV34" s="102">
        <v>1</v>
      </c>
      <c r="HW34" s="102">
        <v>0</v>
      </c>
      <c r="HX34" s="103">
        <v>2</v>
      </c>
      <c r="HY34" s="104">
        <v>3</v>
      </c>
      <c r="HZ34" s="101">
        <v>1</v>
      </c>
      <c r="IA34" s="102">
        <v>1</v>
      </c>
      <c r="IB34" s="103">
        <v>2</v>
      </c>
      <c r="IC34" s="413">
        <v>0</v>
      </c>
      <c r="ID34" s="102">
        <v>0</v>
      </c>
      <c r="IE34" s="102">
        <v>0</v>
      </c>
      <c r="IF34" s="102">
        <v>0</v>
      </c>
      <c r="IG34" s="102">
        <v>1</v>
      </c>
      <c r="IH34" s="102">
        <v>0</v>
      </c>
      <c r="II34" s="103">
        <v>1</v>
      </c>
      <c r="IJ34" s="104">
        <v>3</v>
      </c>
      <c r="IK34" s="101">
        <v>2</v>
      </c>
      <c r="IL34" s="102">
        <v>1</v>
      </c>
      <c r="IM34" s="103">
        <v>3</v>
      </c>
      <c r="IN34" s="413">
        <v>0</v>
      </c>
      <c r="IO34" s="102">
        <v>2</v>
      </c>
      <c r="IP34" s="102">
        <v>2</v>
      </c>
      <c r="IQ34" s="102">
        <v>0</v>
      </c>
      <c r="IR34" s="102">
        <v>0</v>
      </c>
      <c r="IS34" s="102">
        <v>1</v>
      </c>
      <c r="IT34" s="103">
        <v>5</v>
      </c>
      <c r="IU34" s="104">
        <v>8</v>
      </c>
      <c r="IV34" s="101">
        <v>1</v>
      </c>
      <c r="IW34" s="102">
        <v>4</v>
      </c>
      <c r="IX34" s="103">
        <v>5</v>
      </c>
      <c r="IY34" s="413">
        <v>0</v>
      </c>
      <c r="IZ34" s="102">
        <v>2</v>
      </c>
      <c r="JA34" s="102">
        <v>3</v>
      </c>
      <c r="JB34" s="102">
        <v>1</v>
      </c>
      <c r="JC34" s="102">
        <v>0</v>
      </c>
      <c r="JD34" s="102">
        <v>1</v>
      </c>
      <c r="JE34" s="103">
        <v>7</v>
      </c>
      <c r="JF34" s="104">
        <v>12</v>
      </c>
      <c r="JG34" s="101">
        <v>2</v>
      </c>
      <c r="JH34" s="102">
        <v>2</v>
      </c>
      <c r="JI34" s="103">
        <v>4</v>
      </c>
      <c r="JJ34" s="413">
        <v>0</v>
      </c>
      <c r="JK34" s="102">
        <v>4</v>
      </c>
      <c r="JL34" s="102">
        <v>4</v>
      </c>
      <c r="JM34" s="102">
        <v>3</v>
      </c>
      <c r="JN34" s="102">
        <v>1</v>
      </c>
      <c r="JO34" s="102">
        <v>2</v>
      </c>
      <c r="JP34" s="103">
        <v>14</v>
      </c>
      <c r="JQ34" s="104">
        <v>18</v>
      </c>
      <c r="JR34" s="101">
        <v>0</v>
      </c>
      <c r="JS34" s="102">
        <v>0</v>
      </c>
      <c r="JT34" s="103">
        <v>0</v>
      </c>
      <c r="JU34" s="413">
        <v>0</v>
      </c>
      <c r="JV34" s="102">
        <v>0</v>
      </c>
      <c r="JW34" s="102">
        <v>0</v>
      </c>
      <c r="JX34" s="102">
        <v>0</v>
      </c>
      <c r="JY34" s="102">
        <v>0</v>
      </c>
      <c r="JZ34" s="102">
        <v>0</v>
      </c>
      <c r="KA34" s="103">
        <v>0</v>
      </c>
      <c r="KB34" s="104">
        <v>0</v>
      </c>
      <c r="KC34" s="101">
        <v>7</v>
      </c>
      <c r="KD34" s="102">
        <v>8</v>
      </c>
      <c r="KE34" s="103">
        <v>15</v>
      </c>
      <c r="KF34" s="413">
        <v>0</v>
      </c>
      <c r="KG34" s="102">
        <v>9</v>
      </c>
      <c r="KH34" s="102">
        <v>9</v>
      </c>
      <c r="KI34" s="102">
        <v>4</v>
      </c>
      <c r="KJ34" s="102">
        <v>3</v>
      </c>
      <c r="KK34" s="102">
        <v>4</v>
      </c>
      <c r="KL34" s="103">
        <v>29</v>
      </c>
      <c r="KM34" s="104">
        <v>44</v>
      </c>
    </row>
    <row r="35" spans="2:299" s="70" customFormat="1" ht="21" customHeight="1" x14ac:dyDescent="0.2">
      <c r="B35" s="106" t="s">
        <v>32</v>
      </c>
      <c r="C35" s="96">
        <v>6</v>
      </c>
      <c r="D35" s="97">
        <v>5</v>
      </c>
      <c r="E35" s="98">
        <v>11</v>
      </c>
      <c r="F35" s="413">
        <v>0</v>
      </c>
      <c r="G35" s="97">
        <v>15</v>
      </c>
      <c r="H35" s="97">
        <v>13</v>
      </c>
      <c r="I35" s="97">
        <v>4</v>
      </c>
      <c r="J35" s="97">
        <v>3</v>
      </c>
      <c r="K35" s="97">
        <v>1</v>
      </c>
      <c r="L35" s="99">
        <v>36</v>
      </c>
      <c r="M35" s="100">
        <v>47</v>
      </c>
      <c r="N35" s="101">
        <v>0</v>
      </c>
      <c r="O35" s="102">
        <v>0</v>
      </c>
      <c r="P35" s="103">
        <v>0</v>
      </c>
      <c r="Q35" s="413">
        <v>0</v>
      </c>
      <c r="R35" s="102">
        <v>0</v>
      </c>
      <c r="S35" s="102">
        <v>0</v>
      </c>
      <c r="T35" s="102">
        <v>0</v>
      </c>
      <c r="U35" s="102">
        <v>0</v>
      </c>
      <c r="V35" s="102">
        <v>0</v>
      </c>
      <c r="W35" s="103">
        <v>0</v>
      </c>
      <c r="X35" s="104">
        <v>0</v>
      </c>
      <c r="Y35" s="101">
        <v>1</v>
      </c>
      <c r="Z35" s="102">
        <v>0</v>
      </c>
      <c r="AA35" s="103">
        <v>1</v>
      </c>
      <c r="AB35" s="413">
        <v>0</v>
      </c>
      <c r="AC35" s="102">
        <v>0</v>
      </c>
      <c r="AD35" s="102">
        <v>0</v>
      </c>
      <c r="AE35" s="102">
        <v>0</v>
      </c>
      <c r="AF35" s="102">
        <v>0</v>
      </c>
      <c r="AG35" s="102">
        <v>0</v>
      </c>
      <c r="AH35" s="103">
        <v>0</v>
      </c>
      <c r="AI35" s="104">
        <v>1</v>
      </c>
      <c r="AJ35" s="101">
        <v>0</v>
      </c>
      <c r="AK35" s="102">
        <v>0</v>
      </c>
      <c r="AL35" s="103">
        <v>0</v>
      </c>
      <c r="AM35" s="413">
        <v>0</v>
      </c>
      <c r="AN35" s="102">
        <v>0</v>
      </c>
      <c r="AO35" s="102">
        <v>2</v>
      </c>
      <c r="AP35" s="102">
        <v>0</v>
      </c>
      <c r="AQ35" s="102">
        <v>0</v>
      </c>
      <c r="AR35" s="102">
        <v>0</v>
      </c>
      <c r="AS35" s="103">
        <v>2</v>
      </c>
      <c r="AT35" s="104">
        <v>2</v>
      </c>
      <c r="AU35" s="101">
        <v>1</v>
      </c>
      <c r="AV35" s="102">
        <v>1</v>
      </c>
      <c r="AW35" s="103">
        <v>2</v>
      </c>
      <c r="AX35" s="413">
        <v>0</v>
      </c>
      <c r="AY35" s="102">
        <v>5</v>
      </c>
      <c r="AZ35" s="102">
        <v>3</v>
      </c>
      <c r="BA35" s="102">
        <v>1</v>
      </c>
      <c r="BB35" s="102">
        <v>0</v>
      </c>
      <c r="BC35" s="102">
        <v>1</v>
      </c>
      <c r="BD35" s="103">
        <v>10</v>
      </c>
      <c r="BE35" s="104">
        <v>12</v>
      </c>
      <c r="BF35" s="101">
        <v>1</v>
      </c>
      <c r="BG35" s="102">
        <v>3</v>
      </c>
      <c r="BH35" s="103">
        <v>4</v>
      </c>
      <c r="BI35" s="413">
        <v>0</v>
      </c>
      <c r="BJ35" s="102">
        <v>5</v>
      </c>
      <c r="BK35" s="102">
        <v>3</v>
      </c>
      <c r="BL35" s="102">
        <v>2</v>
      </c>
      <c r="BM35" s="102">
        <v>2</v>
      </c>
      <c r="BN35" s="102">
        <v>0</v>
      </c>
      <c r="BO35" s="103">
        <v>12</v>
      </c>
      <c r="BP35" s="104">
        <v>16</v>
      </c>
      <c r="BQ35" s="101">
        <v>3</v>
      </c>
      <c r="BR35" s="102">
        <v>1</v>
      </c>
      <c r="BS35" s="103">
        <v>4</v>
      </c>
      <c r="BT35" s="413">
        <v>0</v>
      </c>
      <c r="BU35" s="102">
        <v>5</v>
      </c>
      <c r="BV35" s="102">
        <v>5</v>
      </c>
      <c r="BW35" s="102">
        <v>1</v>
      </c>
      <c r="BX35" s="102">
        <v>1</v>
      </c>
      <c r="BY35" s="102">
        <v>0</v>
      </c>
      <c r="BZ35" s="103">
        <v>12</v>
      </c>
      <c r="CA35" s="104">
        <v>16</v>
      </c>
      <c r="CB35" s="101">
        <v>0</v>
      </c>
      <c r="CC35" s="102">
        <v>0</v>
      </c>
      <c r="CD35" s="103">
        <v>0</v>
      </c>
      <c r="CE35" s="413">
        <v>0</v>
      </c>
      <c r="CF35" s="102">
        <v>0</v>
      </c>
      <c r="CG35" s="102">
        <v>0</v>
      </c>
      <c r="CH35" s="102">
        <v>0</v>
      </c>
      <c r="CI35" s="102">
        <v>0</v>
      </c>
      <c r="CJ35" s="102">
        <v>0</v>
      </c>
      <c r="CK35" s="103">
        <v>0</v>
      </c>
      <c r="CL35" s="104">
        <v>0</v>
      </c>
      <c r="CM35" s="101">
        <v>6</v>
      </c>
      <c r="CN35" s="102">
        <v>5</v>
      </c>
      <c r="CO35" s="103">
        <v>11</v>
      </c>
      <c r="CP35" s="413">
        <v>0</v>
      </c>
      <c r="CQ35" s="102">
        <v>15</v>
      </c>
      <c r="CR35" s="102">
        <v>13</v>
      </c>
      <c r="CS35" s="102">
        <v>4</v>
      </c>
      <c r="CT35" s="102">
        <v>3</v>
      </c>
      <c r="CU35" s="102">
        <v>1</v>
      </c>
      <c r="CV35" s="103">
        <v>36</v>
      </c>
      <c r="CW35" s="104">
        <v>47</v>
      </c>
      <c r="CX35" s="105">
        <v>0</v>
      </c>
      <c r="CY35" s="97">
        <v>0</v>
      </c>
      <c r="CZ35" s="98">
        <v>0</v>
      </c>
      <c r="DA35" s="413">
        <v>0</v>
      </c>
      <c r="DB35" s="97">
        <v>0</v>
      </c>
      <c r="DC35" s="97">
        <v>2</v>
      </c>
      <c r="DD35" s="97">
        <v>0</v>
      </c>
      <c r="DE35" s="97">
        <v>2</v>
      </c>
      <c r="DF35" s="97">
        <v>2</v>
      </c>
      <c r="DG35" s="99">
        <v>6</v>
      </c>
      <c r="DH35" s="100">
        <v>6</v>
      </c>
      <c r="DI35" s="101">
        <v>0</v>
      </c>
      <c r="DJ35" s="102">
        <v>0</v>
      </c>
      <c r="DK35" s="103">
        <v>0</v>
      </c>
      <c r="DL35" s="413">
        <v>0</v>
      </c>
      <c r="DM35" s="102">
        <v>0</v>
      </c>
      <c r="DN35" s="102">
        <v>0</v>
      </c>
      <c r="DO35" s="102">
        <v>0</v>
      </c>
      <c r="DP35" s="102">
        <v>0</v>
      </c>
      <c r="DQ35" s="102">
        <v>0</v>
      </c>
      <c r="DR35" s="103">
        <v>0</v>
      </c>
      <c r="DS35" s="104">
        <v>0</v>
      </c>
      <c r="DT35" s="101">
        <v>0</v>
      </c>
      <c r="DU35" s="102">
        <v>0</v>
      </c>
      <c r="DV35" s="103">
        <v>0</v>
      </c>
      <c r="DW35" s="413">
        <v>0</v>
      </c>
      <c r="DX35" s="102">
        <v>0</v>
      </c>
      <c r="DY35" s="102">
        <v>0</v>
      </c>
      <c r="DZ35" s="102">
        <v>0</v>
      </c>
      <c r="EA35" s="102">
        <v>0</v>
      </c>
      <c r="EB35" s="102">
        <v>0</v>
      </c>
      <c r="EC35" s="103">
        <v>0</v>
      </c>
      <c r="ED35" s="104">
        <v>0</v>
      </c>
      <c r="EE35" s="101">
        <v>0</v>
      </c>
      <c r="EF35" s="102">
        <v>0</v>
      </c>
      <c r="EG35" s="103">
        <v>0</v>
      </c>
      <c r="EH35" s="413">
        <v>0</v>
      </c>
      <c r="EI35" s="102">
        <v>0</v>
      </c>
      <c r="EJ35" s="102">
        <v>0</v>
      </c>
      <c r="EK35" s="102">
        <v>0</v>
      </c>
      <c r="EL35" s="102">
        <v>0</v>
      </c>
      <c r="EM35" s="102">
        <v>0</v>
      </c>
      <c r="EN35" s="103">
        <v>0</v>
      </c>
      <c r="EO35" s="104">
        <v>0</v>
      </c>
      <c r="EP35" s="101">
        <v>0</v>
      </c>
      <c r="EQ35" s="102">
        <v>0</v>
      </c>
      <c r="ER35" s="103">
        <v>0</v>
      </c>
      <c r="ES35" s="413">
        <v>0</v>
      </c>
      <c r="ET35" s="102">
        <v>0</v>
      </c>
      <c r="EU35" s="102">
        <v>1</v>
      </c>
      <c r="EV35" s="102">
        <v>0</v>
      </c>
      <c r="EW35" s="102">
        <v>0</v>
      </c>
      <c r="EX35" s="102">
        <v>0</v>
      </c>
      <c r="EY35" s="103">
        <v>1</v>
      </c>
      <c r="EZ35" s="104">
        <v>1</v>
      </c>
      <c r="FA35" s="101">
        <v>0</v>
      </c>
      <c r="FB35" s="102">
        <v>0</v>
      </c>
      <c r="FC35" s="103">
        <v>0</v>
      </c>
      <c r="FD35" s="413">
        <v>0</v>
      </c>
      <c r="FE35" s="102">
        <v>0</v>
      </c>
      <c r="FF35" s="102">
        <v>0</v>
      </c>
      <c r="FG35" s="102">
        <v>0</v>
      </c>
      <c r="FH35" s="102">
        <v>1</v>
      </c>
      <c r="FI35" s="102">
        <v>1</v>
      </c>
      <c r="FJ35" s="103">
        <v>2</v>
      </c>
      <c r="FK35" s="104">
        <v>2</v>
      </c>
      <c r="FL35" s="101">
        <v>0</v>
      </c>
      <c r="FM35" s="102">
        <v>0</v>
      </c>
      <c r="FN35" s="103">
        <v>0</v>
      </c>
      <c r="FO35" s="413">
        <v>0</v>
      </c>
      <c r="FP35" s="102">
        <v>0</v>
      </c>
      <c r="FQ35" s="102">
        <v>1</v>
      </c>
      <c r="FR35" s="102">
        <v>0</v>
      </c>
      <c r="FS35" s="102">
        <v>1</v>
      </c>
      <c r="FT35" s="102">
        <v>1</v>
      </c>
      <c r="FU35" s="103">
        <v>3</v>
      </c>
      <c r="FV35" s="104">
        <v>3</v>
      </c>
      <c r="FW35" s="101">
        <v>0</v>
      </c>
      <c r="FX35" s="102">
        <v>0</v>
      </c>
      <c r="FY35" s="103">
        <v>0</v>
      </c>
      <c r="FZ35" s="413">
        <v>0</v>
      </c>
      <c r="GA35" s="102">
        <v>0</v>
      </c>
      <c r="GB35" s="102">
        <v>0</v>
      </c>
      <c r="GC35" s="102">
        <v>0</v>
      </c>
      <c r="GD35" s="102">
        <v>0</v>
      </c>
      <c r="GE35" s="102">
        <v>0</v>
      </c>
      <c r="GF35" s="103">
        <v>0</v>
      </c>
      <c r="GG35" s="104">
        <v>0</v>
      </c>
      <c r="GH35" s="101">
        <v>0</v>
      </c>
      <c r="GI35" s="102">
        <v>0</v>
      </c>
      <c r="GJ35" s="103">
        <v>0</v>
      </c>
      <c r="GK35" s="413">
        <v>0</v>
      </c>
      <c r="GL35" s="102">
        <v>0</v>
      </c>
      <c r="GM35" s="102">
        <v>2</v>
      </c>
      <c r="GN35" s="102">
        <v>0</v>
      </c>
      <c r="GO35" s="102">
        <v>2</v>
      </c>
      <c r="GP35" s="102">
        <v>2</v>
      </c>
      <c r="GQ35" s="103">
        <v>6</v>
      </c>
      <c r="GR35" s="104">
        <v>6</v>
      </c>
      <c r="GS35" s="105">
        <v>6</v>
      </c>
      <c r="GT35" s="97">
        <v>5</v>
      </c>
      <c r="GU35" s="98">
        <v>11</v>
      </c>
      <c r="GV35" s="413">
        <v>0</v>
      </c>
      <c r="GW35" s="97">
        <v>15</v>
      </c>
      <c r="GX35" s="97">
        <v>15</v>
      </c>
      <c r="GY35" s="97">
        <v>4</v>
      </c>
      <c r="GZ35" s="97">
        <v>5</v>
      </c>
      <c r="HA35" s="97">
        <v>3</v>
      </c>
      <c r="HB35" s="99">
        <v>42</v>
      </c>
      <c r="HC35" s="100">
        <v>53</v>
      </c>
      <c r="HD35" s="101">
        <v>0</v>
      </c>
      <c r="HE35" s="102">
        <v>0</v>
      </c>
      <c r="HF35" s="103">
        <v>0</v>
      </c>
      <c r="HG35" s="413">
        <v>0</v>
      </c>
      <c r="HH35" s="102">
        <v>0</v>
      </c>
      <c r="HI35" s="102">
        <v>0</v>
      </c>
      <c r="HJ35" s="102">
        <v>0</v>
      </c>
      <c r="HK35" s="102">
        <v>0</v>
      </c>
      <c r="HL35" s="102">
        <v>0</v>
      </c>
      <c r="HM35" s="103">
        <v>0</v>
      </c>
      <c r="HN35" s="104">
        <v>0</v>
      </c>
      <c r="HO35" s="101">
        <v>1</v>
      </c>
      <c r="HP35" s="102">
        <v>0</v>
      </c>
      <c r="HQ35" s="103">
        <v>1</v>
      </c>
      <c r="HR35" s="413">
        <v>0</v>
      </c>
      <c r="HS35" s="102">
        <v>0</v>
      </c>
      <c r="HT35" s="102">
        <v>0</v>
      </c>
      <c r="HU35" s="102">
        <v>0</v>
      </c>
      <c r="HV35" s="102">
        <v>0</v>
      </c>
      <c r="HW35" s="102">
        <v>0</v>
      </c>
      <c r="HX35" s="103">
        <v>0</v>
      </c>
      <c r="HY35" s="104">
        <v>1</v>
      </c>
      <c r="HZ35" s="101">
        <v>0</v>
      </c>
      <c r="IA35" s="102">
        <v>0</v>
      </c>
      <c r="IB35" s="103">
        <v>0</v>
      </c>
      <c r="IC35" s="413">
        <v>0</v>
      </c>
      <c r="ID35" s="102">
        <v>0</v>
      </c>
      <c r="IE35" s="102">
        <v>2</v>
      </c>
      <c r="IF35" s="102">
        <v>0</v>
      </c>
      <c r="IG35" s="102">
        <v>0</v>
      </c>
      <c r="IH35" s="102">
        <v>0</v>
      </c>
      <c r="II35" s="103">
        <v>2</v>
      </c>
      <c r="IJ35" s="104">
        <v>2</v>
      </c>
      <c r="IK35" s="101">
        <v>1</v>
      </c>
      <c r="IL35" s="102">
        <v>1</v>
      </c>
      <c r="IM35" s="103">
        <v>2</v>
      </c>
      <c r="IN35" s="413">
        <v>0</v>
      </c>
      <c r="IO35" s="102">
        <v>5</v>
      </c>
      <c r="IP35" s="102">
        <v>4</v>
      </c>
      <c r="IQ35" s="102">
        <v>1</v>
      </c>
      <c r="IR35" s="102">
        <v>0</v>
      </c>
      <c r="IS35" s="102">
        <v>1</v>
      </c>
      <c r="IT35" s="103">
        <v>11</v>
      </c>
      <c r="IU35" s="104">
        <v>13</v>
      </c>
      <c r="IV35" s="101">
        <v>1</v>
      </c>
      <c r="IW35" s="102">
        <v>3</v>
      </c>
      <c r="IX35" s="103">
        <v>4</v>
      </c>
      <c r="IY35" s="413">
        <v>0</v>
      </c>
      <c r="IZ35" s="102">
        <v>5</v>
      </c>
      <c r="JA35" s="102">
        <v>3</v>
      </c>
      <c r="JB35" s="102">
        <v>2</v>
      </c>
      <c r="JC35" s="102">
        <v>3</v>
      </c>
      <c r="JD35" s="102">
        <v>1</v>
      </c>
      <c r="JE35" s="103">
        <v>14</v>
      </c>
      <c r="JF35" s="104">
        <v>18</v>
      </c>
      <c r="JG35" s="101">
        <v>3</v>
      </c>
      <c r="JH35" s="102">
        <v>1</v>
      </c>
      <c r="JI35" s="103">
        <v>4</v>
      </c>
      <c r="JJ35" s="413">
        <v>0</v>
      </c>
      <c r="JK35" s="102">
        <v>5</v>
      </c>
      <c r="JL35" s="102">
        <v>6</v>
      </c>
      <c r="JM35" s="102">
        <v>1</v>
      </c>
      <c r="JN35" s="102">
        <v>2</v>
      </c>
      <c r="JO35" s="102">
        <v>1</v>
      </c>
      <c r="JP35" s="103">
        <v>15</v>
      </c>
      <c r="JQ35" s="104">
        <v>19</v>
      </c>
      <c r="JR35" s="101">
        <v>0</v>
      </c>
      <c r="JS35" s="102">
        <v>0</v>
      </c>
      <c r="JT35" s="103">
        <v>0</v>
      </c>
      <c r="JU35" s="413">
        <v>0</v>
      </c>
      <c r="JV35" s="102">
        <v>0</v>
      </c>
      <c r="JW35" s="102">
        <v>0</v>
      </c>
      <c r="JX35" s="102">
        <v>0</v>
      </c>
      <c r="JY35" s="102">
        <v>0</v>
      </c>
      <c r="JZ35" s="102">
        <v>0</v>
      </c>
      <c r="KA35" s="103">
        <v>0</v>
      </c>
      <c r="KB35" s="104">
        <v>0</v>
      </c>
      <c r="KC35" s="101">
        <v>6</v>
      </c>
      <c r="KD35" s="102">
        <v>5</v>
      </c>
      <c r="KE35" s="103">
        <v>11</v>
      </c>
      <c r="KF35" s="413">
        <v>0</v>
      </c>
      <c r="KG35" s="102">
        <v>15</v>
      </c>
      <c r="KH35" s="102">
        <v>15</v>
      </c>
      <c r="KI35" s="102">
        <v>4</v>
      </c>
      <c r="KJ35" s="102">
        <v>5</v>
      </c>
      <c r="KK35" s="102">
        <v>3</v>
      </c>
      <c r="KL35" s="103">
        <v>42</v>
      </c>
      <c r="KM35" s="104">
        <v>53</v>
      </c>
    </row>
    <row r="36" spans="2:299" s="70" customFormat="1" ht="21" customHeight="1" x14ac:dyDescent="0.2">
      <c r="B36" s="106" t="s">
        <v>33</v>
      </c>
      <c r="C36" s="96">
        <v>4</v>
      </c>
      <c r="D36" s="97">
        <v>1</v>
      </c>
      <c r="E36" s="98">
        <v>5</v>
      </c>
      <c r="F36" s="413">
        <v>0</v>
      </c>
      <c r="G36" s="97">
        <v>6</v>
      </c>
      <c r="H36" s="97">
        <v>1</v>
      </c>
      <c r="I36" s="97">
        <v>5</v>
      </c>
      <c r="J36" s="97">
        <v>0</v>
      </c>
      <c r="K36" s="97">
        <v>1</v>
      </c>
      <c r="L36" s="99">
        <v>13</v>
      </c>
      <c r="M36" s="100">
        <v>18</v>
      </c>
      <c r="N36" s="101">
        <v>0</v>
      </c>
      <c r="O36" s="102">
        <v>0</v>
      </c>
      <c r="P36" s="103">
        <v>0</v>
      </c>
      <c r="Q36" s="413">
        <v>0</v>
      </c>
      <c r="R36" s="102">
        <v>0</v>
      </c>
      <c r="S36" s="102">
        <v>0</v>
      </c>
      <c r="T36" s="102">
        <v>0</v>
      </c>
      <c r="U36" s="102">
        <v>0</v>
      </c>
      <c r="V36" s="102">
        <v>0</v>
      </c>
      <c r="W36" s="103">
        <v>0</v>
      </c>
      <c r="X36" s="104">
        <v>0</v>
      </c>
      <c r="Y36" s="101">
        <v>0</v>
      </c>
      <c r="Z36" s="102">
        <v>0</v>
      </c>
      <c r="AA36" s="103">
        <v>0</v>
      </c>
      <c r="AB36" s="413">
        <v>0</v>
      </c>
      <c r="AC36" s="102">
        <v>0</v>
      </c>
      <c r="AD36" s="102">
        <v>0</v>
      </c>
      <c r="AE36" s="102">
        <v>0</v>
      </c>
      <c r="AF36" s="102">
        <v>0</v>
      </c>
      <c r="AG36" s="102">
        <v>0</v>
      </c>
      <c r="AH36" s="103">
        <v>0</v>
      </c>
      <c r="AI36" s="104">
        <v>0</v>
      </c>
      <c r="AJ36" s="101">
        <v>0</v>
      </c>
      <c r="AK36" s="102">
        <v>0</v>
      </c>
      <c r="AL36" s="103">
        <v>0</v>
      </c>
      <c r="AM36" s="413">
        <v>0</v>
      </c>
      <c r="AN36" s="102">
        <v>1</v>
      </c>
      <c r="AO36" s="102">
        <v>1</v>
      </c>
      <c r="AP36" s="102">
        <v>0</v>
      </c>
      <c r="AQ36" s="102">
        <v>0</v>
      </c>
      <c r="AR36" s="102">
        <v>0</v>
      </c>
      <c r="AS36" s="103">
        <v>2</v>
      </c>
      <c r="AT36" s="104">
        <v>2</v>
      </c>
      <c r="AU36" s="101">
        <v>2</v>
      </c>
      <c r="AV36" s="102">
        <v>0</v>
      </c>
      <c r="AW36" s="103">
        <v>2</v>
      </c>
      <c r="AX36" s="413">
        <v>0</v>
      </c>
      <c r="AY36" s="102">
        <v>0</v>
      </c>
      <c r="AZ36" s="102">
        <v>0</v>
      </c>
      <c r="BA36" s="102">
        <v>1</v>
      </c>
      <c r="BB36" s="102">
        <v>0</v>
      </c>
      <c r="BC36" s="102">
        <v>0</v>
      </c>
      <c r="BD36" s="103">
        <v>1</v>
      </c>
      <c r="BE36" s="104">
        <v>3</v>
      </c>
      <c r="BF36" s="101">
        <v>1</v>
      </c>
      <c r="BG36" s="102">
        <v>1</v>
      </c>
      <c r="BH36" s="103">
        <v>2</v>
      </c>
      <c r="BI36" s="413">
        <v>0</v>
      </c>
      <c r="BJ36" s="102">
        <v>3</v>
      </c>
      <c r="BK36" s="102">
        <v>0</v>
      </c>
      <c r="BL36" s="102">
        <v>1</v>
      </c>
      <c r="BM36" s="102">
        <v>0</v>
      </c>
      <c r="BN36" s="102">
        <v>0</v>
      </c>
      <c r="BO36" s="103">
        <v>4</v>
      </c>
      <c r="BP36" s="104">
        <v>6</v>
      </c>
      <c r="BQ36" s="101">
        <v>1</v>
      </c>
      <c r="BR36" s="102">
        <v>0</v>
      </c>
      <c r="BS36" s="103">
        <v>1</v>
      </c>
      <c r="BT36" s="413">
        <v>0</v>
      </c>
      <c r="BU36" s="102">
        <v>2</v>
      </c>
      <c r="BV36" s="102">
        <v>0</v>
      </c>
      <c r="BW36" s="102">
        <v>3</v>
      </c>
      <c r="BX36" s="102">
        <v>0</v>
      </c>
      <c r="BY36" s="102">
        <v>1</v>
      </c>
      <c r="BZ36" s="103">
        <v>6</v>
      </c>
      <c r="CA36" s="104">
        <v>7</v>
      </c>
      <c r="CB36" s="101">
        <v>0</v>
      </c>
      <c r="CC36" s="102">
        <v>0</v>
      </c>
      <c r="CD36" s="103">
        <v>0</v>
      </c>
      <c r="CE36" s="413">
        <v>0</v>
      </c>
      <c r="CF36" s="102">
        <v>0</v>
      </c>
      <c r="CG36" s="102">
        <v>0</v>
      </c>
      <c r="CH36" s="102">
        <v>0</v>
      </c>
      <c r="CI36" s="102">
        <v>0</v>
      </c>
      <c r="CJ36" s="102">
        <v>0</v>
      </c>
      <c r="CK36" s="103">
        <v>0</v>
      </c>
      <c r="CL36" s="104">
        <v>0</v>
      </c>
      <c r="CM36" s="101">
        <v>4</v>
      </c>
      <c r="CN36" s="102">
        <v>1</v>
      </c>
      <c r="CO36" s="103">
        <v>5</v>
      </c>
      <c r="CP36" s="413">
        <v>0</v>
      </c>
      <c r="CQ36" s="102">
        <v>6</v>
      </c>
      <c r="CR36" s="102">
        <v>1</v>
      </c>
      <c r="CS36" s="102">
        <v>5</v>
      </c>
      <c r="CT36" s="102">
        <v>0</v>
      </c>
      <c r="CU36" s="102">
        <v>1</v>
      </c>
      <c r="CV36" s="103">
        <v>13</v>
      </c>
      <c r="CW36" s="104">
        <v>18</v>
      </c>
      <c r="CX36" s="105">
        <v>0</v>
      </c>
      <c r="CY36" s="97">
        <v>2</v>
      </c>
      <c r="CZ36" s="98">
        <v>2</v>
      </c>
      <c r="DA36" s="413">
        <v>0</v>
      </c>
      <c r="DB36" s="97">
        <v>0</v>
      </c>
      <c r="DC36" s="97">
        <v>0</v>
      </c>
      <c r="DD36" s="97">
        <v>0</v>
      </c>
      <c r="DE36" s="97">
        <v>0</v>
      </c>
      <c r="DF36" s="97">
        <v>1</v>
      </c>
      <c r="DG36" s="99">
        <v>1</v>
      </c>
      <c r="DH36" s="100">
        <v>3</v>
      </c>
      <c r="DI36" s="101">
        <v>0</v>
      </c>
      <c r="DJ36" s="102">
        <v>0</v>
      </c>
      <c r="DK36" s="103">
        <v>0</v>
      </c>
      <c r="DL36" s="413">
        <v>0</v>
      </c>
      <c r="DM36" s="102">
        <v>0</v>
      </c>
      <c r="DN36" s="102">
        <v>0</v>
      </c>
      <c r="DO36" s="102">
        <v>0</v>
      </c>
      <c r="DP36" s="102">
        <v>0</v>
      </c>
      <c r="DQ36" s="102">
        <v>0</v>
      </c>
      <c r="DR36" s="103">
        <v>0</v>
      </c>
      <c r="DS36" s="104">
        <v>0</v>
      </c>
      <c r="DT36" s="101">
        <v>0</v>
      </c>
      <c r="DU36" s="102">
        <v>0</v>
      </c>
      <c r="DV36" s="103">
        <v>0</v>
      </c>
      <c r="DW36" s="413">
        <v>0</v>
      </c>
      <c r="DX36" s="102">
        <v>0</v>
      </c>
      <c r="DY36" s="102">
        <v>0</v>
      </c>
      <c r="DZ36" s="102">
        <v>0</v>
      </c>
      <c r="EA36" s="102">
        <v>0</v>
      </c>
      <c r="EB36" s="102">
        <v>0</v>
      </c>
      <c r="EC36" s="103">
        <v>0</v>
      </c>
      <c r="ED36" s="104">
        <v>0</v>
      </c>
      <c r="EE36" s="101">
        <v>0</v>
      </c>
      <c r="EF36" s="102">
        <v>0</v>
      </c>
      <c r="EG36" s="103">
        <v>0</v>
      </c>
      <c r="EH36" s="413">
        <v>0</v>
      </c>
      <c r="EI36" s="102">
        <v>0</v>
      </c>
      <c r="EJ36" s="102">
        <v>0</v>
      </c>
      <c r="EK36" s="102">
        <v>0</v>
      </c>
      <c r="EL36" s="102">
        <v>0</v>
      </c>
      <c r="EM36" s="102">
        <v>0</v>
      </c>
      <c r="EN36" s="103">
        <v>0</v>
      </c>
      <c r="EO36" s="104">
        <v>0</v>
      </c>
      <c r="EP36" s="101">
        <v>0</v>
      </c>
      <c r="EQ36" s="102">
        <v>1</v>
      </c>
      <c r="ER36" s="103">
        <v>1</v>
      </c>
      <c r="ES36" s="413">
        <v>0</v>
      </c>
      <c r="ET36" s="102">
        <v>0</v>
      </c>
      <c r="EU36" s="102">
        <v>0</v>
      </c>
      <c r="EV36" s="102">
        <v>0</v>
      </c>
      <c r="EW36" s="102">
        <v>0</v>
      </c>
      <c r="EX36" s="102">
        <v>0</v>
      </c>
      <c r="EY36" s="103">
        <v>0</v>
      </c>
      <c r="EZ36" s="104">
        <v>1</v>
      </c>
      <c r="FA36" s="101">
        <v>0</v>
      </c>
      <c r="FB36" s="102">
        <v>0</v>
      </c>
      <c r="FC36" s="103">
        <v>0</v>
      </c>
      <c r="FD36" s="413">
        <v>0</v>
      </c>
      <c r="FE36" s="102">
        <v>0</v>
      </c>
      <c r="FF36" s="102">
        <v>0</v>
      </c>
      <c r="FG36" s="102">
        <v>0</v>
      </c>
      <c r="FH36" s="102">
        <v>0</v>
      </c>
      <c r="FI36" s="102">
        <v>0</v>
      </c>
      <c r="FJ36" s="103">
        <v>0</v>
      </c>
      <c r="FK36" s="104">
        <v>0</v>
      </c>
      <c r="FL36" s="101">
        <v>0</v>
      </c>
      <c r="FM36" s="102">
        <v>1</v>
      </c>
      <c r="FN36" s="103">
        <v>1</v>
      </c>
      <c r="FO36" s="413">
        <v>0</v>
      </c>
      <c r="FP36" s="102">
        <v>0</v>
      </c>
      <c r="FQ36" s="102">
        <v>0</v>
      </c>
      <c r="FR36" s="102">
        <v>0</v>
      </c>
      <c r="FS36" s="102">
        <v>0</v>
      </c>
      <c r="FT36" s="102">
        <v>1</v>
      </c>
      <c r="FU36" s="103">
        <v>1</v>
      </c>
      <c r="FV36" s="104">
        <v>2</v>
      </c>
      <c r="FW36" s="101">
        <v>0</v>
      </c>
      <c r="FX36" s="102">
        <v>0</v>
      </c>
      <c r="FY36" s="103">
        <v>0</v>
      </c>
      <c r="FZ36" s="413">
        <v>0</v>
      </c>
      <c r="GA36" s="102">
        <v>0</v>
      </c>
      <c r="GB36" s="102">
        <v>0</v>
      </c>
      <c r="GC36" s="102">
        <v>0</v>
      </c>
      <c r="GD36" s="102">
        <v>0</v>
      </c>
      <c r="GE36" s="102">
        <v>0</v>
      </c>
      <c r="GF36" s="103">
        <v>0</v>
      </c>
      <c r="GG36" s="104">
        <v>0</v>
      </c>
      <c r="GH36" s="101">
        <v>0</v>
      </c>
      <c r="GI36" s="102">
        <v>2</v>
      </c>
      <c r="GJ36" s="103">
        <v>2</v>
      </c>
      <c r="GK36" s="413">
        <v>0</v>
      </c>
      <c r="GL36" s="102">
        <v>0</v>
      </c>
      <c r="GM36" s="102">
        <v>0</v>
      </c>
      <c r="GN36" s="102">
        <v>0</v>
      </c>
      <c r="GO36" s="102">
        <v>0</v>
      </c>
      <c r="GP36" s="102">
        <v>1</v>
      </c>
      <c r="GQ36" s="103">
        <v>1</v>
      </c>
      <c r="GR36" s="104">
        <v>3</v>
      </c>
      <c r="GS36" s="105">
        <v>4</v>
      </c>
      <c r="GT36" s="97">
        <v>3</v>
      </c>
      <c r="GU36" s="98">
        <v>7</v>
      </c>
      <c r="GV36" s="413">
        <v>0</v>
      </c>
      <c r="GW36" s="97">
        <v>6</v>
      </c>
      <c r="GX36" s="97">
        <v>1</v>
      </c>
      <c r="GY36" s="97">
        <v>5</v>
      </c>
      <c r="GZ36" s="97">
        <v>0</v>
      </c>
      <c r="HA36" s="97">
        <v>2</v>
      </c>
      <c r="HB36" s="99">
        <v>14</v>
      </c>
      <c r="HC36" s="100">
        <v>21</v>
      </c>
      <c r="HD36" s="101">
        <v>0</v>
      </c>
      <c r="HE36" s="102">
        <v>0</v>
      </c>
      <c r="HF36" s="103">
        <v>0</v>
      </c>
      <c r="HG36" s="413">
        <v>0</v>
      </c>
      <c r="HH36" s="102">
        <v>0</v>
      </c>
      <c r="HI36" s="102">
        <v>0</v>
      </c>
      <c r="HJ36" s="102">
        <v>0</v>
      </c>
      <c r="HK36" s="102">
        <v>0</v>
      </c>
      <c r="HL36" s="102">
        <v>0</v>
      </c>
      <c r="HM36" s="103">
        <v>0</v>
      </c>
      <c r="HN36" s="104">
        <v>0</v>
      </c>
      <c r="HO36" s="101">
        <v>0</v>
      </c>
      <c r="HP36" s="102">
        <v>0</v>
      </c>
      <c r="HQ36" s="103">
        <v>0</v>
      </c>
      <c r="HR36" s="413">
        <v>0</v>
      </c>
      <c r="HS36" s="102">
        <v>0</v>
      </c>
      <c r="HT36" s="102">
        <v>0</v>
      </c>
      <c r="HU36" s="102">
        <v>0</v>
      </c>
      <c r="HV36" s="102">
        <v>0</v>
      </c>
      <c r="HW36" s="102">
        <v>0</v>
      </c>
      <c r="HX36" s="103">
        <v>0</v>
      </c>
      <c r="HY36" s="104">
        <v>0</v>
      </c>
      <c r="HZ36" s="101">
        <v>0</v>
      </c>
      <c r="IA36" s="102">
        <v>0</v>
      </c>
      <c r="IB36" s="103">
        <v>0</v>
      </c>
      <c r="IC36" s="413">
        <v>0</v>
      </c>
      <c r="ID36" s="102">
        <v>1</v>
      </c>
      <c r="IE36" s="102">
        <v>1</v>
      </c>
      <c r="IF36" s="102">
        <v>0</v>
      </c>
      <c r="IG36" s="102">
        <v>0</v>
      </c>
      <c r="IH36" s="102">
        <v>0</v>
      </c>
      <c r="II36" s="103">
        <v>2</v>
      </c>
      <c r="IJ36" s="104">
        <v>2</v>
      </c>
      <c r="IK36" s="101">
        <v>2</v>
      </c>
      <c r="IL36" s="102">
        <v>1</v>
      </c>
      <c r="IM36" s="103">
        <v>3</v>
      </c>
      <c r="IN36" s="413">
        <v>0</v>
      </c>
      <c r="IO36" s="102">
        <v>0</v>
      </c>
      <c r="IP36" s="102">
        <v>0</v>
      </c>
      <c r="IQ36" s="102">
        <v>1</v>
      </c>
      <c r="IR36" s="102">
        <v>0</v>
      </c>
      <c r="IS36" s="102">
        <v>0</v>
      </c>
      <c r="IT36" s="103">
        <v>1</v>
      </c>
      <c r="IU36" s="104">
        <v>4</v>
      </c>
      <c r="IV36" s="101">
        <v>1</v>
      </c>
      <c r="IW36" s="102">
        <v>1</v>
      </c>
      <c r="IX36" s="103">
        <v>2</v>
      </c>
      <c r="IY36" s="413">
        <v>0</v>
      </c>
      <c r="IZ36" s="102">
        <v>3</v>
      </c>
      <c r="JA36" s="102">
        <v>0</v>
      </c>
      <c r="JB36" s="102">
        <v>1</v>
      </c>
      <c r="JC36" s="102">
        <v>0</v>
      </c>
      <c r="JD36" s="102">
        <v>0</v>
      </c>
      <c r="JE36" s="103">
        <v>4</v>
      </c>
      <c r="JF36" s="104">
        <v>6</v>
      </c>
      <c r="JG36" s="101">
        <v>1</v>
      </c>
      <c r="JH36" s="102">
        <v>1</v>
      </c>
      <c r="JI36" s="103">
        <v>2</v>
      </c>
      <c r="JJ36" s="413">
        <v>0</v>
      </c>
      <c r="JK36" s="102">
        <v>2</v>
      </c>
      <c r="JL36" s="102">
        <v>0</v>
      </c>
      <c r="JM36" s="102">
        <v>3</v>
      </c>
      <c r="JN36" s="102">
        <v>0</v>
      </c>
      <c r="JO36" s="102">
        <v>2</v>
      </c>
      <c r="JP36" s="103">
        <v>7</v>
      </c>
      <c r="JQ36" s="104">
        <v>9</v>
      </c>
      <c r="JR36" s="101">
        <v>0</v>
      </c>
      <c r="JS36" s="102">
        <v>0</v>
      </c>
      <c r="JT36" s="103">
        <v>0</v>
      </c>
      <c r="JU36" s="413">
        <v>0</v>
      </c>
      <c r="JV36" s="102">
        <v>0</v>
      </c>
      <c r="JW36" s="102">
        <v>0</v>
      </c>
      <c r="JX36" s="102">
        <v>0</v>
      </c>
      <c r="JY36" s="102">
        <v>0</v>
      </c>
      <c r="JZ36" s="102">
        <v>0</v>
      </c>
      <c r="KA36" s="103">
        <v>0</v>
      </c>
      <c r="KB36" s="104">
        <v>0</v>
      </c>
      <c r="KC36" s="101">
        <v>4</v>
      </c>
      <c r="KD36" s="102">
        <v>3</v>
      </c>
      <c r="KE36" s="103">
        <v>7</v>
      </c>
      <c r="KF36" s="413">
        <v>0</v>
      </c>
      <c r="KG36" s="102">
        <v>6</v>
      </c>
      <c r="KH36" s="102">
        <v>1</v>
      </c>
      <c r="KI36" s="102">
        <v>5</v>
      </c>
      <c r="KJ36" s="102">
        <v>0</v>
      </c>
      <c r="KK36" s="102">
        <v>2</v>
      </c>
      <c r="KL36" s="103">
        <v>14</v>
      </c>
      <c r="KM36" s="104">
        <v>21</v>
      </c>
    </row>
    <row r="37" spans="2:299" s="70" customFormat="1" ht="21" customHeight="1" x14ac:dyDescent="0.2">
      <c r="B37" s="106" t="s">
        <v>34</v>
      </c>
      <c r="C37" s="96">
        <v>2</v>
      </c>
      <c r="D37" s="97">
        <v>3</v>
      </c>
      <c r="E37" s="98">
        <v>5</v>
      </c>
      <c r="F37" s="413">
        <v>0</v>
      </c>
      <c r="G37" s="97">
        <v>4</v>
      </c>
      <c r="H37" s="97">
        <v>8</v>
      </c>
      <c r="I37" s="97">
        <v>3</v>
      </c>
      <c r="J37" s="97">
        <v>3</v>
      </c>
      <c r="K37" s="97">
        <v>1</v>
      </c>
      <c r="L37" s="99">
        <v>19</v>
      </c>
      <c r="M37" s="100">
        <v>24</v>
      </c>
      <c r="N37" s="101">
        <v>0</v>
      </c>
      <c r="O37" s="102">
        <v>0</v>
      </c>
      <c r="P37" s="103">
        <v>0</v>
      </c>
      <c r="Q37" s="413">
        <v>0</v>
      </c>
      <c r="R37" s="102">
        <v>0</v>
      </c>
      <c r="S37" s="102">
        <v>0</v>
      </c>
      <c r="T37" s="102">
        <v>0</v>
      </c>
      <c r="U37" s="102">
        <v>0</v>
      </c>
      <c r="V37" s="102">
        <v>0</v>
      </c>
      <c r="W37" s="103">
        <v>0</v>
      </c>
      <c r="X37" s="104">
        <v>0</v>
      </c>
      <c r="Y37" s="101">
        <v>0</v>
      </c>
      <c r="Z37" s="102">
        <v>0</v>
      </c>
      <c r="AA37" s="103">
        <v>0</v>
      </c>
      <c r="AB37" s="413">
        <v>0</v>
      </c>
      <c r="AC37" s="102">
        <v>0</v>
      </c>
      <c r="AD37" s="102">
        <v>0</v>
      </c>
      <c r="AE37" s="102">
        <v>0</v>
      </c>
      <c r="AF37" s="102">
        <v>0</v>
      </c>
      <c r="AG37" s="102">
        <v>0</v>
      </c>
      <c r="AH37" s="103">
        <v>0</v>
      </c>
      <c r="AI37" s="104">
        <v>0</v>
      </c>
      <c r="AJ37" s="101">
        <v>0</v>
      </c>
      <c r="AK37" s="102">
        <v>0</v>
      </c>
      <c r="AL37" s="103">
        <v>0</v>
      </c>
      <c r="AM37" s="413">
        <v>0</v>
      </c>
      <c r="AN37" s="102">
        <v>0</v>
      </c>
      <c r="AO37" s="102">
        <v>0</v>
      </c>
      <c r="AP37" s="102">
        <v>0</v>
      </c>
      <c r="AQ37" s="102">
        <v>0</v>
      </c>
      <c r="AR37" s="102">
        <v>0</v>
      </c>
      <c r="AS37" s="103">
        <v>0</v>
      </c>
      <c r="AT37" s="104">
        <v>0</v>
      </c>
      <c r="AU37" s="101">
        <v>0</v>
      </c>
      <c r="AV37" s="102">
        <v>0</v>
      </c>
      <c r="AW37" s="103">
        <v>0</v>
      </c>
      <c r="AX37" s="413">
        <v>0</v>
      </c>
      <c r="AY37" s="102">
        <v>0</v>
      </c>
      <c r="AZ37" s="102">
        <v>4</v>
      </c>
      <c r="BA37" s="102">
        <v>0</v>
      </c>
      <c r="BB37" s="102">
        <v>0</v>
      </c>
      <c r="BC37" s="102">
        <v>0</v>
      </c>
      <c r="BD37" s="103">
        <v>4</v>
      </c>
      <c r="BE37" s="104">
        <v>4</v>
      </c>
      <c r="BF37" s="101">
        <v>2</v>
      </c>
      <c r="BG37" s="102">
        <v>2</v>
      </c>
      <c r="BH37" s="103">
        <v>4</v>
      </c>
      <c r="BI37" s="413">
        <v>0</v>
      </c>
      <c r="BJ37" s="102">
        <v>2</v>
      </c>
      <c r="BK37" s="102">
        <v>1</v>
      </c>
      <c r="BL37" s="102">
        <v>2</v>
      </c>
      <c r="BM37" s="102">
        <v>0</v>
      </c>
      <c r="BN37" s="102">
        <v>0</v>
      </c>
      <c r="BO37" s="103">
        <v>5</v>
      </c>
      <c r="BP37" s="104">
        <v>9</v>
      </c>
      <c r="BQ37" s="101">
        <v>0</v>
      </c>
      <c r="BR37" s="102">
        <v>1</v>
      </c>
      <c r="BS37" s="103">
        <v>1</v>
      </c>
      <c r="BT37" s="413">
        <v>0</v>
      </c>
      <c r="BU37" s="102">
        <v>2</v>
      </c>
      <c r="BV37" s="102">
        <v>3</v>
      </c>
      <c r="BW37" s="102">
        <v>1</v>
      </c>
      <c r="BX37" s="102">
        <v>3</v>
      </c>
      <c r="BY37" s="102">
        <v>1</v>
      </c>
      <c r="BZ37" s="103">
        <v>10</v>
      </c>
      <c r="CA37" s="104">
        <v>11</v>
      </c>
      <c r="CB37" s="101">
        <v>0</v>
      </c>
      <c r="CC37" s="102">
        <v>0</v>
      </c>
      <c r="CD37" s="103">
        <v>0</v>
      </c>
      <c r="CE37" s="413">
        <v>0</v>
      </c>
      <c r="CF37" s="102">
        <v>0</v>
      </c>
      <c r="CG37" s="102">
        <v>0</v>
      </c>
      <c r="CH37" s="102">
        <v>0</v>
      </c>
      <c r="CI37" s="102">
        <v>0</v>
      </c>
      <c r="CJ37" s="102">
        <v>0</v>
      </c>
      <c r="CK37" s="103">
        <v>0</v>
      </c>
      <c r="CL37" s="104">
        <v>0</v>
      </c>
      <c r="CM37" s="101">
        <v>2</v>
      </c>
      <c r="CN37" s="102">
        <v>3</v>
      </c>
      <c r="CO37" s="103">
        <v>5</v>
      </c>
      <c r="CP37" s="413">
        <v>0</v>
      </c>
      <c r="CQ37" s="102">
        <v>4</v>
      </c>
      <c r="CR37" s="102">
        <v>8</v>
      </c>
      <c r="CS37" s="102">
        <v>3</v>
      </c>
      <c r="CT37" s="102">
        <v>3</v>
      </c>
      <c r="CU37" s="102">
        <v>1</v>
      </c>
      <c r="CV37" s="103">
        <v>19</v>
      </c>
      <c r="CW37" s="104">
        <v>24</v>
      </c>
      <c r="CX37" s="105">
        <v>0</v>
      </c>
      <c r="CY37" s="97">
        <v>0</v>
      </c>
      <c r="CZ37" s="98">
        <v>0</v>
      </c>
      <c r="DA37" s="413">
        <v>0</v>
      </c>
      <c r="DB37" s="97">
        <v>1</v>
      </c>
      <c r="DC37" s="97">
        <v>0</v>
      </c>
      <c r="DD37" s="97">
        <v>0</v>
      </c>
      <c r="DE37" s="97">
        <v>1</v>
      </c>
      <c r="DF37" s="97">
        <v>0</v>
      </c>
      <c r="DG37" s="99">
        <v>2</v>
      </c>
      <c r="DH37" s="100">
        <v>2</v>
      </c>
      <c r="DI37" s="101">
        <v>0</v>
      </c>
      <c r="DJ37" s="102">
        <v>0</v>
      </c>
      <c r="DK37" s="103">
        <v>0</v>
      </c>
      <c r="DL37" s="413">
        <v>0</v>
      </c>
      <c r="DM37" s="102">
        <v>0</v>
      </c>
      <c r="DN37" s="102">
        <v>0</v>
      </c>
      <c r="DO37" s="102">
        <v>0</v>
      </c>
      <c r="DP37" s="102">
        <v>0</v>
      </c>
      <c r="DQ37" s="102">
        <v>0</v>
      </c>
      <c r="DR37" s="103">
        <v>0</v>
      </c>
      <c r="DS37" s="104">
        <v>0</v>
      </c>
      <c r="DT37" s="101">
        <v>0</v>
      </c>
      <c r="DU37" s="102">
        <v>0</v>
      </c>
      <c r="DV37" s="103">
        <v>0</v>
      </c>
      <c r="DW37" s="413">
        <v>0</v>
      </c>
      <c r="DX37" s="102">
        <v>0</v>
      </c>
      <c r="DY37" s="102">
        <v>0</v>
      </c>
      <c r="DZ37" s="102">
        <v>0</v>
      </c>
      <c r="EA37" s="102">
        <v>0</v>
      </c>
      <c r="EB37" s="102">
        <v>0</v>
      </c>
      <c r="EC37" s="103">
        <v>0</v>
      </c>
      <c r="ED37" s="104">
        <v>0</v>
      </c>
      <c r="EE37" s="101">
        <v>0</v>
      </c>
      <c r="EF37" s="102">
        <v>0</v>
      </c>
      <c r="EG37" s="103">
        <v>0</v>
      </c>
      <c r="EH37" s="413">
        <v>0</v>
      </c>
      <c r="EI37" s="102">
        <v>0</v>
      </c>
      <c r="EJ37" s="102">
        <v>0</v>
      </c>
      <c r="EK37" s="102">
        <v>0</v>
      </c>
      <c r="EL37" s="102">
        <v>0</v>
      </c>
      <c r="EM37" s="102">
        <v>0</v>
      </c>
      <c r="EN37" s="103">
        <v>0</v>
      </c>
      <c r="EO37" s="104">
        <v>0</v>
      </c>
      <c r="EP37" s="101">
        <v>0</v>
      </c>
      <c r="EQ37" s="102">
        <v>0</v>
      </c>
      <c r="ER37" s="103">
        <v>0</v>
      </c>
      <c r="ES37" s="413">
        <v>0</v>
      </c>
      <c r="ET37" s="102">
        <v>0</v>
      </c>
      <c r="EU37" s="102">
        <v>0</v>
      </c>
      <c r="EV37" s="102">
        <v>0</v>
      </c>
      <c r="EW37" s="102">
        <v>0</v>
      </c>
      <c r="EX37" s="102">
        <v>0</v>
      </c>
      <c r="EY37" s="103">
        <v>0</v>
      </c>
      <c r="EZ37" s="104">
        <v>0</v>
      </c>
      <c r="FA37" s="101">
        <v>0</v>
      </c>
      <c r="FB37" s="102">
        <v>0</v>
      </c>
      <c r="FC37" s="103">
        <v>0</v>
      </c>
      <c r="FD37" s="413">
        <v>0</v>
      </c>
      <c r="FE37" s="102">
        <v>0</v>
      </c>
      <c r="FF37" s="102">
        <v>0</v>
      </c>
      <c r="FG37" s="102">
        <v>0</v>
      </c>
      <c r="FH37" s="102">
        <v>0</v>
      </c>
      <c r="FI37" s="102">
        <v>0</v>
      </c>
      <c r="FJ37" s="103">
        <v>0</v>
      </c>
      <c r="FK37" s="104">
        <v>0</v>
      </c>
      <c r="FL37" s="101">
        <v>0</v>
      </c>
      <c r="FM37" s="102">
        <v>0</v>
      </c>
      <c r="FN37" s="103">
        <v>0</v>
      </c>
      <c r="FO37" s="413">
        <v>0</v>
      </c>
      <c r="FP37" s="102">
        <v>1</v>
      </c>
      <c r="FQ37" s="102">
        <v>0</v>
      </c>
      <c r="FR37" s="102">
        <v>0</v>
      </c>
      <c r="FS37" s="102">
        <v>1</v>
      </c>
      <c r="FT37" s="102">
        <v>0</v>
      </c>
      <c r="FU37" s="103">
        <v>2</v>
      </c>
      <c r="FV37" s="104">
        <v>2</v>
      </c>
      <c r="FW37" s="101">
        <v>0</v>
      </c>
      <c r="FX37" s="102">
        <v>0</v>
      </c>
      <c r="FY37" s="103">
        <v>0</v>
      </c>
      <c r="FZ37" s="413">
        <v>0</v>
      </c>
      <c r="GA37" s="102">
        <v>0</v>
      </c>
      <c r="GB37" s="102">
        <v>0</v>
      </c>
      <c r="GC37" s="102">
        <v>0</v>
      </c>
      <c r="GD37" s="102">
        <v>0</v>
      </c>
      <c r="GE37" s="102">
        <v>0</v>
      </c>
      <c r="GF37" s="103">
        <v>0</v>
      </c>
      <c r="GG37" s="104">
        <v>0</v>
      </c>
      <c r="GH37" s="101">
        <v>0</v>
      </c>
      <c r="GI37" s="102">
        <v>0</v>
      </c>
      <c r="GJ37" s="103">
        <v>0</v>
      </c>
      <c r="GK37" s="413">
        <v>0</v>
      </c>
      <c r="GL37" s="102">
        <v>1</v>
      </c>
      <c r="GM37" s="102">
        <v>0</v>
      </c>
      <c r="GN37" s="102">
        <v>0</v>
      </c>
      <c r="GO37" s="102">
        <v>1</v>
      </c>
      <c r="GP37" s="102">
        <v>0</v>
      </c>
      <c r="GQ37" s="103">
        <v>2</v>
      </c>
      <c r="GR37" s="104">
        <v>2</v>
      </c>
      <c r="GS37" s="105">
        <v>2</v>
      </c>
      <c r="GT37" s="97">
        <v>3</v>
      </c>
      <c r="GU37" s="98">
        <v>5</v>
      </c>
      <c r="GV37" s="413">
        <v>0</v>
      </c>
      <c r="GW37" s="97">
        <v>5</v>
      </c>
      <c r="GX37" s="97">
        <v>8</v>
      </c>
      <c r="GY37" s="97">
        <v>3</v>
      </c>
      <c r="GZ37" s="97">
        <v>4</v>
      </c>
      <c r="HA37" s="97">
        <v>1</v>
      </c>
      <c r="HB37" s="99">
        <v>21</v>
      </c>
      <c r="HC37" s="100">
        <v>26</v>
      </c>
      <c r="HD37" s="101">
        <v>0</v>
      </c>
      <c r="HE37" s="102">
        <v>0</v>
      </c>
      <c r="HF37" s="103">
        <v>0</v>
      </c>
      <c r="HG37" s="413">
        <v>0</v>
      </c>
      <c r="HH37" s="102">
        <v>0</v>
      </c>
      <c r="HI37" s="102">
        <v>0</v>
      </c>
      <c r="HJ37" s="102">
        <v>0</v>
      </c>
      <c r="HK37" s="102">
        <v>0</v>
      </c>
      <c r="HL37" s="102">
        <v>0</v>
      </c>
      <c r="HM37" s="103">
        <v>0</v>
      </c>
      <c r="HN37" s="104">
        <v>0</v>
      </c>
      <c r="HO37" s="101">
        <v>0</v>
      </c>
      <c r="HP37" s="102">
        <v>0</v>
      </c>
      <c r="HQ37" s="103">
        <v>0</v>
      </c>
      <c r="HR37" s="413">
        <v>0</v>
      </c>
      <c r="HS37" s="102">
        <v>0</v>
      </c>
      <c r="HT37" s="102">
        <v>0</v>
      </c>
      <c r="HU37" s="102">
        <v>0</v>
      </c>
      <c r="HV37" s="102">
        <v>0</v>
      </c>
      <c r="HW37" s="102">
        <v>0</v>
      </c>
      <c r="HX37" s="103">
        <v>0</v>
      </c>
      <c r="HY37" s="104">
        <v>0</v>
      </c>
      <c r="HZ37" s="101">
        <v>0</v>
      </c>
      <c r="IA37" s="102">
        <v>0</v>
      </c>
      <c r="IB37" s="103">
        <v>0</v>
      </c>
      <c r="IC37" s="413">
        <v>0</v>
      </c>
      <c r="ID37" s="102">
        <v>0</v>
      </c>
      <c r="IE37" s="102">
        <v>0</v>
      </c>
      <c r="IF37" s="102">
        <v>0</v>
      </c>
      <c r="IG37" s="102">
        <v>0</v>
      </c>
      <c r="IH37" s="102">
        <v>0</v>
      </c>
      <c r="II37" s="103">
        <v>0</v>
      </c>
      <c r="IJ37" s="104">
        <v>0</v>
      </c>
      <c r="IK37" s="101">
        <v>0</v>
      </c>
      <c r="IL37" s="102">
        <v>0</v>
      </c>
      <c r="IM37" s="103">
        <v>0</v>
      </c>
      <c r="IN37" s="413">
        <v>0</v>
      </c>
      <c r="IO37" s="102">
        <v>0</v>
      </c>
      <c r="IP37" s="102">
        <v>4</v>
      </c>
      <c r="IQ37" s="102">
        <v>0</v>
      </c>
      <c r="IR37" s="102">
        <v>0</v>
      </c>
      <c r="IS37" s="102">
        <v>0</v>
      </c>
      <c r="IT37" s="103">
        <v>4</v>
      </c>
      <c r="IU37" s="104">
        <v>4</v>
      </c>
      <c r="IV37" s="101">
        <v>2</v>
      </c>
      <c r="IW37" s="102">
        <v>2</v>
      </c>
      <c r="IX37" s="103">
        <v>4</v>
      </c>
      <c r="IY37" s="413">
        <v>0</v>
      </c>
      <c r="IZ37" s="102">
        <v>2</v>
      </c>
      <c r="JA37" s="102">
        <v>1</v>
      </c>
      <c r="JB37" s="102">
        <v>2</v>
      </c>
      <c r="JC37" s="102">
        <v>0</v>
      </c>
      <c r="JD37" s="102">
        <v>0</v>
      </c>
      <c r="JE37" s="103">
        <v>5</v>
      </c>
      <c r="JF37" s="104">
        <v>9</v>
      </c>
      <c r="JG37" s="101">
        <v>0</v>
      </c>
      <c r="JH37" s="102">
        <v>1</v>
      </c>
      <c r="JI37" s="103">
        <v>1</v>
      </c>
      <c r="JJ37" s="413">
        <v>0</v>
      </c>
      <c r="JK37" s="102">
        <v>3</v>
      </c>
      <c r="JL37" s="102">
        <v>3</v>
      </c>
      <c r="JM37" s="102">
        <v>1</v>
      </c>
      <c r="JN37" s="102">
        <v>4</v>
      </c>
      <c r="JO37" s="102">
        <v>1</v>
      </c>
      <c r="JP37" s="103">
        <v>12</v>
      </c>
      <c r="JQ37" s="104">
        <v>13</v>
      </c>
      <c r="JR37" s="101">
        <v>0</v>
      </c>
      <c r="JS37" s="102">
        <v>0</v>
      </c>
      <c r="JT37" s="103">
        <v>0</v>
      </c>
      <c r="JU37" s="413">
        <v>0</v>
      </c>
      <c r="JV37" s="102">
        <v>0</v>
      </c>
      <c r="JW37" s="102">
        <v>0</v>
      </c>
      <c r="JX37" s="102">
        <v>0</v>
      </c>
      <c r="JY37" s="102">
        <v>0</v>
      </c>
      <c r="JZ37" s="102">
        <v>0</v>
      </c>
      <c r="KA37" s="103">
        <v>0</v>
      </c>
      <c r="KB37" s="104">
        <v>0</v>
      </c>
      <c r="KC37" s="101">
        <v>2</v>
      </c>
      <c r="KD37" s="102">
        <v>3</v>
      </c>
      <c r="KE37" s="103">
        <v>5</v>
      </c>
      <c r="KF37" s="413">
        <v>0</v>
      </c>
      <c r="KG37" s="102">
        <v>5</v>
      </c>
      <c r="KH37" s="102">
        <v>8</v>
      </c>
      <c r="KI37" s="102">
        <v>3</v>
      </c>
      <c r="KJ37" s="102">
        <v>4</v>
      </c>
      <c r="KK37" s="102">
        <v>1</v>
      </c>
      <c r="KL37" s="103">
        <v>21</v>
      </c>
      <c r="KM37" s="104">
        <v>26</v>
      </c>
    </row>
    <row r="38" spans="2:299" s="70" customFormat="1" ht="21" customHeight="1" x14ac:dyDescent="0.2">
      <c r="B38" s="106" t="s">
        <v>35</v>
      </c>
      <c r="C38" s="96">
        <v>10</v>
      </c>
      <c r="D38" s="97">
        <v>5</v>
      </c>
      <c r="E38" s="98">
        <v>15</v>
      </c>
      <c r="F38" s="413">
        <v>0</v>
      </c>
      <c r="G38" s="97">
        <v>16</v>
      </c>
      <c r="H38" s="97">
        <v>13</v>
      </c>
      <c r="I38" s="97">
        <v>3</v>
      </c>
      <c r="J38" s="97">
        <v>3</v>
      </c>
      <c r="K38" s="97">
        <v>5</v>
      </c>
      <c r="L38" s="99">
        <v>40</v>
      </c>
      <c r="M38" s="100">
        <v>55</v>
      </c>
      <c r="N38" s="101">
        <v>0</v>
      </c>
      <c r="O38" s="102">
        <v>0</v>
      </c>
      <c r="P38" s="103">
        <v>0</v>
      </c>
      <c r="Q38" s="413">
        <v>0</v>
      </c>
      <c r="R38" s="102">
        <v>2</v>
      </c>
      <c r="S38" s="102">
        <v>2</v>
      </c>
      <c r="T38" s="102">
        <v>0</v>
      </c>
      <c r="U38" s="102">
        <v>0</v>
      </c>
      <c r="V38" s="102">
        <v>0</v>
      </c>
      <c r="W38" s="103">
        <v>4</v>
      </c>
      <c r="X38" s="104">
        <v>4</v>
      </c>
      <c r="Y38" s="101">
        <v>0</v>
      </c>
      <c r="Z38" s="102">
        <v>0</v>
      </c>
      <c r="AA38" s="103">
        <v>0</v>
      </c>
      <c r="AB38" s="413">
        <v>0</v>
      </c>
      <c r="AC38" s="102">
        <v>0</v>
      </c>
      <c r="AD38" s="102">
        <v>1</v>
      </c>
      <c r="AE38" s="102">
        <v>1</v>
      </c>
      <c r="AF38" s="102">
        <v>0</v>
      </c>
      <c r="AG38" s="102">
        <v>0</v>
      </c>
      <c r="AH38" s="103">
        <v>2</v>
      </c>
      <c r="AI38" s="104">
        <v>2</v>
      </c>
      <c r="AJ38" s="101">
        <v>2</v>
      </c>
      <c r="AK38" s="102">
        <v>2</v>
      </c>
      <c r="AL38" s="103">
        <v>4</v>
      </c>
      <c r="AM38" s="413">
        <v>0</v>
      </c>
      <c r="AN38" s="102">
        <v>0</v>
      </c>
      <c r="AO38" s="102">
        <v>0</v>
      </c>
      <c r="AP38" s="102">
        <v>0</v>
      </c>
      <c r="AQ38" s="102">
        <v>0</v>
      </c>
      <c r="AR38" s="102">
        <v>1</v>
      </c>
      <c r="AS38" s="103">
        <v>1</v>
      </c>
      <c r="AT38" s="104">
        <v>5</v>
      </c>
      <c r="AU38" s="101">
        <v>2</v>
      </c>
      <c r="AV38" s="102">
        <v>1</v>
      </c>
      <c r="AW38" s="103">
        <v>3</v>
      </c>
      <c r="AX38" s="413">
        <v>0</v>
      </c>
      <c r="AY38" s="102">
        <v>6</v>
      </c>
      <c r="AZ38" s="102">
        <v>0</v>
      </c>
      <c r="BA38" s="102">
        <v>1</v>
      </c>
      <c r="BB38" s="102">
        <v>1</v>
      </c>
      <c r="BC38" s="102">
        <v>0</v>
      </c>
      <c r="BD38" s="103">
        <v>8</v>
      </c>
      <c r="BE38" s="104">
        <v>11</v>
      </c>
      <c r="BF38" s="101">
        <v>5</v>
      </c>
      <c r="BG38" s="102">
        <v>1</v>
      </c>
      <c r="BH38" s="103">
        <v>6</v>
      </c>
      <c r="BI38" s="413">
        <v>0</v>
      </c>
      <c r="BJ38" s="102">
        <v>2</v>
      </c>
      <c r="BK38" s="102">
        <v>2</v>
      </c>
      <c r="BL38" s="102">
        <v>1</v>
      </c>
      <c r="BM38" s="102">
        <v>0</v>
      </c>
      <c r="BN38" s="102">
        <v>0</v>
      </c>
      <c r="BO38" s="103">
        <v>5</v>
      </c>
      <c r="BP38" s="104">
        <v>11</v>
      </c>
      <c r="BQ38" s="101">
        <v>1</v>
      </c>
      <c r="BR38" s="102">
        <v>1</v>
      </c>
      <c r="BS38" s="103">
        <v>2</v>
      </c>
      <c r="BT38" s="413">
        <v>0</v>
      </c>
      <c r="BU38" s="102">
        <v>6</v>
      </c>
      <c r="BV38" s="102">
        <v>8</v>
      </c>
      <c r="BW38" s="102">
        <v>0</v>
      </c>
      <c r="BX38" s="102">
        <v>2</v>
      </c>
      <c r="BY38" s="102">
        <v>4</v>
      </c>
      <c r="BZ38" s="103">
        <v>20</v>
      </c>
      <c r="CA38" s="104">
        <v>22</v>
      </c>
      <c r="CB38" s="101">
        <v>0</v>
      </c>
      <c r="CC38" s="102">
        <v>0</v>
      </c>
      <c r="CD38" s="103">
        <v>0</v>
      </c>
      <c r="CE38" s="413">
        <v>0</v>
      </c>
      <c r="CF38" s="102">
        <v>0</v>
      </c>
      <c r="CG38" s="102">
        <v>0</v>
      </c>
      <c r="CH38" s="102">
        <v>0</v>
      </c>
      <c r="CI38" s="102">
        <v>0</v>
      </c>
      <c r="CJ38" s="102">
        <v>0</v>
      </c>
      <c r="CK38" s="103">
        <v>0</v>
      </c>
      <c r="CL38" s="104">
        <v>0</v>
      </c>
      <c r="CM38" s="101">
        <v>10</v>
      </c>
      <c r="CN38" s="102">
        <v>5</v>
      </c>
      <c r="CO38" s="103">
        <v>15</v>
      </c>
      <c r="CP38" s="413">
        <v>0</v>
      </c>
      <c r="CQ38" s="102">
        <v>16</v>
      </c>
      <c r="CR38" s="102">
        <v>13</v>
      </c>
      <c r="CS38" s="102">
        <v>3</v>
      </c>
      <c r="CT38" s="102">
        <v>3</v>
      </c>
      <c r="CU38" s="102">
        <v>5</v>
      </c>
      <c r="CV38" s="103">
        <v>40</v>
      </c>
      <c r="CW38" s="104">
        <v>55</v>
      </c>
      <c r="CX38" s="105">
        <v>2</v>
      </c>
      <c r="CY38" s="97">
        <v>0</v>
      </c>
      <c r="CZ38" s="98">
        <v>2</v>
      </c>
      <c r="DA38" s="413">
        <v>0</v>
      </c>
      <c r="DB38" s="97">
        <v>3</v>
      </c>
      <c r="DC38" s="97">
        <v>3</v>
      </c>
      <c r="DD38" s="97">
        <v>0</v>
      </c>
      <c r="DE38" s="97">
        <v>2</v>
      </c>
      <c r="DF38" s="97">
        <v>3</v>
      </c>
      <c r="DG38" s="99">
        <v>11</v>
      </c>
      <c r="DH38" s="100">
        <v>13</v>
      </c>
      <c r="DI38" s="101">
        <v>0</v>
      </c>
      <c r="DJ38" s="102">
        <v>0</v>
      </c>
      <c r="DK38" s="103">
        <v>0</v>
      </c>
      <c r="DL38" s="413">
        <v>0</v>
      </c>
      <c r="DM38" s="102">
        <v>0</v>
      </c>
      <c r="DN38" s="102">
        <v>0</v>
      </c>
      <c r="DO38" s="102">
        <v>0</v>
      </c>
      <c r="DP38" s="102">
        <v>0</v>
      </c>
      <c r="DQ38" s="102">
        <v>0</v>
      </c>
      <c r="DR38" s="103">
        <v>0</v>
      </c>
      <c r="DS38" s="104">
        <v>0</v>
      </c>
      <c r="DT38" s="101">
        <v>0</v>
      </c>
      <c r="DU38" s="102">
        <v>0</v>
      </c>
      <c r="DV38" s="103">
        <v>0</v>
      </c>
      <c r="DW38" s="413">
        <v>0</v>
      </c>
      <c r="DX38" s="102">
        <v>0</v>
      </c>
      <c r="DY38" s="102">
        <v>0</v>
      </c>
      <c r="DZ38" s="102">
        <v>0</v>
      </c>
      <c r="EA38" s="102">
        <v>0</v>
      </c>
      <c r="EB38" s="102">
        <v>1</v>
      </c>
      <c r="EC38" s="103">
        <v>1</v>
      </c>
      <c r="ED38" s="104">
        <v>1</v>
      </c>
      <c r="EE38" s="101">
        <v>0</v>
      </c>
      <c r="EF38" s="102">
        <v>0</v>
      </c>
      <c r="EG38" s="103">
        <v>0</v>
      </c>
      <c r="EH38" s="413">
        <v>0</v>
      </c>
      <c r="EI38" s="102">
        <v>0</v>
      </c>
      <c r="EJ38" s="102">
        <v>0</v>
      </c>
      <c r="EK38" s="102">
        <v>0</v>
      </c>
      <c r="EL38" s="102">
        <v>0</v>
      </c>
      <c r="EM38" s="102">
        <v>0</v>
      </c>
      <c r="EN38" s="103">
        <v>0</v>
      </c>
      <c r="EO38" s="104">
        <v>0</v>
      </c>
      <c r="EP38" s="101">
        <v>1</v>
      </c>
      <c r="EQ38" s="102">
        <v>0</v>
      </c>
      <c r="ER38" s="103">
        <v>1</v>
      </c>
      <c r="ES38" s="413">
        <v>0</v>
      </c>
      <c r="ET38" s="102">
        <v>1</v>
      </c>
      <c r="EU38" s="102">
        <v>0</v>
      </c>
      <c r="EV38" s="102">
        <v>0</v>
      </c>
      <c r="EW38" s="102">
        <v>0</v>
      </c>
      <c r="EX38" s="102">
        <v>0</v>
      </c>
      <c r="EY38" s="103">
        <v>1</v>
      </c>
      <c r="EZ38" s="104">
        <v>2</v>
      </c>
      <c r="FA38" s="101">
        <v>1</v>
      </c>
      <c r="FB38" s="102">
        <v>0</v>
      </c>
      <c r="FC38" s="103">
        <v>1</v>
      </c>
      <c r="FD38" s="413">
        <v>0</v>
      </c>
      <c r="FE38" s="102">
        <v>0</v>
      </c>
      <c r="FF38" s="102">
        <v>1</v>
      </c>
      <c r="FG38" s="102">
        <v>0</v>
      </c>
      <c r="FH38" s="102">
        <v>0</v>
      </c>
      <c r="FI38" s="102">
        <v>0</v>
      </c>
      <c r="FJ38" s="103">
        <v>1</v>
      </c>
      <c r="FK38" s="104">
        <v>2</v>
      </c>
      <c r="FL38" s="101">
        <v>0</v>
      </c>
      <c r="FM38" s="102">
        <v>0</v>
      </c>
      <c r="FN38" s="103">
        <v>0</v>
      </c>
      <c r="FO38" s="413">
        <v>0</v>
      </c>
      <c r="FP38" s="102">
        <v>2</v>
      </c>
      <c r="FQ38" s="102">
        <v>2</v>
      </c>
      <c r="FR38" s="102">
        <v>0</v>
      </c>
      <c r="FS38" s="102">
        <v>2</v>
      </c>
      <c r="FT38" s="102">
        <v>2</v>
      </c>
      <c r="FU38" s="103">
        <v>8</v>
      </c>
      <c r="FV38" s="104">
        <v>8</v>
      </c>
      <c r="FW38" s="101">
        <v>0</v>
      </c>
      <c r="FX38" s="102">
        <v>0</v>
      </c>
      <c r="FY38" s="103">
        <v>0</v>
      </c>
      <c r="FZ38" s="413">
        <v>0</v>
      </c>
      <c r="GA38" s="102">
        <v>0</v>
      </c>
      <c r="GB38" s="102">
        <v>0</v>
      </c>
      <c r="GC38" s="102">
        <v>0</v>
      </c>
      <c r="GD38" s="102">
        <v>0</v>
      </c>
      <c r="GE38" s="102">
        <v>0</v>
      </c>
      <c r="GF38" s="103">
        <v>0</v>
      </c>
      <c r="GG38" s="104">
        <v>0</v>
      </c>
      <c r="GH38" s="101">
        <v>2</v>
      </c>
      <c r="GI38" s="102">
        <v>0</v>
      </c>
      <c r="GJ38" s="103">
        <v>2</v>
      </c>
      <c r="GK38" s="413">
        <v>0</v>
      </c>
      <c r="GL38" s="102">
        <v>3</v>
      </c>
      <c r="GM38" s="102">
        <v>3</v>
      </c>
      <c r="GN38" s="102">
        <v>0</v>
      </c>
      <c r="GO38" s="102">
        <v>2</v>
      </c>
      <c r="GP38" s="102">
        <v>3</v>
      </c>
      <c r="GQ38" s="103">
        <v>11</v>
      </c>
      <c r="GR38" s="104">
        <v>13</v>
      </c>
      <c r="GS38" s="105">
        <v>12</v>
      </c>
      <c r="GT38" s="97">
        <v>5</v>
      </c>
      <c r="GU38" s="98">
        <v>17</v>
      </c>
      <c r="GV38" s="413">
        <v>0</v>
      </c>
      <c r="GW38" s="97">
        <v>19</v>
      </c>
      <c r="GX38" s="97">
        <v>16</v>
      </c>
      <c r="GY38" s="97">
        <v>3</v>
      </c>
      <c r="GZ38" s="97">
        <v>5</v>
      </c>
      <c r="HA38" s="97">
        <v>8</v>
      </c>
      <c r="HB38" s="99">
        <v>51</v>
      </c>
      <c r="HC38" s="100">
        <v>68</v>
      </c>
      <c r="HD38" s="101">
        <v>0</v>
      </c>
      <c r="HE38" s="102">
        <v>0</v>
      </c>
      <c r="HF38" s="103">
        <v>0</v>
      </c>
      <c r="HG38" s="413">
        <v>0</v>
      </c>
      <c r="HH38" s="102">
        <v>2</v>
      </c>
      <c r="HI38" s="102">
        <v>2</v>
      </c>
      <c r="HJ38" s="102">
        <v>0</v>
      </c>
      <c r="HK38" s="102">
        <v>0</v>
      </c>
      <c r="HL38" s="102">
        <v>0</v>
      </c>
      <c r="HM38" s="103">
        <v>4</v>
      </c>
      <c r="HN38" s="104">
        <v>4</v>
      </c>
      <c r="HO38" s="101">
        <v>0</v>
      </c>
      <c r="HP38" s="102">
        <v>0</v>
      </c>
      <c r="HQ38" s="103">
        <v>0</v>
      </c>
      <c r="HR38" s="413">
        <v>0</v>
      </c>
      <c r="HS38" s="102">
        <v>0</v>
      </c>
      <c r="HT38" s="102">
        <v>1</v>
      </c>
      <c r="HU38" s="102">
        <v>1</v>
      </c>
      <c r="HV38" s="102">
        <v>0</v>
      </c>
      <c r="HW38" s="102">
        <v>1</v>
      </c>
      <c r="HX38" s="103">
        <v>3</v>
      </c>
      <c r="HY38" s="104">
        <v>3</v>
      </c>
      <c r="HZ38" s="101">
        <v>2</v>
      </c>
      <c r="IA38" s="102">
        <v>2</v>
      </c>
      <c r="IB38" s="103">
        <v>4</v>
      </c>
      <c r="IC38" s="413">
        <v>0</v>
      </c>
      <c r="ID38" s="102">
        <v>0</v>
      </c>
      <c r="IE38" s="102">
        <v>0</v>
      </c>
      <c r="IF38" s="102">
        <v>0</v>
      </c>
      <c r="IG38" s="102">
        <v>0</v>
      </c>
      <c r="IH38" s="102">
        <v>1</v>
      </c>
      <c r="II38" s="103">
        <v>1</v>
      </c>
      <c r="IJ38" s="104">
        <v>5</v>
      </c>
      <c r="IK38" s="101">
        <v>3</v>
      </c>
      <c r="IL38" s="102">
        <v>1</v>
      </c>
      <c r="IM38" s="103">
        <v>4</v>
      </c>
      <c r="IN38" s="413">
        <v>0</v>
      </c>
      <c r="IO38" s="102">
        <v>7</v>
      </c>
      <c r="IP38" s="102">
        <v>0</v>
      </c>
      <c r="IQ38" s="102">
        <v>1</v>
      </c>
      <c r="IR38" s="102">
        <v>1</v>
      </c>
      <c r="IS38" s="102">
        <v>0</v>
      </c>
      <c r="IT38" s="103">
        <v>9</v>
      </c>
      <c r="IU38" s="104">
        <v>13</v>
      </c>
      <c r="IV38" s="101">
        <v>6</v>
      </c>
      <c r="IW38" s="102">
        <v>1</v>
      </c>
      <c r="IX38" s="103">
        <v>7</v>
      </c>
      <c r="IY38" s="413">
        <v>0</v>
      </c>
      <c r="IZ38" s="102">
        <v>2</v>
      </c>
      <c r="JA38" s="102">
        <v>3</v>
      </c>
      <c r="JB38" s="102">
        <v>1</v>
      </c>
      <c r="JC38" s="102">
        <v>0</v>
      </c>
      <c r="JD38" s="102">
        <v>0</v>
      </c>
      <c r="JE38" s="103">
        <v>6</v>
      </c>
      <c r="JF38" s="104">
        <v>13</v>
      </c>
      <c r="JG38" s="101">
        <v>1</v>
      </c>
      <c r="JH38" s="102">
        <v>1</v>
      </c>
      <c r="JI38" s="103">
        <v>2</v>
      </c>
      <c r="JJ38" s="413">
        <v>0</v>
      </c>
      <c r="JK38" s="102">
        <v>8</v>
      </c>
      <c r="JL38" s="102">
        <v>10</v>
      </c>
      <c r="JM38" s="102">
        <v>0</v>
      </c>
      <c r="JN38" s="102">
        <v>4</v>
      </c>
      <c r="JO38" s="102">
        <v>6</v>
      </c>
      <c r="JP38" s="103">
        <v>28</v>
      </c>
      <c r="JQ38" s="104">
        <v>30</v>
      </c>
      <c r="JR38" s="101">
        <v>0</v>
      </c>
      <c r="JS38" s="102">
        <v>0</v>
      </c>
      <c r="JT38" s="103">
        <v>0</v>
      </c>
      <c r="JU38" s="413">
        <v>0</v>
      </c>
      <c r="JV38" s="102">
        <v>0</v>
      </c>
      <c r="JW38" s="102">
        <v>0</v>
      </c>
      <c r="JX38" s="102">
        <v>0</v>
      </c>
      <c r="JY38" s="102">
        <v>0</v>
      </c>
      <c r="JZ38" s="102">
        <v>0</v>
      </c>
      <c r="KA38" s="103">
        <v>0</v>
      </c>
      <c r="KB38" s="104">
        <v>0</v>
      </c>
      <c r="KC38" s="101">
        <v>12</v>
      </c>
      <c r="KD38" s="102">
        <v>5</v>
      </c>
      <c r="KE38" s="103">
        <v>17</v>
      </c>
      <c r="KF38" s="413">
        <v>0</v>
      </c>
      <c r="KG38" s="102">
        <v>19</v>
      </c>
      <c r="KH38" s="102">
        <v>16</v>
      </c>
      <c r="KI38" s="102">
        <v>3</v>
      </c>
      <c r="KJ38" s="102">
        <v>5</v>
      </c>
      <c r="KK38" s="102">
        <v>8</v>
      </c>
      <c r="KL38" s="103">
        <v>51</v>
      </c>
      <c r="KM38" s="104">
        <v>68</v>
      </c>
    </row>
    <row r="39" spans="2:299" s="70" customFormat="1" ht="21" customHeight="1" x14ac:dyDescent="0.2">
      <c r="B39" s="106" t="s">
        <v>36</v>
      </c>
      <c r="C39" s="96">
        <v>3</v>
      </c>
      <c r="D39" s="97">
        <v>4</v>
      </c>
      <c r="E39" s="98">
        <v>7</v>
      </c>
      <c r="F39" s="413">
        <v>0</v>
      </c>
      <c r="G39" s="97">
        <v>16</v>
      </c>
      <c r="H39" s="97">
        <v>5</v>
      </c>
      <c r="I39" s="97">
        <v>6</v>
      </c>
      <c r="J39" s="97">
        <v>3</v>
      </c>
      <c r="K39" s="97">
        <v>3</v>
      </c>
      <c r="L39" s="99">
        <v>33</v>
      </c>
      <c r="M39" s="100">
        <v>40</v>
      </c>
      <c r="N39" s="101">
        <v>0</v>
      </c>
      <c r="O39" s="102">
        <v>0</v>
      </c>
      <c r="P39" s="103">
        <v>0</v>
      </c>
      <c r="Q39" s="413">
        <v>0</v>
      </c>
      <c r="R39" s="102">
        <v>0</v>
      </c>
      <c r="S39" s="102">
        <v>1</v>
      </c>
      <c r="T39" s="102">
        <v>0</v>
      </c>
      <c r="U39" s="102">
        <v>0</v>
      </c>
      <c r="V39" s="102">
        <v>1</v>
      </c>
      <c r="W39" s="103">
        <v>2</v>
      </c>
      <c r="X39" s="104">
        <v>2</v>
      </c>
      <c r="Y39" s="101">
        <v>1</v>
      </c>
      <c r="Z39" s="102">
        <v>0</v>
      </c>
      <c r="AA39" s="103">
        <v>1</v>
      </c>
      <c r="AB39" s="413">
        <v>0</v>
      </c>
      <c r="AC39" s="102">
        <v>2</v>
      </c>
      <c r="AD39" s="102">
        <v>1</v>
      </c>
      <c r="AE39" s="102">
        <v>0</v>
      </c>
      <c r="AF39" s="102">
        <v>0</v>
      </c>
      <c r="AG39" s="102">
        <v>1</v>
      </c>
      <c r="AH39" s="103">
        <v>4</v>
      </c>
      <c r="AI39" s="104">
        <v>5</v>
      </c>
      <c r="AJ39" s="101">
        <v>0</v>
      </c>
      <c r="AK39" s="102">
        <v>0</v>
      </c>
      <c r="AL39" s="103">
        <v>0</v>
      </c>
      <c r="AM39" s="413">
        <v>0</v>
      </c>
      <c r="AN39" s="102">
        <v>0</v>
      </c>
      <c r="AO39" s="102">
        <v>0</v>
      </c>
      <c r="AP39" s="102">
        <v>1</v>
      </c>
      <c r="AQ39" s="102">
        <v>2</v>
      </c>
      <c r="AR39" s="102">
        <v>0</v>
      </c>
      <c r="AS39" s="103">
        <v>3</v>
      </c>
      <c r="AT39" s="104">
        <v>3</v>
      </c>
      <c r="AU39" s="101">
        <v>0</v>
      </c>
      <c r="AV39" s="102">
        <v>1</v>
      </c>
      <c r="AW39" s="103">
        <v>1</v>
      </c>
      <c r="AX39" s="413">
        <v>0</v>
      </c>
      <c r="AY39" s="102">
        <v>2</v>
      </c>
      <c r="AZ39" s="102">
        <v>1</v>
      </c>
      <c r="BA39" s="102">
        <v>0</v>
      </c>
      <c r="BB39" s="102">
        <v>0</v>
      </c>
      <c r="BC39" s="102">
        <v>1</v>
      </c>
      <c r="BD39" s="103">
        <v>4</v>
      </c>
      <c r="BE39" s="104">
        <v>5</v>
      </c>
      <c r="BF39" s="101">
        <v>1</v>
      </c>
      <c r="BG39" s="102">
        <v>0</v>
      </c>
      <c r="BH39" s="103">
        <v>1</v>
      </c>
      <c r="BI39" s="413">
        <v>0</v>
      </c>
      <c r="BJ39" s="102">
        <v>8</v>
      </c>
      <c r="BK39" s="102">
        <v>2</v>
      </c>
      <c r="BL39" s="102">
        <v>2</v>
      </c>
      <c r="BM39" s="102">
        <v>1</v>
      </c>
      <c r="BN39" s="102">
        <v>0</v>
      </c>
      <c r="BO39" s="103">
        <v>13</v>
      </c>
      <c r="BP39" s="104">
        <v>14</v>
      </c>
      <c r="BQ39" s="101">
        <v>1</v>
      </c>
      <c r="BR39" s="102">
        <v>3</v>
      </c>
      <c r="BS39" s="103">
        <v>4</v>
      </c>
      <c r="BT39" s="413">
        <v>0</v>
      </c>
      <c r="BU39" s="102">
        <v>4</v>
      </c>
      <c r="BV39" s="102">
        <v>0</v>
      </c>
      <c r="BW39" s="102">
        <v>3</v>
      </c>
      <c r="BX39" s="102">
        <v>0</v>
      </c>
      <c r="BY39" s="102">
        <v>0</v>
      </c>
      <c r="BZ39" s="103">
        <v>7</v>
      </c>
      <c r="CA39" s="104">
        <v>11</v>
      </c>
      <c r="CB39" s="101">
        <v>0</v>
      </c>
      <c r="CC39" s="102">
        <v>0</v>
      </c>
      <c r="CD39" s="103">
        <v>0</v>
      </c>
      <c r="CE39" s="413">
        <v>0</v>
      </c>
      <c r="CF39" s="102">
        <v>0</v>
      </c>
      <c r="CG39" s="102">
        <v>0</v>
      </c>
      <c r="CH39" s="102">
        <v>0</v>
      </c>
      <c r="CI39" s="102">
        <v>0</v>
      </c>
      <c r="CJ39" s="102">
        <v>0</v>
      </c>
      <c r="CK39" s="103">
        <v>0</v>
      </c>
      <c r="CL39" s="104">
        <v>0</v>
      </c>
      <c r="CM39" s="101">
        <v>3</v>
      </c>
      <c r="CN39" s="102">
        <v>4</v>
      </c>
      <c r="CO39" s="103">
        <v>7</v>
      </c>
      <c r="CP39" s="413">
        <v>0</v>
      </c>
      <c r="CQ39" s="102">
        <v>16</v>
      </c>
      <c r="CR39" s="102">
        <v>5</v>
      </c>
      <c r="CS39" s="102">
        <v>6</v>
      </c>
      <c r="CT39" s="102">
        <v>3</v>
      </c>
      <c r="CU39" s="102">
        <v>3</v>
      </c>
      <c r="CV39" s="103">
        <v>33</v>
      </c>
      <c r="CW39" s="104">
        <v>40</v>
      </c>
      <c r="CX39" s="105">
        <v>2</v>
      </c>
      <c r="CY39" s="97">
        <v>3</v>
      </c>
      <c r="CZ39" s="98">
        <v>5</v>
      </c>
      <c r="DA39" s="413">
        <v>0</v>
      </c>
      <c r="DB39" s="97">
        <v>4</v>
      </c>
      <c r="DC39" s="97">
        <v>3</v>
      </c>
      <c r="DD39" s="97">
        <v>1</v>
      </c>
      <c r="DE39" s="97">
        <v>1</v>
      </c>
      <c r="DF39" s="97">
        <v>0</v>
      </c>
      <c r="DG39" s="99">
        <v>9</v>
      </c>
      <c r="DH39" s="100">
        <v>14</v>
      </c>
      <c r="DI39" s="101">
        <v>0</v>
      </c>
      <c r="DJ39" s="102">
        <v>0</v>
      </c>
      <c r="DK39" s="103">
        <v>0</v>
      </c>
      <c r="DL39" s="413">
        <v>0</v>
      </c>
      <c r="DM39" s="102">
        <v>0</v>
      </c>
      <c r="DN39" s="102">
        <v>1</v>
      </c>
      <c r="DO39" s="102">
        <v>0</v>
      </c>
      <c r="DP39" s="102">
        <v>0</v>
      </c>
      <c r="DQ39" s="102">
        <v>0</v>
      </c>
      <c r="DR39" s="103">
        <v>1</v>
      </c>
      <c r="DS39" s="104">
        <v>1</v>
      </c>
      <c r="DT39" s="101">
        <v>0</v>
      </c>
      <c r="DU39" s="102">
        <v>0</v>
      </c>
      <c r="DV39" s="103">
        <v>0</v>
      </c>
      <c r="DW39" s="413">
        <v>0</v>
      </c>
      <c r="DX39" s="102">
        <v>0</v>
      </c>
      <c r="DY39" s="102">
        <v>1</v>
      </c>
      <c r="DZ39" s="102">
        <v>0</v>
      </c>
      <c r="EA39" s="102">
        <v>0</v>
      </c>
      <c r="EB39" s="102">
        <v>0</v>
      </c>
      <c r="EC39" s="103">
        <v>1</v>
      </c>
      <c r="ED39" s="104">
        <v>1</v>
      </c>
      <c r="EE39" s="101">
        <v>1</v>
      </c>
      <c r="EF39" s="102">
        <v>0</v>
      </c>
      <c r="EG39" s="103">
        <v>1</v>
      </c>
      <c r="EH39" s="413">
        <v>0</v>
      </c>
      <c r="EI39" s="102">
        <v>1</v>
      </c>
      <c r="EJ39" s="102">
        <v>0</v>
      </c>
      <c r="EK39" s="102">
        <v>0</v>
      </c>
      <c r="EL39" s="102">
        <v>0</v>
      </c>
      <c r="EM39" s="102">
        <v>0</v>
      </c>
      <c r="EN39" s="103">
        <v>1</v>
      </c>
      <c r="EO39" s="104">
        <v>2</v>
      </c>
      <c r="EP39" s="101">
        <v>0</v>
      </c>
      <c r="EQ39" s="102">
        <v>0</v>
      </c>
      <c r="ER39" s="103">
        <v>0</v>
      </c>
      <c r="ES39" s="413">
        <v>0</v>
      </c>
      <c r="ET39" s="102">
        <v>1</v>
      </c>
      <c r="EU39" s="102">
        <v>0</v>
      </c>
      <c r="EV39" s="102">
        <v>0</v>
      </c>
      <c r="EW39" s="102">
        <v>0</v>
      </c>
      <c r="EX39" s="102">
        <v>0</v>
      </c>
      <c r="EY39" s="103">
        <v>1</v>
      </c>
      <c r="EZ39" s="104">
        <v>1</v>
      </c>
      <c r="FA39" s="101">
        <v>0</v>
      </c>
      <c r="FB39" s="102">
        <v>2</v>
      </c>
      <c r="FC39" s="103">
        <v>2</v>
      </c>
      <c r="FD39" s="413">
        <v>0</v>
      </c>
      <c r="FE39" s="102">
        <v>0</v>
      </c>
      <c r="FF39" s="102">
        <v>1</v>
      </c>
      <c r="FG39" s="102">
        <v>0</v>
      </c>
      <c r="FH39" s="102">
        <v>1</v>
      </c>
      <c r="FI39" s="102">
        <v>0</v>
      </c>
      <c r="FJ39" s="103">
        <v>2</v>
      </c>
      <c r="FK39" s="104">
        <v>4</v>
      </c>
      <c r="FL39" s="101">
        <v>1</v>
      </c>
      <c r="FM39" s="102">
        <v>1</v>
      </c>
      <c r="FN39" s="103">
        <v>2</v>
      </c>
      <c r="FO39" s="413">
        <v>0</v>
      </c>
      <c r="FP39" s="102">
        <v>2</v>
      </c>
      <c r="FQ39" s="102">
        <v>0</v>
      </c>
      <c r="FR39" s="102">
        <v>1</v>
      </c>
      <c r="FS39" s="102">
        <v>0</v>
      </c>
      <c r="FT39" s="102">
        <v>0</v>
      </c>
      <c r="FU39" s="103">
        <v>3</v>
      </c>
      <c r="FV39" s="104">
        <v>5</v>
      </c>
      <c r="FW39" s="101">
        <v>0</v>
      </c>
      <c r="FX39" s="102">
        <v>0</v>
      </c>
      <c r="FY39" s="103">
        <v>0</v>
      </c>
      <c r="FZ39" s="413">
        <v>0</v>
      </c>
      <c r="GA39" s="102">
        <v>0</v>
      </c>
      <c r="GB39" s="102">
        <v>0</v>
      </c>
      <c r="GC39" s="102">
        <v>0</v>
      </c>
      <c r="GD39" s="102">
        <v>0</v>
      </c>
      <c r="GE39" s="102">
        <v>0</v>
      </c>
      <c r="GF39" s="103">
        <v>0</v>
      </c>
      <c r="GG39" s="104">
        <v>0</v>
      </c>
      <c r="GH39" s="101">
        <v>2</v>
      </c>
      <c r="GI39" s="102">
        <v>3</v>
      </c>
      <c r="GJ39" s="103">
        <v>5</v>
      </c>
      <c r="GK39" s="413">
        <v>0</v>
      </c>
      <c r="GL39" s="102">
        <v>4</v>
      </c>
      <c r="GM39" s="102">
        <v>3</v>
      </c>
      <c r="GN39" s="102">
        <v>1</v>
      </c>
      <c r="GO39" s="102">
        <v>1</v>
      </c>
      <c r="GP39" s="102">
        <v>0</v>
      </c>
      <c r="GQ39" s="103">
        <v>9</v>
      </c>
      <c r="GR39" s="104">
        <v>14</v>
      </c>
      <c r="GS39" s="105">
        <v>5</v>
      </c>
      <c r="GT39" s="97">
        <v>7</v>
      </c>
      <c r="GU39" s="98">
        <v>12</v>
      </c>
      <c r="GV39" s="413">
        <v>0</v>
      </c>
      <c r="GW39" s="97">
        <v>20</v>
      </c>
      <c r="GX39" s="97">
        <v>8</v>
      </c>
      <c r="GY39" s="97">
        <v>7</v>
      </c>
      <c r="GZ39" s="97">
        <v>4</v>
      </c>
      <c r="HA39" s="97">
        <v>3</v>
      </c>
      <c r="HB39" s="99">
        <v>42</v>
      </c>
      <c r="HC39" s="100">
        <v>54</v>
      </c>
      <c r="HD39" s="101">
        <v>0</v>
      </c>
      <c r="HE39" s="102">
        <v>0</v>
      </c>
      <c r="HF39" s="103">
        <v>0</v>
      </c>
      <c r="HG39" s="413">
        <v>0</v>
      </c>
      <c r="HH39" s="102">
        <v>0</v>
      </c>
      <c r="HI39" s="102">
        <v>2</v>
      </c>
      <c r="HJ39" s="102">
        <v>0</v>
      </c>
      <c r="HK39" s="102">
        <v>0</v>
      </c>
      <c r="HL39" s="102">
        <v>1</v>
      </c>
      <c r="HM39" s="103">
        <v>3</v>
      </c>
      <c r="HN39" s="104">
        <v>3</v>
      </c>
      <c r="HO39" s="101">
        <v>1</v>
      </c>
      <c r="HP39" s="102">
        <v>0</v>
      </c>
      <c r="HQ39" s="103">
        <v>1</v>
      </c>
      <c r="HR39" s="413">
        <v>0</v>
      </c>
      <c r="HS39" s="102">
        <v>2</v>
      </c>
      <c r="HT39" s="102">
        <v>2</v>
      </c>
      <c r="HU39" s="102">
        <v>0</v>
      </c>
      <c r="HV39" s="102">
        <v>0</v>
      </c>
      <c r="HW39" s="102">
        <v>1</v>
      </c>
      <c r="HX39" s="103">
        <v>5</v>
      </c>
      <c r="HY39" s="104">
        <v>6</v>
      </c>
      <c r="HZ39" s="101">
        <v>1</v>
      </c>
      <c r="IA39" s="102">
        <v>0</v>
      </c>
      <c r="IB39" s="103">
        <v>1</v>
      </c>
      <c r="IC39" s="413">
        <v>0</v>
      </c>
      <c r="ID39" s="102">
        <v>1</v>
      </c>
      <c r="IE39" s="102">
        <v>0</v>
      </c>
      <c r="IF39" s="102">
        <v>1</v>
      </c>
      <c r="IG39" s="102">
        <v>2</v>
      </c>
      <c r="IH39" s="102">
        <v>0</v>
      </c>
      <c r="II39" s="103">
        <v>4</v>
      </c>
      <c r="IJ39" s="104">
        <v>5</v>
      </c>
      <c r="IK39" s="101">
        <v>0</v>
      </c>
      <c r="IL39" s="102">
        <v>1</v>
      </c>
      <c r="IM39" s="103">
        <v>1</v>
      </c>
      <c r="IN39" s="413">
        <v>0</v>
      </c>
      <c r="IO39" s="102">
        <v>3</v>
      </c>
      <c r="IP39" s="102">
        <v>1</v>
      </c>
      <c r="IQ39" s="102">
        <v>0</v>
      </c>
      <c r="IR39" s="102">
        <v>0</v>
      </c>
      <c r="IS39" s="102">
        <v>1</v>
      </c>
      <c r="IT39" s="103">
        <v>5</v>
      </c>
      <c r="IU39" s="104">
        <v>6</v>
      </c>
      <c r="IV39" s="101">
        <v>1</v>
      </c>
      <c r="IW39" s="102">
        <v>2</v>
      </c>
      <c r="IX39" s="103">
        <v>3</v>
      </c>
      <c r="IY39" s="413">
        <v>0</v>
      </c>
      <c r="IZ39" s="102">
        <v>8</v>
      </c>
      <c r="JA39" s="102">
        <v>3</v>
      </c>
      <c r="JB39" s="102">
        <v>2</v>
      </c>
      <c r="JC39" s="102">
        <v>2</v>
      </c>
      <c r="JD39" s="102">
        <v>0</v>
      </c>
      <c r="JE39" s="103">
        <v>15</v>
      </c>
      <c r="JF39" s="104">
        <v>18</v>
      </c>
      <c r="JG39" s="101">
        <v>2</v>
      </c>
      <c r="JH39" s="102">
        <v>4</v>
      </c>
      <c r="JI39" s="103">
        <v>6</v>
      </c>
      <c r="JJ39" s="413">
        <v>0</v>
      </c>
      <c r="JK39" s="102">
        <v>6</v>
      </c>
      <c r="JL39" s="102">
        <v>0</v>
      </c>
      <c r="JM39" s="102">
        <v>4</v>
      </c>
      <c r="JN39" s="102">
        <v>0</v>
      </c>
      <c r="JO39" s="102">
        <v>0</v>
      </c>
      <c r="JP39" s="103">
        <v>10</v>
      </c>
      <c r="JQ39" s="104">
        <v>16</v>
      </c>
      <c r="JR39" s="101">
        <v>0</v>
      </c>
      <c r="JS39" s="102">
        <v>0</v>
      </c>
      <c r="JT39" s="103">
        <v>0</v>
      </c>
      <c r="JU39" s="413">
        <v>0</v>
      </c>
      <c r="JV39" s="102">
        <v>0</v>
      </c>
      <c r="JW39" s="102">
        <v>0</v>
      </c>
      <c r="JX39" s="102">
        <v>0</v>
      </c>
      <c r="JY39" s="102">
        <v>0</v>
      </c>
      <c r="JZ39" s="102">
        <v>0</v>
      </c>
      <c r="KA39" s="103">
        <v>0</v>
      </c>
      <c r="KB39" s="104">
        <v>0</v>
      </c>
      <c r="KC39" s="101">
        <v>5</v>
      </c>
      <c r="KD39" s="102">
        <v>7</v>
      </c>
      <c r="KE39" s="103">
        <v>12</v>
      </c>
      <c r="KF39" s="413">
        <v>0</v>
      </c>
      <c r="KG39" s="102">
        <v>20</v>
      </c>
      <c r="KH39" s="102">
        <v>8</v>
      </c>
      <c r="KI39" s="102">
        <v>7</v>
      </c>
      <c r="KJ39" s="102">
        <v>4</v>
      </c>
      <c r="KK39" s="102">
        <v>3</v>
      </c>
      <c r="KL39" s="103">
        <v>42</v>
      </c>
      <c r="KM39" s="104">
        <v>54</v>
      </c>
    </row>
    <row r="40" spans="2:299" s="70" customFormat="1" ht="21" customHeight="1" thickBot="1" x14ac:dyDescent="0.25">
      <c r="B40" s="108" t="s">
        <v>37</v>
      </c>
      <c r="C40" s="109">
        <v>0</v>
      </c>
      <c r="D40" s="110">
        <v>0</v>
      </c>
      <c r="E40" s="111">
        <v>0</v>
      </c>
      <c r="F40" s="414">
        <v>0</v>
      </c>
      <c r="G40" s="110">
        <v>2</v>
      </c>
      <c r="H40" s="110">
        <v>4</v>
      </c>
      <c r="I40" s="110">
        <v>0</v>
      </c>
      <c r="J40" s="110">
        <v>0</v>
      </c>
      <c r="K40" s="110">
        <v>0</v>
      </c>
      <c r="L40" s="112">
        <v>6</v>
      </c>
      <c r="M40" s="113">
        <v>6</v>
      </c>
      <c r="N40" s="114">
        <v>0</v>
      </c>
      <c r="O40" s="115">
        <v>0</v>
      </c>
      <c r="P40" s="116">
        <v>0</v>
      </c>
      <c r="Q40" s="414">
        <v>0</v>
      </c>
      <c r="R40" s="115">
        <v>0</v>
      </c>
      <c r="S40" s="115">
        <v>0</v>
      </c>
      <c r="T40" s="115">
        <v>0</v>
      </c>
      <c r="U40" s="115">
        <v>0</v>
      </c>
      <c r="V40" s="115">
        <v>0</v>
      </c>
      <c r="W40" s="116">
        <v>0</v>
      </c>
      <c r="X40" s="117">
        <v>0</v>
      </c>
      <c r="Y40" s="114">
        <v>0</v>
      </c>
      <c r="Z40" s="115">
        <v>0</v>
      </c>
      <c r="AA40" s="116">
        <v>0</v>
      </c>
      <c r="AB40" s="414">
        <v>0</v>
      </c>
      <c r="AC40" s="115">
        <v>0</v>
      </c>
      <c r="AD40" s="115">
        <v>0</v>
      </c>
      <c r="AE40" s="115">
        <v>0</v>
      </c>
      <c r="AF40" s="115">
        <v>0</v>
      </c>
      <c r="AG40" s="115">
        <v>0</v>
      </c>
      <c r="AH40" s="116">
        <v>0</v>
      </c>
      <c r="AI40" s="117">
        <v>0</v>
      </c>
      <c r="AJ40" s="114">
        <v>0</v>
      </c>
      <c r="AK40" s="115">
        <v>0</v>
      </c>
      <c r="AL40" s="116">
        <v>0</v>
      </c>
      <c r="AM40" s="414">
        <v>0</v>
      </c>
      <c r="AN40" s="115">
        <v>0</v>
      </c>
      <c r="AO40" s="115">
        <v>2</v>
      </c>
      <c r="AP40" s="115">
        <v>0</v>
      </c>
      <c r="AQ40" s="115">
        <v>0</v>
      </c>
      <c r="AR40" s="115">
        <v>0</v>
      </c>
      <c r="AS40" s="116">
        <v>2</v>
      </c>
      <c r="AT40" s="117">
        <v>2</v>
      </c>
      <c r="AU40" s="114">
        <v>0</v>
      </c>
      <c r="AV40" s="115">
        <v>0</v>
      </c>
      <c r="AW40" s="116">
        <v>0</v>
      </c>
      <c r="AX40" s="414">
        <v>0</v>
      </c>
      <c r="AY40" s="115">
        <v>1</v>
      </c>
      <c r="AZ40" s="115">
        <v>0</v>
      </c>
      <c r="BA40" s="115">
        <v>0</v>
      </c>
      <c r="BB40" s="115">
        <v>0</v>
      </c>
      <c r="BC40" s="115">
        <v>0</v>
      </c>
      <c r="BD40" s="116">
        <v>1</v>
      </c>
      <c r="BE40" s="117">
        <v>1</v>
      </c>
      <c r="BF40" s="114">
        <v>0</v>
      </c>
      <c r="BG40" s="115">
        <v>0</v>
      </c>
      <c r="BH40" s="116">
        <v>0</v>
      </c>
      <c r="BI40" s="414">
        <v>0</v>
      </c>
      <c r="BJ40" s="115">
        <v>1</v>
      </c>
      <c r="BK40" s="115">
        <v>1</v>
      </c>
      <c r="BL40" s="115">
        <v>0</v>
      </c>
      <c r="BM40" s="115">
        <v>0</v>
      </c>
      <c r="BN40" s="115">
        <v>0</v>
      </c>
      <c r="BO40" s="116">
        <v>2</v>
      </c>
      <c r="BP40" s="117">
        <v>2</v>
      </c>
      <c r="BQ40" s="114">
        <v>0</v>
      </c>
      <c r="BR40" s="115">
        <v>0</v>
      </c>
      <c r="BS40" s="116">
        <v>0</v>
      </c>
      <c r="BT40" s="414">
        <v>0</v>
      </c>
      <c r="BU40" s="115">
        <v>0</v>
      </c>
      <c r="BV40" s="115">
        <v>1</v>
      </c>
      <c r="BW40" s="115">
        <v>0</v>
      </c>
      <c r="BX40" s="115">
        <v>0</v>
      </c>
      <c r="BY40" s="115">
        <v>0</v>
      </c>
      <c r="BZ40" s="116">
        <v>1</v>
      </c>
      <c r="CA40" s="117">
        <v>1</v>
      </c>
      <c r="CB40" s="114">
        <v>0</v>
      </c>
      <c r="CC40" s="115">
        <v>0</v>
      </c>
      <c r="CD40" s="116">
        <v>0</v>
      </c>
      <c r="CE40" s="414">
        <v>0</v>
      </c>
      <c r="CF40" s="115">
        <v>0</v>
      </c>
      <c r="CG40" s="115">
        <v>0</v>
      </c>
      <c r="CH40" s="115">
        <v>0</v>
      </c>
      <c r="CI40" s="115">
        <v>0</v>
      </c>
      <c r="CJ40" s="115">
        <v>0</v>
      </c>
      <c r="CK40" s="116">
        <v>0</v>
      </c>
      <c r="CL40" s="117">
        <v>0</v>
      </c>
      <c r="CM40" s="114">
        <v>0</v>
      </c>
      <c r="CN40" s="115">
        <v>0</v>
      </c>
      <c r="CO40" s="116">
        <v>0</v>
      </c>
      <c r="CP40" s="414">
        <v>0</v>
      </c>
      <c r="CQ40" s="115">
        <v>2</v>
      </c>
      <c r="CR40" s="115">
        <v>4</v>
      </c>
      <c r="CS40" s="115">
        <v>0</v>
      </c>
      <c r="CT40" s="115">
        <v>0</v>
      </c>
      <c r="CU40" s="115">
        <v>0</v>
      </c>
      <c r="CV40" s="116">
        <v>6</v>
      </c>
      <c r="CW40" s="117">
        <v>6</v>
      </c>
      <c r="CX40" s="118">
        <v>0</v>
      </c>
      <c r="CY40" s="110">
        <v>0</v>
      </c>
      <c r="CZ40" s="111">
        <v>0</v>
      </c>
      <c r="DA40" s="414">
        <v>0</v>
      </c>
      <c r="DB40" s="110">
        <v>0</v>
      </c>
      <c r="DC40" s="110">
        <v>0</v>
      </c>
      <c r="DD40" s="110">
        <v>0</v>
      </c>
      <c r="DE40" s="110">
        <v>1</v>
      </c>
      <c r="DF40" s="110">
        <v>0</v>
      </c>
      <c r="DG40" s="112">
        <v>1</v>
      </c>
      <c r="DH40" s="113">
        <v>1</v>
      </c>
      <c r="DI40" s="114">
        <v>0</v>
      </c>
      <c r="DJ40" s="115">
        <v>0</v>
      </c>
      <c r="DK40" s="116">
        <v>0</v>
      </c>
      <c r="DL40" s="414">
        <v>0</v>
      </c>
      <c r="DM40" s="115">
        <v>0</v>
      </c>
      <c r="DN40" s="115">
        <v>0</v>
      </c>
      <c r="DO40" s="115">
        <v>0</v>
      </c>
      <c r="DP40" s="115">
        <v>0</v>
      </c>
      <c r="DQ40" s="115">
        <v>0</v>
      </c>
      <c r="DR40" s="116">
        <v>0</v>
      </c>
      <c r="DS40" s="117">
        <v>0</v>
      </c>
      <c r="DT40" s="114">
        <v>0</v>
      </c>
      <c r="DU40" s="115">
        <v>0</v>
      </c>
      <c r="DV40" s="116">
        <v>0</v>
      </c>
      <c r="DW40" s="414">
        <v>0</v>
      </c>
      <c r="DX40" s="115">
        <v>0</v>
      </c>
      <c r="DY40" s="115">
        <v>0</v>
      </c>
      <c r="DZ40" s="115">
        <v>0</v>
      </c>
      <c r="EA40" s="115">
        <v>1</v>
      </c>
      <c r="EB40" s="115">
        <v>0</v>
      </c>
      <c r="EC40" s="116">
        <v>1</v>
      </c>
      <c r="ED40" s="117">
        <v>1</v>
      </c>
      <c r="EE40" s="114">
        <v>0</v>
      </c>
      <c r="EF40" s="115">
        <v>0</v>
      </c>
      <c r="EG40" s="116">
        <v>0</v>
      </c>
      <c r="EH40" s="414">
        <v>0</v>
      </c>
      <c r="EI40" s="115">
        <v>0</v>
      </c>
      <c r="EJ40" s="115">
        <v>0</v>
      </c>
      <c r="EK40" s="115">
        <v>0</v>
      </c>
      <c r="EL40" s="115">
        <v>0</v>
      </c>
      <c r="EM40" s="115">
        <v>0</v>
      </c>
      <c r="EN40" s="116">
        <v>0</v>
      </c>
      <c r="EO40" s="117">
        <v>0</v>
      </c>
      <c r="EP40" s="114">
        <v>0</v>
      </c>
      <c r="EQ40" s="115">
        <v>0</v>
      </c>
      <c r="ER40" s="116">
        <v>0</v>
      </c>
      <c r="ES40" s="414">
        <v>0</v>
      </c>
      <c r="ET40" s="115">
        <v>0</v>
      </c>
      <c r="EU40" s="115">
        <v>0</v>
      </c>
      <c r="EV40" s="115">
        <v>0</v>
      </c>
      <c r="EW40" s="115">
        <v>0</v>
      </c>
      <c r="EX40" s="115">
        <v>0</v>
      </c>
      <c r="EY40" s="116">
        <v>0</v>
      </c>
      <c r="EZ40" s="117">
        <v>0</v>
      </c>
      <c r="FA40" s="114">
        <v>0</v>
      </c>
      <c r="FB40" s="115">
        <v>0</v>
      </c>
      <c r="FC40" s="116">
        <v>0</v>
      </c>
      <c r="FD40" s="414">
        <v>0</v>
      </c>
      <c r="FE40" s="115">
        <v>0</v>
      </c>
      <c r="FF40" s="115">
        <v>0</v>
      </c>
      <c r="FG40" s="115">
        <v>0</v>
      </c>
      <c r="FH40" s="115">
        <v>0</v>
      </c>
      <c r="FI40" s="115">
        <v>0</v>
      </c>
      <c r="FJ40" s="116">
        <v>0</v>
      </c>
      <c r="FK40" s="117">
        <v>0</v>
      </c>
      <c r="FL40" s="114">
        <v>0</v>
      </c>
      <c r="FM40" s="115">
        <v>0</v>
      </c>
      <c r="FN40" s="116">
        <v>0</v>
      </c>
      <c r="FO40" s="414">
        <v>0</v>
      </c>
      <c r="FP40" s="115">
        <v>0</v>
      </c>
      <c r="FQ40" s="115">
        <v>0</v>
      </c>
      <c r="FR40" s="115">
        <v>0</v>
      </c>
      <c r="FS40" s="115">
        <v>0</v>
      </c>
      <c r="FT40" s="115">
        <v>0</v>
      </c>
      <c r="FU40" s="116">
        <v>0</v>
      </c>
      <c r="FV40" s="117">
        <v>0</v>
      </c>
      <c r="FW40" s="114">
        <v>0</v>
      </c>
      <c r="FX40" s="115">
        <v>0</v>
      </c>
      <c r="FY40" s="116">
        <v>0</v>
      </c>
      <c r="FZ40" s="414">
        <v>0</v>
      </c>
      <c r="GA40" s="115">
        <v>0</v>
      </c>
      <c r="GB40" s="115">
        <v>0</v>
      </c>
      <c r="GC40" s="115">
        <v>0</v>
      </c>
      <c r="GD40" s="115">
        <v>0</v>
      </c>
      <c r="GE40" s="115">
        <v>0</v>
      </c>
      <c r="GF40" s="116">
        <v>0</v>
      </c>
      <c r="GG40" s="117">
        <v>0</v>
      </c>
      <c r="GH40" s="114">
        <v>0</v>
      </c>
      <c r="GI40" s="115">
        <v>0</v>
      </c>
      <c r="GJ40" s="116">
        <v>0</v>
      </c>
      <c r="GK40" s="414">
        <v>0</v>
      </c>
      <c r="GL40" s="115">
        <v>0</v>
      </c>
      <c r="GM40" s="115">
        <v>0</v>
      </c>
      <c r="GN40" s="115">
        <v>0</v>
      </c>
      <c r="GO40" s="115">
        <v>1</v>
      </c>
      <c r="GP40" s="115">
        <v>0</v>
      </c>
      <c r="GQ40" s="116">
        <v>1</v>
      </c>
      <c r="GR40" s="117">
        <v>1</v>
      </c>
      <c r="GS40" s="118">
        <v>0</v>
      </c>
      <c r="GT40" s="110">
        <v>0</v>
      </c>
      <c r="GU40" s="111">
        <v>0</v>
      </c>
      <c r="GV40" s="414">
        <v>0</v>
      </c>
      <c r="GW40" s="110">
        <v>2</v>
      </c>
      <c r="GX40" s="110">
        <v>4</v>
      </c>
      <c r="GY40" s="110">
        <v>0</v>
      </c>
      <c r="GZ40" s="110">
        <v>1</v>
      </c>
      <c r="HA40" s="110">
        <v>0</v>
      </c>
      <c r="HB40" s="112">
        <v>7</v>
      </c>
      <c r="HC40" s="113">
        <v>7</v>
      </c>
      <c r="HD40" s="114">
        <v>0</v>
      </c>
      <c r="HE40" s="115">
        <v>0</v>
      </c>
      <c r="HF40" s="116">
        <v>0</v>
      </c>
      <c r="HG40" s="414">
        <v>0</v>
      </c>
      <c r="HH40" s="115">
        <v>0</v>
      </c>
      <c r="HI40" s="115">
        <v>0</v>
      </c>
      <c r="HJ40" s="115">
        <v>0</v>
      </c>
      <c r="HK40" s="115">
        <v>0</v>
      </c>
      <c r="HL40" s="115">
        <v>0</v>
      </c>
      <c r="HM40" s="116">
        <v>0</v>
      </c>
      <c r="HN40" s="117">
        <v>0</v>
      </c>
      <c r="HO40" s="114">
        <v>0</v>
      </c>
      <c r="HP40" s="115">
        <v>0</v>
      </c>
      <c r="HQ40" s="116">
        <v>0</v>
      </c>
      <c r="HR40" s="414">
        <v>0</v>
      </c>
      <c r="HS40" s="115">
        <v>0</v>
      </c>
      <c r="HT40" s="115">
        <v>0</v>
      </c>
      <c r="HU40" s="115">
        <v>0</v>
      </c>
      <c r="HV40" s="115">
        <v>1</v>
      </c>
      <c r="HW40" s="115">
        <v>0</v>
      </c>
      <c r="HX40" s="116">
        <v>1</v>
      </c>
      <c r="HY40" s="117">
        <v>1</v>
      </c>
      <c r="HZ40" s="114">
        <v>0</v>
      </c>
      <c r="IA40" s="115">
        <v>0</v>
      </c>
      <c r="IB40" s="116">
        <v>0</v>
      </c>
      <c r="IC40" s="414">
        <v>0</v>
      </c>
      <c r="ID40" s="115">
        <v>0</v>
      </c>
      <c r="IE40" s="115">
        <v>2</v>
      </c>
      <c r="IF40" s="115">
        <v>0</v>
      </c>
      <c r="IG40" s="115">
        <v>0</v>
      </c>
      <c r="IH40" s="115">
        <v>0</v>
      </c>
      <c r="II40" s="116">
        <v>2</v>
      </c>
      <c r="IJ40" s="117">
        <v>2</v>
      </c>
      <c r="IK40" s="114">
        <v>0</v>
      </c>
      <c r="IL40" s="115">
        <v>0</v>
      </c>
      <c r="IM40" s="116">
        <v>0</v>
      </c>
      <c r="IN40" s="414">
        <v>0</v>
      </c>
      <c r="IO40" s="115">
        <v>1</v>
      </c>
      <c r="IP40" s="115">
        <v>0</v>
      </c>
      <c r="IQ40" s="115">
        <v>0</v>
      </c>
      <c r="IR40" s="115">
        <v>0</v>
      </c>
      <c r="IS40" s="115">
        <v>0</v>
      </c>
      <c r="IT40" s="116">
        <v>1</v>
      </c>
      <c r="IU40" s="117">
        <v>1</v>
      </c>
      <c r="IV40" s="114">
        <v>0</v>
      </c>
      <c r="IW40" s="115">
        <v>0</v>
      </c>
      <c r="IX40" s="116">
        <v>0</v>
      </c>
      <c r="IY40" s="414">
        <v>0</v>
      </c>
      <c r="IZ40" s="115">
        <v>1</v>
      </c>
      <c r="JA40" s="115">
        <v>1</v>
      </c>
      <c r="JB40" s="115">
        <v>0</v>
      </c>
      <c r="JC40" s="115">
        <v>0</v>
      </c>
      <c r="JD40" s="115">
        <v>0</v>
      </c>
      <c r="JE40" s="116">
        <v>2</v>
      </c>
      <c r="JF40" s="117">
        <v>2</v>
      </c>
      <c r="JG40" s="114">
        <v>0</v>
      </c>
      <c r="JH40" s="115">
        <v>0</v>
      </c>
      <c r="JI40" s="116">
        <v>0</v>
      </c>
      <c r="JJ40" s="414">
        <v>0</v>
      </c>
      <c r="JK40" s="115">
        <v>0</v>
      </c>
      <c r="JL40" s="115">
        <v>1</v>
      </c>
      <c r="JM40" s="115">
        <v>0</v>
      </c>
      <c r="JN40" s="115">
        <v>0</v>
      </c>
      <c r="JO40" s="115">
        <v>0</v>
      </c>
      <c r="JP40" s="116">
        <v>1</v>
      </c>
      <c r="JQ40" s="117">
        <v>1</v>
      </c>
      <c r="JR40" s="114">
        <v>0</v>
      </c>
      <c r="JS40" s="115">
        <v>0</v>
      </c>
      <c r="JT40" s="116">
        <v>0</v>
      </c>
      <c r="JU40" s="414">
        <v>0</v>
      </c>
      <c r="JV40" s="115">
        <v>0</v>
      </c>
      <c r="JW40" s="115">
        <v>0</v>
      </c>
      <c r="JX40" s="115">
        <v>0</v>
      </c>
      <c r="JY40" s="115">
        <v>0</v>
      </c>
      <c r="JZ40" s="115">
        <v>0</v>
      </c>
      <c r="KA40" s="116">
        <v>0</v>
      </c>
      <c r="KB40" s="117">
        <v>0</v>
      </c>
      <c r="KC40" s="114">
        <v>0</v>
      </c>
      <c r="KD40" s="115">
        <v>0</v>
      </c>
      <c r="KE40" s="116">
        <v>0</v>
      </c>
      <c r="KF40" s="414">
        <v>0</v>
      </c>
      <c r="KG40" s="115">
        <v>2</v>
      </c>
      <c r="KH40" s="115">
        <v>4</v>
      </c>
      <c r="KI40" s="115">
        <v>0</v>
      </c>
      <c r="KJ40" s="115">
        <v>1</v>
      </c>
      <c r="KK40" s="115">
        <v>0</v>
      </c>
      <c r="KL40" s="116">
        <v>7</v>
      </c>
      <c r="KM40" s="117">
        <v>7</v>
      </c>
    </row>
    <row r="41" spans="2:299" ht="32.25" customHeight="1" x14ac:dyDescent="0.2"/>
  </sheetData>
  <mergeCells count="36">
    <mergeCell ref="GS5:HC5"/>
    <mergeCell ref="DI5:DS5"/>
    <mergeCell ref="DT5:ED5"/>
    <mergeCell ref="EE5:EO5"/>
    <mergeCell ref="GS3:KM3"/>
    <mergeCell ref="GS4:JQ4"/>
    <mergeCell ref="JR4:KB5"/>
    <mergeCell ref="KC4:KM5"/>
    <mergeCell ref="IK5:IU5"/>
    <mergeCell ref="IV5:JF5"/>
    <mergeCell ref="JG5:JQ5"/>
    <mergeCell ref="HD5:HN5"/>
    <mergeCell ref="HO5:HY5"/>
    <mergeCell ref="HZ5:IJ5"/>
    <mergeCell ref="CX4:FV4"/>
    <mergeCell ref="FW4:GG5"/>
    <mergeCell ref="I1:J1"/>
    <mergeCell ref="F1:G1"/>
    <mergeCell ref="CB4:CL5"/>
    <mergeCell ref="B3:B5"/>
    <mergeCell ref="C3:CW3"/>
    <mergeCell ref="CX3:GR3"/>
    <mergeCell ref="C5:M5"/>
    <mergeCell ref="N5:X5"/>
    <mergeCell ref="Y5:AI5"/>
    <mergeCell ref="AJ5:AT5"/>
    <mergeCell ref="AU5:BE5"/>
    <mergeCell ref="EP5:EZ5"/>
    <mergeCell ref="GH4:GR5"/>
    <mergeCell ref="BQ5:CA5"/>
    <mergeCell ref="CX5:DH5"/>
    <mergeCell ref="FA5:FK5"/>
    <mergeCell ref="FL5:FV5"/>
    <mergeCell ref="C4:CA4"/>
    <mergeCell ref="CM4:CW5"/>
    <mergeCell ref="BF5:BP5"/>
  </mergeCells>
  <phoneticPr fontId="4"/>
  <printOptions horizontalCentered="1"/>
  <pageMargins left="0.59055118110236227" right="0.39370078740157483" top="0.59055118110236227" bottom="0.55118110236220474" header="0.23622047244094491" footer="0.27559055118110237"/>
  <pageSetup paperSize="9" scale="45" orientation="landscape" r:id="rId1"/>
  <headerFooter alignWithMargins="0">
    <oddFooter>&amp;L&amp;20&amp;X&amp;A&amp;C&amp;P/&amp;N</oddFooter>
  </headerFooter>
  <colBreaks count="4" manualBreakCount="4">
    <brk id="35" max="40" man="1"/>
    <brk id="68" max="1048575" man="1"/>
    <brk id="101" max="1048575" man="1"/>
    <brk id="134" max="40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KM41"/>
  <sheetViews>
    <sheetView zoomScaleNormal="100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 activeCell="C7" sqref="C7"/>
    </sheetView>
  </sheetViews>
  <sheetFormatPr defaultColWidth="9" defaultRowHeight="13.2" x14ac:dyDescent="0.2"/>
  <cols>
    <col min="1" max="1" width="3.77734375" style="71" customWidth="1"/>
    <col min="2" max="2" width="9.77734375" style="71" customWidth="1"/>
    <col min="3" max="11" width="7.88671875" style="70" customWidth="1"/>
    <col min="12" max="13" width="8.77734375" style="70" customWidth="1"/>
    <col min="14" max="33" width="7.88671875" style="70" customWidth="1"/>
    <col min="34" max="34" width="9.109375" style="70" customWidth="1"/>
    <col min="35" max="35" width="8.44140625" style="70" customWidth="1"/>
    <col min="36" max="55" width="7.88671875" style="70" customWidth="1"/>
    <col min="56" max="56" width="9.109375" style="70" customWidth="1"/>
    <col min="57" max="57" width="8.44140625" style="70" customWidth="1"/>
    <col min="58" max="77" width="7.88671875" style="70" customWidth="1"/>
    <col min="78" max="78" width="9.109375" style="70" customWidth="1"/>
    <col min="79" max="79" width="8.44140625" style="70" customWidth="1"/>
    <col min="80" max="86" width="7.88671875" style="70" customWidth="1"/>
    <col min="87" max="93" width="9" style="70"/>
    <col min="94" max="94" width="8.44140625" style="70" customWidth="1"/>
    <col min="95" max="102" width="9" style="70"/>
    <col min="103" max="104" width="9" style="71"/>
    <col min="105" max="105" width="7.77734375" style="71" customWidth="1"/>
    <col min="106" max="115" width="9" style="71"/>
    <col min="116" max="116" width="7.77734375" style="71" customWidth="1"/>
    <col min="117" max="126" width="9" style="71"/>
    <col min="127" max="127" width="7.77734375" style="71" customWidth="1"/>
    <col min="128" max="137" width="9" style="71"/>
    <col min="138" max="138" width="8" style="71" customWidth="1"/>
    <col min="139" max="148" width="9" style="71"/>
    <col min="149" max="149" width="7.77734375" style="71" customWidth="1"/>
    <col min="150" max="159" width="9" style="71"/>
    <col min="160" max="160" width="7.44140625" style="71" customWidth="1"/>
    <col min="161" max="170" width="9" style="71"/>
    <col min="171" max="171" width="7.88671875" style="71" customWidth="1"/>
    <col min="172" max="181" width="9" style="71"/>
    <col min="182" max="182" width="7.21875" style="71" customWidth="1"/>
    <col min="183" max="192" width="9" style="71"/>
    <col min="193" max="193" width="8" style="71" customWidth="1"/>
    <col min="194" max="203" width="9" style="71"/>
    <col min="204" max="204" width="7.88671875" style="71" customWidth="1"/>
    <col min="205" max="214" width="9" style="71"/>
    <col min="215" max="215" width="7.88671875" style="71" customWidth="1"/>
    <col min="216" max="225" width="9" style="71"/>
    <col min="226" max="226" width="7.33203125" style="71" customWidth="1"/>
    <col min="227" max="236" width="9" style="71"/>
    <col min="237" max="237" width="7.6640625" style="71" customWidth="1"/>
    <col min="238" max="247" width="9" style="71"/>
    <col min="248" max="248" width="8" style="71" customWidth="1"/>
    <col min="249" max="258" width="9" style="71"/>
    <col min="259" max="259" width="8" style="71" customWidth="1"/>
    <col min="260" max="269" width="9" style="71"/>
    <col min="270" max="270" width="8" style="71" customWidth="1"/>
    <col min="271" max="280" width="9" style="71"/>
    <col min="281" max="281" width="8" style="71" customWidth="1"/>
    <col min="282" max="291" width="9" style="71"/>
    <col min="292" max="292" width="8.109375" style="71" customWidth="1"/>
    <col min="293" max="16384" width="9" style="71"/>
  </cols>
  <sheetData>
    <row r="1" spans="2:299" ht="24" customHeight="1" x14ac:dyDescent="0.2">
      <c r="B1" s="9" t="s">
        <v>119</v>
      </c>
      <c r="F1" s="442">
        <f>第１表!F2</f>
        <v>7</v>
      </c>
      <c r="G1" s="442"/>
      <c r="H1" s="18">
        <f>第１表!G2</f>
        <v>3</v>
      </c>
      <c r="I1" s="424">
        <f>H1</f>
        <v>3</v>
      </c>
      <c r="J1" s="424"/>
    </row>
    <row r="2" spans="2:299" ht="24" customHeight="1" thickBot="1" x14ac:dyDescent="0.25">
      <c r="B2" s="10" t="s">
        <v>149</v>
      </c>
    </row>
    <row r="3" spans="2:299" ht="21" customHeight="1" thickBot="1" x14ac:dyDescent="0.25">
      <c r="B3" s="425" t="s">
        <v>38</v>
      </c>
      <c r="C3" s="437" t="s">
        <v>96</v>
      </c>
      <c r="D3" s="437"/>
      <c r="E3" s="437"/>
      <c r="F3" s="437"/>
      <c r="G3" s="437"/>
      <c r="H3" s="437"/>
      <c r="I3" s="437"/>
      <c r="J3" s="437"/>
      <c r="K3" s="437"/>
      <c r="L3" s="437"/>
      <c r="M3" s="437"/>
      <c r="N3" s="437"/>
      <c r="O3" s="437"/>
      <c r="P3" s="437"/>
      <c r="Q3" s="437"/>
      <c r="R3" s="437"/>
      <c r="S3" s="437"/>
      <c r="T3" s="437"/>
      <c r="U3" s="437"/>
      <c r="V3" s="437"/>
      <c r="W3" s="437"/>
      <c r="X3" s="437"/>
      <c r="Y3" s="437"/>
      <c r="Z3" s="437"/>
      <c r="AA3" s="437"/>
      <c r="AB3" s="437"/>
      <c r="AC3" s="437"/>
      <c r="AD3" s="437"/>
      <c r="AE3" s="437"/>
      <c r="AF3" s="437"/>
      <c r="AG3" s="437"/>
      <c r="AH3" s="437"/>
      <c r="AI3" s="437"/>
      <c r="AJ3" s="437"/>
      <c r="AK3" s="437"/>
      <c r="AL3" s="437"/>
      <c r="AM3" s="437"/>
      <c r="AN3" s="437"/>
      <c r="AO3" s="437"/>
      <c r="AP3" s="437"/>
      <c r="AQ3" s="437"/>
      <c r="AR3" s="437"/>
      <c r="AS3" s="437"/>
      <c r="AT3" s="437"/>
      <c r="AU3" s="437"/>
      <c r="AV3" s="437"/>
      <c r="AW3" s="437"/>
      <c r="AX3" s="437"/>
      <c r="AY3" s="437"/>
      <c r="AZ3" s="437"/>
      <c r="BA3" s="437"/>
      <c r="BB3" s="437"/>
      <c r="BC3" s="437"/>
      <c r="BD3" s="437"/>
      <c r="BE3" s="437"/>
      <c r="BF3" s="437"/>
      <c r="BG3" s="437"/>
      <c r="BH3" s="437"/>
      <c r="BI3" s="437"/>
      <c r="BJ3" s="437"/>
      <c r="BK3" s="437"/>
      <c r="BL3" s="437"/>
      <c r="BM3" s="437"/>
      <c r="BN3" s="437"/>
      <c r="BO3" s="437"/>
      <c r="BP3" s="437"/>
      <c r="BQ3" s="437"/>
      <c r="BR3" s="437"/>
      <c r="BS3" s="437"/>
      <c r="BT3" s="437"/>
      <c r="BU3" s="437"/>
      <c r="BV3" s="437"/>
      <c r="BW3" s="437"/>
      <c r="BX3" s="437"/>
      <c r="BY3" s="437"/>
      <c r="BZ3" s="437"/>
      <c r="CA3" s="437"/>
      <c r="CB3" s="437"/>
      <c r="CC3" s="437"/>
      <c r="CD3" s="437"/>
      <c r="CE3" s="437"/>
      <c r="CF3" s="437"/>
      <c r="CG3" s="437"/>
      <c r="CH3" s="437"/>
      <c r="CI3" s="437"/>
      <c r="CJ3" s="437"/>
      <c r="CK3" s="437"/>
      <c r="CL3" s="437"/>
      <c r="CM3" s="437"/>
      <c r="CN3" s="437"/>
      <c r="CO3" s="437"/>
      <c r="CP3" s="437"/>
      <c r="CQ3" s="437"/>
      <c r="CR3" s="437"/>
      <c r="CS3" s="437"/>
      <c r="CT3" s="437"/>
      <c r="CU3" s="437"/>
      <c r="CV3" s="437"/>
      <c r="CW3" s="438"/>
      <c r="CX3" s="437" t="s">
        <v>102</v>
      </c>
      <c r="CY3" s="437"/>
      <c r="CZ3" s="437"/>
      <c r="DA3" s="437"/>
      <c r="DB3" s="437"/>
      <c r="DC3" s="437"/>
      <c r="DD3" s="437"/>
      <c r="DE3" s="437"/>
      <c r="DF3" s="437"/>
      <c r="DG3" s="437"/>
      <c r="DH3" s="437"/>
      <c r="DI3" s="437"/>
      <c r="DJ3" s="437"/>
      <c r="DK3" s="437"/>
      <c r="DL3" s="437"/>
      <c r="DM3" s="437"/>
      <c r="DN3" s="437"/>
      <c r="DO3" s="437"/>
      <c r="DP3" s="437"/>
      <c r="DQ3" s="437"/>
      <c r="DR3" s="437"/>
      <c r="DS3" s="437"/>
      <c r="DT3" s="437"/>
      <c r="DU3" s="437"/>
      <c r="DV3" s="437"/>
      <c r="DW3" s="437"/>
      <c r="DX3" s="437"/>
      <c r="DY3" s="437"/>
      <c r="DZ3" s="437"/>
      <c r="EA3" s="437"/>
      <c r="EB3" s="437"/>
      <c r="EC3" s="437"/>
      <c r="ED3" s="437"/>
      <c r="EE3" s="437"/>
      <c r="EF3" s="437"/>
      <c r="EG3" s="437"/>
      <c r="EH3" s="437"/>
      <c r="EI3" s="437"/>
      <c r="EJ3" s="437"/>
      <c r="EK3" s="437"/>
      <c r="EL3" s="437"/>
      <c r="EM3" s="437"/>
      <c r="EN3" s="437"/>
      <c r="EO3" s="437"/>
      <c r="EP3" s="437"/>
      <c r="EQ3" s="437"/>
      <c r="ER3" s="437"/>
      <c r="ES3" s="437"/>
      <c r="ET3" s="437"/>
      <c r="EU3" s="437"/>
      <c r="EV3" s="437"/>
      <c r="EW3" s="437"/>
      <c r="EX3" s="437"/>
      <c r="EY3" s="437"/>
      <c r="EZ3" s="437"/>
      <c r="FA3" s="437"/>
      <c r="FB3" s="437"/>
      <c r="FC3" s="437"/>
      <c r="FD3" s="437"/>
      <c r="FE3" s="437"/>
      <c r="FF3" s="437"/>
      <c r="FG3" s="437"/>
      <c r="FH3" s="437"/>
      <c r="FI3" s="437"/>
      <c r="FJ3" s="437"/>
      <c r="FK3" s="437"/>
      <c r="FL3" s="437"/>
      <c r="FM3" s="437"/>
      <c r="FN3" s="437"/>
      <c r="FO3" s="437"/>
      <c r="FP3" s="437"/>
      <c r="FQ3" s="437"/>
      <c r="FR3" s="437"/>
      <c r="FS3" s="437"/>
      <c r="FT3" s="437"/>
      <c r="FU3" s="437"/>
      <c r="FV3" s="437"/>
      <c r="FW3" s="437"/>
      <c r="FX3" s="437"/>
      <c r="FY3" s="437"/>
      <c r="FZ3" s="437"/>
      <c r="GA3" s="437"/>
      <c r="GB3" s="437"/>
      <c r="GC3" s="437"/>
      <c r="GD3" s="437"/>
      <c r="GE3" s="437"/>
      <c r="GF3" s="437"/>
      <c r="GG3" s="437"/>
      <c r="GH3" s="437"/>
      <c r="GI3" s="437"/>
      <c r="GJ3" s="437"/>
      <c r="GK3" s="437"/>
      <c r="GL3" s="437"/>
      <c r="GM3" s="437"/>
      <c r="GN3" s="437"/>
      <c r="GO3" s="437"/>
      <c r="GP3" s="437"/>
      <c r="GQ3" s="437"/>
      <c r="GR3" s="438"/>
      <c r="GS3" s="437" t="s">
        <v>103</v>
      </c>
      <c r="GT3" s="437"/>
      <c r="GU3" s="437"/>
      <c r="GV3" s="437"/>
      <c r="GW3" s="437"/>
      <c r="GX3" s="437"/>
      <c r="GY3" s="437"/>
      <c r="GZ3" s="437"/>
      <c r="HA3" s="437"/>
      <c r="HB3" s="437"/>
      <c r="HC3" s="437"/>
      <c r="HD3" s="437"/>
      <c r="HE3" s="437"/>
      <c r="HF3" s="437"/>
      <c r="HG3" s="437"/>
      <c r="HH3" s="437"/>
      <c r="HI3" s="437"/>
      <c r="HJ3" s="437"/>
      <c r="HK3" s="437"/>
      <c r="HL3" s="437"/>
      <c r="HM3" s="437"/>
      <c r="HN3" s="437"/>
      <c r="HO3" s="437"/>
      <c r="HP3" s="437"/>
      <c r="HQ3" s="437"/>
      <c r="HR3" s="437"/>
      <c r="HS3" s="437"/>
      <c r="HT3" s="437"/>
      <c r="HU3" s="437"/>
      <c r="HV3" s="437"/>
      <c r="HW3" s="437"/>
      <c r="HX3" s="437"/>
      <c r="HY3" s="437"/>
      <c r="HZ3" s="437"/>
      <c r="IA3" s="437"/>
      <c r="IB3" s="437"/>
      <c r="IC3" s="437"/>
      <c r="ID3" s="437"/>
      <c r="IE3" s="437"/>
      <c r="IF3" s="437"/>
      <c r="IG3" s="437"/>
      <c r="IH3" s="437"/>
      <c r="II3" s="437"/>
      <c r="IJ3" s="437"/>
      <c r="IK3" s="437"/>
      <c r="IL3" s="437"/>
      <c r="IM3" s="437"/>
      <c r="IN3" s="437"/>
      <c r="IO3" s="437"/>
      <c r="IP3" s="437"/>
      <c r="IQ3" s="437"/>
      <c r="IR3" s="437"/>
      <c r="IS3" s="437"/>
      <c r="IT3" s="437"/>
      <c r="IU3" s="437"/>
      <c r="IV3" s="437"/>
      <c r="IW3" s="437"/>
      <c r="IX3" s="437"/>
      <c r="IY3" s="437"/>
      <c r="IZ3" s="437"/>
      <c r="JA3" s="437"/>
      <c r="JB3" s="437"/>
      <c r="JC3" s="437"/>
      <c r="JD3" s="437"/>
      <c r="JE3" s="437"/>
      <c r="JF3" s="437"/>
      <c r="JG3" s="437"/>
      <c r="JH3" s="437"/>
      <c r="JI3" s="437"/>
      <c r="JJ3" s="437"/>
      <c r="JK3" s="437"/>
      <c r="JL3" s="437"/>
      <c r="JM3" s="437"/>
      <c r="JN3" s="437"/>
      <c r="JO3" s="437"/>
      <c r="JP3" s="437"/>
      <c r="JQ3" s="437"/>
      <c r="JR3" s="437"/>
      <c r="JS3" s="437"/>
      <c r="JT3" s="437"/>
      <c r="JU3" s="437"/>
      <c r="JV3" s="437"/>
      <c r="JW3" s="437"/>
      <c r="JX3" s="437"/>
      <c r="JY3" s="437"/>
      <c r="JZ3" s="437"/>
      <c r="KA3" s="437"/>
      <c r="KB3" s="437"/>
      <c r="KC3" s="437"/>
      <c r="KD3" s="437"/>
      <c r="KE3" s="437"/>
      <c r="KF3" s="437"/>
      <c r="KG3" s="437"/>
      <c r="KH3" s="437"/>
      <c r="KI3" s="437"/>
      <c r="KJ3" s="437"/>
      <c r="KK3" s="437"/>
      <c r="KL3" s="437"/>
      <c r="KM3" s="438"/>
    </row>
    <row r="4" spans="2:299" ht="21" customHeight="1" thickBot="1" x14ac:dyDescent="0.25">
      <c r="B4" s="443"/>
      <c r="C4" s="439" t="s">
        <v>39</v>
      </c>
      <c r="D4" s="440"/>
      <c r="E4" s="440"/>
      <c r="F4" s="440"/>
      <c r="G4" s="440"/>
      <c r="H4" s="440"/>
      <c r="I4" s="440"/>
      <c r="J4" s="440"/>
      <c r="K4" s="440"/>
      <c r="L4" s="440"/>
      <c r="M4" s="440"/>
      <c r="N4" s="440"/>
      <c r="O4" s="440"/>
      <c r="P4" s="440"/>
      <c r="Q4" s="440"/>
      <c r="R4" s="440"/>
      <c r="S4" s="440"/>
      <c r="T4" s="440"/>
      <c r="U4" s="440"/>
      <c r="V4" s="440"/>
      <c r="W4" s="440"/>
      <c r="X4" s="440"/>
      <c r="Y4" s="440"/>
      <c r="Z4" s="440"/>
      <c r="AA4" s="440"/>
      <c r="AB4" s="440"/>
      <c r="AC4" s="440"/>
      <c r="AD4" s="440"/>
      <c r="AE4" s="440"/>
      <c r="AF4" s="440"/>
      <c r="AG4" s="440"/>
      <c r="AH4" s="440"/>
      <c r="AI4" s="440"/>
      <c r="AJ4" s="440"/>
      <c r="AK4" s="440"/>
      <c r="AL4" s="440"/>
      <c r="AM4" s="440"/>
      <c r="AN4" s="440"/>
      <c r="AO4" s="440"/>
      <c r="AP4" s="440"/>
      <c r="AQ4" s="440"/>
      <c r="AR4" s="440"/>
      <c r="AS4" s="440"/>
      <c r="AT4" s="440"/>
      <c r="AU4" s="440"/>
      <c r="AV4" s="440"/>
      <c r="AW4" s="440"/>
      <c r="AX4" s="440"/>
      <c r="AY4" s="440"/>
      <c r="AZ4" s="440"/>
      <c r="BA4" s="440"/>
      <c r="BB4" s="440"/>
      <c r="BC4" s="440"/>
      <c r="BD4" s="440"/>
      <c r="BE4" s="440"/>
      <c r="BF4" s="440"/>
      <c r="BG4" s="440"/>
      <c r="BH4" s="440"/>
      <c r="BI4" s="440"/>
      <c r="BJ4" s="440"/>
      <c r="BK4" s="440"/>
      <c r="BL4" s="440"/>
      <c r="BM4" s="440"/>
      <c r="BN4" s="440"/>
      <c r="BO4" s="440"/>
      <c r="BP4" s="440"/>
      <c r="BQ4" s="440"/>
      <c r="BR4" s="440"/>
      <c r="BS4" s="440"/>
      <c r="BT4" s="440"/>
      <c r="BU4" s="440"/>
      <c r="BV4" s="440"/>
      <c r="BW4" s="440"/>
      <c r="BX4" s="440"/>
      <c r="BY4" s="440"/>
      <c r="BZ4" s="440"/>
      <c r="CA4" s="441"/>
      <c r="CB4" s="425" t="s">
        <v>40</v>
      </c>
      <c r="CC4" s="426"/>
      <c r="CD4" s="426"/>
      <c r="CE4" s="426"/>
      <c r="CF4" s="426"/>
      <c r="CG4" s="426"/>
      <c r="CH4" s="426"/>
      <c r="CI4" s="426"/>
      <c r="CJ4" s="426"/>
      <c r="CK4" s="426"/>
      <c r="CL4" s="427"/>
      <c r="CM4" s="425" t="s">
        <v>41</v>
      </c>
      <c r="CN4" s="426"/>
      <c r="CO4" s="426"/>
      <c r="CP4" s="426"/>
      <c r="CQ4" s="426"/>
      <c r="CR4" s="426"/>
      <c r="CS4" s="426"/>
      <c r="CT4" s="426"/>
      <c r="CU4" s="426"/>
      <c r="CV4" s="426"/>
      <c r="CW4" s="427"/>
      <c r="CX4" s="439" t="s">
        <v>39</v>
      </c>
      <c r="CY4" s="440"/>
      <c r="CZ4" s="440"/>
      <c r="DA4" s="440"/>
      <c r="DB4" s="440"/>
      <c r="DC4" s="440"/>
      <c r="DD4" s="440"/>
      <c r="DE4" s="440"/>
      <c r="DF4" s="440"/>
      <c r="DG4" s="440"/>
      <c r="DH4" s="440"/>
      <c r="DI4" s="440"/>
      <c r="DJ4" s="440"/>
      <c r="DK4" s="440"/>
      <c r="DL4" s="440"/>
      <c r="DM4" s="440"/>
      <c r="DN4" s="440"/>
      <c r="DO4" s="440"/>
      <c r="DP4" s="440"/>
      <c r="DQ4" s="440"/>
      <c r="DR4" s="440"/>
      <c r="DS4" s="440"/>
      <c r="DT4" s="440"/>
      <c r="DU4" s="440"/>
      <c r="DV4" s="440"/>
      <c r="DW4" s="440"/>
      <c r="DX4" s="440"/>
      <c r="DY4" s="440"/>
      <c r="DZ4" s="440"/>
      <c r="EA4" s="440"/>
      <c r="EB4" s="440"/>
      <c r="EC4" s="440"/>
      <c r="ED4" s="440"/>
      <c r="EE4" s="440"/>
      <c r="EF4" s="440"/>
      <c r="EG4" s="440"/>
      <c r="EH4" s="440"/>
      <c r="EI4" s="440"/>
      <c r="EJ4" s="440"/>
      <c r="EK4" s="440"/>
      <c r="EL4" s="440"/>
      <c r="EM4" s="440"/>
      <c r="EN4" s="440"/>
      <c r="EO4" s="440"/>
      <c r="EP4" s="440"/>
      <c r="EQ4" s="440"/>
      <c r="ER4" s="440"/>
      <c r="ES4" s="440"/>
      <c r="ET4" s="440"/>
      <c r="EU4" s="440"/>
      <c r="EV4" s="440"/>
      <c r="EW4" s="440"/>
      <c r="EX4" s="440"/>
      <c r="EY4" s="440"/>
      <c r="EZ4" s="440"/>
      <c r="FA4" s="440"/>
      <c r="FB4" s="440"/>
      <c r="FC4" s="440"/>
      <c r="FD4" s="440"/>
      <c r="FE4" s="440"/>
      <c r="FF4" s="440"/>
      <c r="FG4" s="440"/>
      <c r="FH4" s="440"/>
      <c r="FI4" s="440"/>
      <c r="FJ4" s="440"/>
      <c r="FK4" s="440"/>
      <c r="FL4" s="440"/>
      <c r="FM4" s="440"/>
      <c r="FN4" s="440"/>
      <c r="FO4" s="440"/>
      <c r="FP4" s="440"/>
      <c r="FQ4" s="440"/>
      <c r="FR4" s="440"/>
      <c r="FS4" s="440"/>
      <c r="FT4" s="440"/>
      <c r="FU4" s="440"/>
      <c r="FV4" s="441"/>
      <c r="FW4" s="425" t="s">
        <v>40</v>
      </c>
      <c r="FX4" s="426"/>
      <c r="FY4" s="426"/>
      <c r="FZ4" s="426"/>
      <c r="GA4" s="426"/>
      <c r="GB4" s="426"/>
      <c r="GC4" s="426"/>
      <c r="GD4" s="426"/>
      <c r="GE4" s="426"/>
      <c r="GF4" s="426"/>
      <c r="GG4" s="427"/>
      <c r="GH4" s="425" t="s">
        <v>41</v>
      </c>
      <c r="GI4" s="426"/>
      <c r="GJ4" s="426"/>
      <c r="GK4" s="426"/>
      <c r="GL4" s="426"/>
      <c r="GM4" s="426"/>
      <c r="GN4" s="426"/>
      <c r="GO4" s="426"/>
      <c r="GP4" s="426"/>
      <c r="GQ4" s="426"/>
      <c r="GR4" s="427"/>
      <c r="GS4" s="439" t="s">
        <v>39</v>
      </c>
      <c r="GT4" s="440"/>
      <c r="GU4" s="440"/>
      <c r="GV4" s="440"/>
      <c r="GW4" s="440"/>
      <c r="GX4" s="440"/>
      <c r="GY4" s="440"/>
      <c r="GZ4" s="440"/>
      <c r="HA4" s="440"/>
      <c r="HB4" s="440"/>
      <c r="HC4" s="440"/>
      <c r="HD4" s="440"/>
      <c r="HE4" s="440"/>
      <c r="HF4" s="440"/>
      <c r="HG4" s="440"/>
      <c r="HH4" s="440"/>
      <c r="HI4" s="440"/>
      <c r="HJ4" s="440"/>
      <c r="HK4" s="440"/>
      <c r="HL4" s="440"/>
      <c r="HM4" s="440"/>
      <c r="HN4" s="440"/>
      <c r="HO4" s="440"/>
      <c r="HP4" s="440"/>
      <c r="HQ4" s="440"/>
      <c r="HR4" s="440"/>
      <c r="HS4" s="440"/>
      <c r="HT4" s="440"/>
      <c r="HU4" s="440"/>
      <c r="HV4" s="440"/>
      <c r="HW4" s="440"/>
      <c r="HX4" s="440"/>
      <c r="HY4" s="440"/>
      <c r="HZ4" s="440"/>
      <c r="IA4" s="440"/>
      <c r="IB4" s="440"/>
      <c r="IC4" s="440"/>
      <c r="ID4" s="440"/>
      <c r="IE4" s="440"/>
      <c r="IF4" s="440"/>
      <c r="IG4" s="440"/>
      <c r="IH4" s="440"/>
      <c r="II4" s="440"/>
      <c r="IJ4" s="440"/>
      <c r="IK4" s="440"/>
      <c r="IL4" s="440"/>
      <c r="IM4" s="440"/>
      <c r="IN4" s="440"/>
      <c r="IO4" s="440"/>
      <c r="IP4" s="440"/>
      <c r="IQ4" s="440"/>
      <c r="IR4" s="440"/>
      <c r="IS4" s="440"/>
      <c r="IT4" s="440"/>
      <c r="IU4" s="440"/>
      <c r="IV4" s="440"/>
      <c r="IW4" s="440"/>
      <c r="IX4" s="440"/>
      <c r="IY4" s="440"/>
      <c r="IZ4" s="440"/>
      <c r="JA4" s="440"/>
      <c r="JB4" s="440"/>
      <c r="JC4" s="440"/>
      <c r="JD4" s="440"/>
      <c r="JE4" s="440"/>
      <c r="JF4" s="440"/>
      <c r="JG4" s="440"/>
      <c r="JH4" s="440"/>
      <c r="JI4" s="440"/>
      <c r="JJ4" s="440"/>
      <c r="JK4" s="440"/>
      <c r="JL4" s="440"/>
      <c r="JM4" s="440"/>
      <c r="JN4" s="440"/>
      <c r="JO4" s="440"/>
      <c r="JP4" s="440"/>
      <c r="JQ4" s="441"/>
      <c r="JR4" s="425" t="s">
        <v>40</v>
      </c>
      <c r="JS4" s="426"/>
      <c r="JT4" s="426"/>
      <c r="JU4" s="426"/>
      <c r="JV4" s="426"/>
      <c r="JW4" s="426"/>
      <c r="JX4" s="426"/>
      <c r="JY4" s="426"/>
      <c r="JZ4" s="426"/>
      <c r="KA4" s="426"/>
      <c r="KB4" s="427"/>
      <c r="KC4" s="425" t="s">
        <v>41</v>
      </c>
      <c r="KD4" s="426"/>
      <c r="KE4" s="426"/>
      <c r="KF4" s="426"/>
      <c r="KG4" s="426"/>
      <c r="KH4" s="426"/>
      <c r="KI4" s="426"/>
      <c r="KJ4" s="426"/>
      <c r="KK4" s="426"/>
      <c r="KL4" s="426"/>
      <c r="KM4" s="427"/>
    </row>
    <row r="5" spans="2:299" ht="21" customHeight="1" thickBot="1" x14ac:dyDescent="0.25">
      <c r="B5" s="431"/>
      <c r="C5" s="431"/>
      <c r="D5" s="432"/>
      <c r="E5" s="432"/>
      <c r="F5" s="432"/>
      <c r="G5" s="432"/>
      <c r="H5" s="432"/>
      <c r="I5" s="432"/>
      <c r="J5" s="432"/>
      <c r="K5" s="432"/>
      <c r="L5" s="432"/>
      <c r="M5" s="433"/>
      <c r="N5" s="434" t="s">
        <v>97</v>
      </c>
      <c r="O5" s="435"/>
      <c r="P5" s="435"/>
      <c r="Q5" s="435"/>
      <c r="R5" s="435"/>
      <c r="S5" s="435"/>
      <c r="T5" s="435"/>
      <c r="U5" s="435"/>
      <c r="V5" s="435"/>
      <c r="W5" s="435"/>
      <c r="X5" s="436"/>
      <c r="Y5" s="434" t="s">
        <v>98</v>
      </c>
      <c r="Z5" s="435"/>
      <c r="AA5" s="435"/>
      <c r="AB5" s="435"/>
      <c r="AC5" s="435"/>
      <c r="AD5" s="435"/>
      <c r="AE5" s="435"/>
      <c r="AF5" s="435"/>
      <c r="AG5" s="435"/>
      <c r="AH5" s="435"/>
      <c r="AI5" s="436"/>
      <c r="AJ5" s="434" t="s">
        <v>99</v>
      </c>
      <c r="AK5" s="435"/>
      <c r="AL5" s="435"/>
      <c r="AM5" s="435"/>
      <c r="AN5" s="435"/>
      <c r="AO5" s="435"/>
      <c r="AP5" s="435"/>
      <c r="AQ5" s="435"/>
      <c r="AR5" s="435"/>
      <c r="AS5" s="435"/>
      <c r="AT5" s="436"/>
      <c r="AU5" s="434" t="s">
        <v>100</v>
      </c>
      <c r="AV5" s="435"/>
      <c r="AW5" s="435"/>
      <c r="AX5" s="435"/>
      <c r="AY5" s="435"/>
      <c r="AZ5" s="435"/>
      <c r="BA5" s="435"/>
      <c r="BB5" s="435"/>
      <c r="BC5" s="435"/>
      <c r="BD5" s="435"/>
      <c r="BE5" s="436"/>
      <c r="BF5" s="434" t="s">
        <v>161</v>
      </c>
      <c r="BG5" s="435"/>
      <c r="BH5" s="435"/>
      <c r="BI5" s="435"/>
      <c r="BJ5" s="435"/>
      <c r="BK5" s="435"/>
      <c r="BL5" s="435"/>
      <c r="BM5" s="435"/>
      <c r="BN5" s="435"/>
      <c r="BO5" s="435"/>
      <c r="BP5" s="436"/>
      <c r="BQ5" s="434" t="s">
        <v>101</v>
      </c>
      <c r="BR5" s="435"/>
      <c r="BS5" s="435"/>
      <c r="BT5" s="435"/>
      <c r="BU5" s="435"/>
      <c r="BV5" s="435"/>
      <c r="BW5" s="435"/>
      <c r="BX5" s="435"/>
      <c r="BY5" s="435"/>
      <c r="BZ5" s="435"/>
      <c r="CA5" s="436"/>
      <c r="CB5" s="428"/>
      <c r="CC5" s="429"/>
      <c r="CD5" s="429"/>
      <c r="CE5" s="429"/>
      <c r="CF5" s="429"/>
      <c r="CG5" s="429"/>
      <c r="CH5" s="429"/>
      <c r="CI5" s="429"/>
      <c r="CJ5" s="429"/>
      <c r="CK5" s="429"/>
      <c r="CL5" s="430"/>
      <c r="CM5" s="428"/>
      <c r="CN5" s="429"/>
      <c r="CO5" s="429"/>
      <c r="CP5" s="429"/>
      <c r="CQ5" s="429"/>
      <c r="CR5" s="429"/>
      <c r="CS5" s="429"/>
      <c r="CT5" s="429"/>
      <c r="CU5" s="429"/>
      <c r="CV5" s="429"/>
      <c r="CW5" s="430"/>
      <c r="CX5" s="431"/>
      <c r="CY5" s="432"/>
      <c r="CZ5" s="432"/>
      <c r="DA5" s="432"/>
      <c r="DB5" s="432"/>
      <c r="DC5" s="432"/>
      <c r="DD5" s="432"/>
      <c r="DE5" s="432"/>
      <c r="DF5" s="432"/>
      <c r="DG5" s="432"/>
      <c r="DH5" s="433"/>
      <c r="DI5" s="434" t="s">
        <v>97</v>
      </c>
      <c r="DJ5" s="435"/>
      <c r="DK5" s="435"/>
      <c r="DL5" s="435"/>
      <c r="DM5" s="435"/>
      <c r="DN5" s="435"/>
      <c r="DO5" s="435"/>
      <c r="DP5" s="435"/>
      <c r="DQ5" s="435"/>
      <c r="DR5" s="435"/>
      <c r="DS5" s="436"/>
      <c r="DT5" s="434" t="s">
        <v>98</v>
      </c>
      <c r="DU5" s="435"/>
      <c r="DV5" s="435"/>
      <c r="DW5" s="435"/>
      <c r="DX5" s="435"/>
      <c r="DY5" s="435"/>
      <c r="DZ5" s="435"/>
      <c r="EA5" s="435"/>
      <c r="EB5" s="435"/>
      <c r="EC5" s="435"/>
      <c r="ED5" s="436"/>
      <c r="EE5" s="434" t="s">
        <v>99</v>
      </c>
      <c r="EF5" s="435"/>
      <c r="EG5" s="435"/>
      <c r="EH5" s="435"/>
      <c r="EI5" s="435"/>
      <c r="EJ5" s="435"/>
      <c r="EK5" s="435"/>
      <c r="EL5" s="435"/>
      <c r="EM5" s="435"/>
      <c r="EN5" s="435"/>
      <c r="EO5" s="436"/>
      <c r="EP5" s="434" t="s">
        <v>100</v>
      </c>
      <c r="EQ5" s="435"/>
      <c r="ER5" s="435"/>
      <c r="ES5" s="435"/>
      <c r="ET5" s="435"/>
      <c r="EU5" s="435"/>
      <c r="EV5" s="435"/>
      <c r="EW5" s="435"/>
      <c r="EX5" s="435"/>
      <c r="EY5" s="435"/>
      <c r="EZ5" s="436"/>
      <c r="FA5" s="434" t="s">
        <v>161</v>
      </c>
      <c r="FB5" s="435"/>
      <c r="FC5" s="435"/>
      <c r="FD5" s="435"/>
      <c r="FE5" s="435"/>
      <c r="FF5" s="435"/>
      <c r="FG5" s="435"/>
      <c r="FH5" s="435"/>
      <c r="FI5" s="435"/>
      <c r="FJ5" s="435"/>
      <c r="FK5" s="436"/>
      <c r="FL5" s="434" t="s">
        <v>101</v>
      </c>
      <c r="FM5" s="435"/>
      <c r="FN5" s="435"/>
      <c r="FO5" s="435"/>
      <c r="FP5" s="435"/>
      <c r="FQ5" s="435"/>
      <c r="FR5" s="435"/>
      <c r="FS5" s="435"/>
      <c r="FT5" s="435"/>
      <c r="FU5" s="435"/>
      <c r="FV5" s="436"/>
      <c r="FW5" s="428"/>
      <c r="FX5" s="429"/>
      <c r="FY5" s="429"/>
      <c r="FZ5" s="429"/>
      <c r="GA5" s="429"/>
      <c r="GB5" s="429"/>
      <c r="GC5" s="429"/>
      <c r="GD5" s="429"/>
      <c r="GE5" s="429"/>
      <c r="GF5" s="429"/>
      <c r="GG5" s="430"/>
      <c r="GH5" s="428"/>
      <c r="GI5" s="429"/>
      <c r="GJ5" s="429"/>
      <c r="GK5" s="429"/>
      <c r="GL5" s="429"/>
      <c r="GM5" s="429"/>
      <c r="GN5" s="429"/>
      <c r="GO5" s="429"/>
      <c r="GP5" s="429"/>
      <c r="GQ5" s="429"/>
      <c r="GR5" s="430"/>
      <c r="GS5" s="431"/>
      <c r="GT5" s="432"/>
      <c r="GU5" s="432"/>
      <c r="GV5" s="432"/>
      <c r="GW5" s="432"/>
      <c r="GX5" s="432"/>
      <c r="GY5" s="432"/>
      <c r="GZ5" s="432"/>
      <c r="HA5" s="432"/>
      <c r="HB5" s="432"/>
      <c r="HC5" s="433"/>
      <c r="HD5" s="434" t="s">
        <v>97</v>
      </c>
      <c r="HE5" s="435"/>
      <c r="HF5" s="435"/>
      <c r="HG5" s="435"/>
      <c r="HH5" s="435"/>
      <c r="HI5" s="435"/>
      <c r="HJ5" s="435"/>
      <c r="HK5" s="435"/>
      <c r="HL5" s="435"/>
      <c r="HM5" s="435"/>
      <c r="HN5" s="436"/>
      <c r="HO5" s="434" t="s">
        <v>98</v>
      </c>
      <c r="HP5" s="435"/>
      <c r="HQ5" s="435"/>
      <c r="HR5" s="435"/>
      <c r="HS5" s="435"/>
      <c r="HT5" s="435"/>
      <c r="HU5" s="435"/>
      <c r="HV5" s="435"/>
      <c r="HW5" s="435"/>
      <c r="HX5" s="435"/>
      <c r="HY5" s="436"/>
      <c r="HZ5" s="434" t="s">
        <v>99</v>
      </c>
      <c r="IA5" s="435"/>
      <c r="IB5" s="435"/>
      <c r="IC5" s="435"/>
      <c r="ID5" s="435"/>
      <c r="IE5" s="435"/>
      <c r="IF5" s="435"/>
      <c r="IG5" s="435"/>
      <c r="IH5" s="435"/>
      <c r="II5" s="435"/>
      <c r="IJ5" s="436"/>
      <c r="IK5" s="434" t="s">
        <v>100</v>
      </c>
      <c r="IL5" s="435"/>
      <c r="IM5" s="435"/>
      <c r="IN5" s="435"/>
      <c r="IO5" s="435"/>
      <c r="IP5" s="435"/>
      <c r="IQ5" s="435"/>
      <c r="IR5" s="435"/>
      <c r="IS5" s="435"/>
      <c r="IT5" s="435"/>
      <c r="IU5" s="436"/>
      <c r="IV5" s="434" t="s">
        <v>161</v>
      </c>
      <c r="IW5" s="435"/>
      <c r="IX5" s="435"/>
      <c r="IY5" s="435"/>
      <c r="IZ5" s="435"/>
      <c r="JA5" s="435"/>
      <c r="JB5" s="435"/>
      <c r="JC5" s="435"/>
      <c r="JD5" s="435"/>
      <c r="JE5" s="435"/>
      <c r="JF5" s="436"/>
      <c r="JG5" s="434" t="s">
        <v>101</v>
      </c>
      <c r="JH5" s="435"/>
      <c r="JI5" s="435"/>
      <c r="JJ5" s="435"/>
      <c r="JK5" s="435"/>
      <c r="JL5" s="435"/>
      <c r="JM5" s="435"/>
      <c r="JN5" s="435"/>
      <c r="JO5" s="435"/>
      <c r="JP5" s="435"/>
      <c r="JQ5" s="436"/>
      <c r="JR5" s="428"/>
      <c r="JS5" s="429"/>
      <c r="JT5" s="429"/>
      <c r="JU5" s="429"/>
      <c r="JV5" s="429"/>
      <c r="JW5" s="429"/>
      <c r="JX5" s="429"/>
      <c r="JY5" s="429"/>
      <c r="JZ5" s="429"/>
      <c r="KA5" s="429"/>
      <c r="KB5" s="430"/>
      <c r="KC5" s="428"/>
      <c r="KD5" s="429"/>
      <c r="KE5" s="429"/>
      <c r="KF5" s="429"/>
      <c r="KG5" s="429"/>
      <c r="KH5" s="429"/>
      <c r="KI5" s="429"/>
      <c r="KJ5" s="429"/>
      <c r="KK5" s="429"/>
      <c r="KL5" s="429"/>
      <c r="KM5" s="430"/>
    </row>
    <row r="6" spans="2:299" ht="30" customHeight="1" thickBot="1" x14ac:dyDescent="0.25">
      <c r="B6" s="72" t="s">
        <v>42</v>
      </c>
      <c r="C6" s="73" t="s">
        <v>43</v>
      </c>
      <c r="D6" s="74" t="s">
        <v>44</v>
      </c>
      <c r="E6" s="75" t="s">
        <v>45</v>
      </c>
      <c r="F6" s="76" t="s">
        <v>46</v>
      </c>
      <c r="G6" s="74" t="s">
        <v>47</v>
      </c>
      <c r="H6" s="74" t="s">
        <v>48</v>
      </c>
      <c r="I6" s="74" t="s">
        <v>49</v>
      </c>
      <c r="J6" s="74" t="s">
        <v>50</v>
      </c>
      <c r="K6" s="74" t="s">
        <v>51</v>
      </c>
      <c r="L6" s="75" t="s">
        <v>45</v>
      </c>
      <c r="M6" s="77" t="s">
        <v>52</v>
      </c>
      <c r="N6" s="78" t="s">
        <v>43</v>
      </c>
      <c r="O6" s="79" t="s">
        <v>44</v>
      </c>
      <c r="P6" s="80" t="s">
        <v>45</v>
      </c>
      <c r="Q6" s="81" t="s">
        <v>46</v>
      </c>
      <c r="R6" s="79" t="s">
        <v>47</v>
      </c>
      <c r="S6" s="79" t="s">
        <v>48</v>
      </c>
      <c r="T6" s="79" t="s">
        <v>49</v>
      </c>
      <c r="U6" s="79" t="s">
        <v>50</v>
      </c>
      <c r="V6" s="79" t="s">
        <v>51</v>
      </c>
      <c r="W6" s="80" t="s">
        <v>45</v>
      </c>
      <c r="X6" s="82" t="s">
        <v>52</v>
      </c>
      <c r="Y6" s="78" t="s">
        <v>43</v>
      </c>
      <c r="Z6" s="79" t="s">
        <v>44</v>
      </c>
      <c r="AA6" s="80" t="s">
        <v>45</v>
      </c>
      <c r="AB6" s="81" t="s">
        <v>46</v>
      </c>
      <c r="AC6" s="79" t="s">
        <v>47</v>
      </c>
      <c r="AD6" s="79" t="s">
        <v>48</v>
      </c>
      <c r="AE6" s="79" t="s">
        <v>49</v>
      </c>
      <c r="AF6" s="79" t="s">
        <v>50</v>
      </c>
      <c r="AG6" s="79" t="s">
        <v>51</v>
      </c>
      <c r="AH6" s="80" t="s">
        <v>45</v>
      </c>
      <c r="AI6" s="83" t="s">
        <v>52</v>
      </c>
      <c r="AJ6" s="78" t="s">
        <v>43</v>
      </c>
      <c r="AK6" s="79" t="s">
        <v>44</v>
      </c>
      <c r="AL6" s="80" t="s">
        <v>45</v>
      </c>
      <c r="AM6" s="81" t="s">
        <v>46</v>
      </c>
      <c r="AN6" s="79" t="s">
        <v>47</v>
      </c>
      <c r="AO6" s="79" t="s">
        <v>48</v>
      </c>
      <c r="AP6" s="79" t="s">
        <v>49</v>
      </c>
      <c r="AQ6" s="79" t="s">
        <v>50</v>
      </c>
      <c r="AR6" s="79" t="s">
        <v>51</v>
      </c>
      <c r="AS6" s="80" t="s">
        <v>45</v>
      </c>
      <c r="AT6" s="83" t="s">
        <v>52</v>
      </c>
      <c r="AU6" s="78" t="s">
        <v>43</v>
      </c>
      <c r="AV6" s="79" t="s">
        <v>44</v>
      </c>
      <c r="AW6" s="80" t="s">
        <v>45</v>
      </c>
      <c r="AX6" s="81" t="s">
        <v>46</v>
      </c>
      <c r="AY6" s="79" t="s">
        <v>47</v>
      </c>
      <c r="AZ6" s="79" t="s">
        <v>48</v>
      </c>
      <c r="BA6" s="79" t="s">
        <v>49</v>
      </c>
      <c r="BB6" s="79" t="s">
        <v>50</v>
      </c>
      <c r="BC6" s="79" t="s">
        <v>51</v>
      </c>
      <c r="BD6" s="80" t="s">
        <v>45</v>
      </c>
      <c r="BE6" s="83" t="s">
        <v>52</v>
      </c>
      <c r="BF6" s="78" t="s">
        <v>43</v>
      </c>
      <c r="BG6" s="79" t="s">
        <v>44</v>
      </c>
      <c r="BH6" s="80" t="s">
        <v>45</v>
      </c>
      <c r="BI6" s="81" t="s">
        <v>46</v>
      </c>
      <c r="BJ6" s="79" t="s">
        <v>47</v>
      </c>
      <c r="BK6" s="79" t="s">
        <v>48</v>
      </c>
      <c r="BL6" s="79" t="s">
        <v>49</v>
      </c>
      <c r="BM6" s="79" t="s">
        <v>50</v>
      </c>
      <c r="BN6" s="79" t="s">
        <v>51</v>
      </c>
      <c r="BO6" s="80" t="s">
        <v>45</v>
      </c>
      <c r="BP6" s="83" t="s">
        <v>52</v>
      </c>
      <c r="BQ6" s="78" t="s">
        <v>43</v>
      </c>
      <c r="BR6" s="79" t="s">
        <v>44</v>
      </c>
      <c r="BS6" s="80" t="s">
        <v>45</v>
      </c>
      <c r="BT6" s="81" t="s">
        <v>46</v>
      </c>
      <c r="BU6" s="79" t="s">
        <v>47</v>
      </c>
      <c r="BV6" s="79" t="s">
        <v>48</v>
      </c>
      <c r="BW6" s="79" t="s">
        <v>49</v>
      </c>
      <c r="BX6" s="79" t="s">
        <v>50</v>
      </c>
      <c r="BY6" s="79" t="s">
        <v>51</v>
      </c>
      <c r="BZ6" s="80" t="s">
        <v>45</v>
      </c>
      <c r="CA6" s="83" t="s">
        <v>52</v>
      </c>
      <c r="CB6" s="78" t="s">
        <v>43</v>
      </c>
      <c r="CC6" s="79" t="s">
        <v>44</v>
      </c>
      <c r="CD6" s="80" t="s">
        <v>45</v>
      </c>
      <c r="CE6" s="81" t="s">
        <v>46</v>
      </c>
      <c r="CF6" s="79" t="s">
        <v>47</v>
      </c>
      <c r="CG6" s="79" t="s">
        <v>48</v>
      </c>
      <c r="CH6" s="79" t="s">
        <v>49</v>
      </c>
      <c r="CI6" s="79" t="s">
        <v>50</v>
      </c>
      <c r="CJ6" s="79" t="s">
        <v>51</v>
      </c>
      <c r="CK6" s="80" t="s">
        <v>45</v>
      </c>
      <c r="CL6" s="83" t="s">
        <v>52</v>
      </c>
      <c r="CM6" s="78" t="s">
        <v>43</v>
      </c>
      <c r="CN6" s="79" t="s">
        <v>44</v>
      </c>
      <c r="CO6" s="80" t="s">
        <v>45</v>
      </c>
      <c r="CP6" s="81" t="s">
        <v>46</v>
      </c>
      <c r="CQ6" s="79" t="s">
        <v>47</v>
      </c>
      <c r="CR6" s="79" t="s">
        <v>48</v>
      </c>
      <c r="CS6" s="79" t="s">
        <v>49</v>
      </c>
      <c r="CT6" s="79" t="s">
        <v>50</v>
      </c>
      <c r="CU6" s="79" t="s">
        <v>51</v>
      </c>
      <c r="CV6" s="80" t="s">
        <v>45</v>
      </c>
      <c r="CW6" s="83" t="s">
        <v>52</v>
      </c>
      <c r="CX6" s="73" t="s">
        <v>43</v>
      </c>
      <c r="CY6" s="74" t="s">
        <v>44</v>
      </c>
      <c r="CZ6" s="75" t="s">
        <v>45</v>
      </c>
      <c r="DA6" s="76" t="s">
        <v>46</v>
      </c>
      <c r="DB6" s="74" t="s">
        <v>47</v>
      </c>
      <c r="DC6" s="74" t="s">
        <v>48</v>
      </c>
      <c r="DD6" s="74" t="s">
        <v>49</v>
      </c>
      <c r="DE6" s="74" t="s">
        <v>50</v>
      </c>
      <c r="DF6" s="74" t="s">
        <v>51</v>
      </c>
      <c r="DG6" s="75" t="s">
        <v>45</v>
      </c>
      <c r="DH6" s="77" t="s">
        <v>52</v>
      </c>
      <c r="DI6" s="78" t="s">
        <v>43</v>
      </c>
      <c r="DJ6" s="79" t="s">
        <v>44</v>
      </c>
      <c r="DK6" s="80" t="s">
        <v>45</v>
      </c>
      <c r="DL6" s="81" t="s">
        <v>46</v>
      </c>
      <c r="DM6" s="79" t="s">
        <v>47</v>
      </c>
      <c r="DN6" s="79" t="s">
        <v>48</v>
      </c>
      <c r="DO6" s="79" t="s">
        <v>49</v>
      </c>
      <c r="DP6" s="79" t="s">
        <v>50</v>
      </c>
      <c r="DQ6" s="79" t="s">
        <v>51</v>
      </c>
      <c r="DR6" s="80" t="s">
        <v>45</v>
      </c>
      <c r="DS6" s="83" t="s">
        <v>52</v>
      </c>
      <c r="DT6" s="78" t="s">
        <v>43</v>
      </c>
      <c r="DU6" s="79" t="s">
        <v>44</v>
      </c>
      <c r="DV6" s="80" t="s">
        <v>45</v>
      </c>
      <c r="DW6" s="81" t="s">
        <v>46</v>
      </c>
      <c r="DX6" s="79" t="s">
        <v>47</v>
      </c>
      <c r="DY6" s="79" t="s">
        <v>48</v>
      </c>
      <c r="DZ6" s="79" t="s">
        <v>49</v>
      </c>
      <c r="EA6" s="79" t="s">
        <v>50</v>
      </c>
      <c r="EB6" s="79" t="s">
        <v>51</v>
      </c>
      <c r="EC6" s="80" t="s">
        <v>45</v>
      </c>
      <c r="ED6" s="83" t="s">
        <v>52</v>
      </c>
      <c r="EE6" s="78" t="s">
        <v>43</v>
      </c>
      <c r="EF6" s="79" t="s">
        <v>44</v>
      </c>
      <c r="EG6" s="80" t="s">
        <v>45</v>
      </c>
      <c r="EH6" s="81" t="s">
        <v>46</v>
      </c>
      <c r="EI6" s="79" t="s">
        <v>47</v>
      </c>
      <c r="EJ6" s="79" t="s">
        <v>48</v>
      </c>
      <c r="EK6" s="79" t="s">
        <v>49</v>
      </c>
      <c r="EL6" s="79" t="s">
        <v>50</v>
      </c>
      <c r="EM6" s="79" t="s">
        <v>51</v>
      </c>
      <c r="EN6" s="80" t="s">
        <v>45</v>
      </c>
      <c r="EO6" s="83" t="s">
        <v>52</v>
      </c>
      <c r="EP6" s="78" t="s">
        <v>43</v>
      </c>
      <c r="EQ6" s="79" t="s">
        <v>44</v>
      </c>
      <c r="ER6" s="80" t="s">
        <v>45</v>
      </c>
      <c r="ES6" s="81" t="s">
        <v>46</v>
      </c>
      <c r="ET6" s="79" t="s">
        <v>47</v>
      </c>
      <c r="EU6" s="79" t="s">
        <v>48</v>
      </c>
      <c r="EV6" s="79" t="s">
        <v>49</v>
      </c>
      <c r="EW6" s="79" t="s">
        <v>50</v>
      </c>
      <c r="EX6" s="79" t="s">
        <v>51</v>
      </c>
      <c r="EY6" s="80" t="s">
        <v>45</v>
      </c>
      <c r="EZ6" s="83" t="s">
        <v>52</v>
      </c>
      <c r="FA6" s="78" t="s">
        <v>43</v>
      </c>
      <c r="FB6" s="79" t="s">
        <v>44</v>
      </c>
      <c r="FC6" s="80" t="s">
        <v>45</v>
      </c>
      <c r="FD6" s="81" t="s">
        <v>46</v>
      </c>
      <c r="FE6" s="79" t="s">
        <v>47</v>
      </c>
      <c r="FF6" s="79" t="s">
        <v>48</v>
      </c>
      <c r="FG6" s="79" t="s">
        <v>49</v>
      </c>
      <c r="FH6" s="79" t="s">
        <v>50</v>
      </c>
      <c r="FI6" s="79" t="s">
        <v>51</v>
      </c>
      <c r="FJ6" s="80" t="s">
        <v>45</v>
      </c>
      <c r="FK6" s="83" t="s">
        <v>52</v>
      </c>
      <c r="FL6" s="78" t="s">
        <v>43</v>
      </c>
      <c r="FM6" s="79" t="s">
        <v>44</v>
      </c>
      <c r="FN6" s="80" t="s">
        <v>45</v>
      </c>
      <c r="FO6" s="81" t="s">
        <v>46</v>
      </c>
      <c r="FP6" s="79" t="s">
        <v>47</v>
      </c>
      <c r="FQ6" s="79" t="s">
        <v>48</v>
      </c>
      <c r="FR6" s="79" t="s">
        <v>49</v>
      </c>
      <c r="FS6" s="79" t="s">
        <v>50</v>
      </c>
      <c r="FT6" s="79" t="s">
        <v>51</v>
      </c>
      <c r="FU6" s="80" t="s">
        <v>45</v>
      </c>
      <c r="FV6" s="83" t="s">
        <v>52</v>
      </c>
      <c r="FW6" s="78" t="s">
        <v>43</v>
      </c>
      <c r="FX6" s="79" t="s">
        <v>44</v>
      </c>
      <c r="FY6" s="80" t="s">
        <v>45</v>
      </c>
      <c r="FZ6" s="81" t="s">
        <v>46</v>
      </c>
      <c r="GA6" s="79" t="s">
        <v>47</v>
      </c>
      <c r="GB6" s="79" t="s">
        <v>48</v>
      </c>
      <c r="GC6" s="79" t="s">
        <v>49</v>
      </c>
      <c r="GD6" s="79" t="s">
        <v>50</v>
      </c>
      <c r="GE6" s="79" t="s">
        <v>51</v>
      </c>
      <c r="GF6" s="80" t="s">
        <v>45</v>
      </c>
      <c r="GG6" s="83" t="s">
        <v>52</v>
      </c>
      <c r="GH6" s="78" t="s">
        <v>43</v>
      </c>
      <c r="GI6" s="79" t="s">
        <v>44</v>
      </c>
      <c r="GJ6" s="80" t="s">
        <v>45</v>
      </c>
      <c r="GK6" s="81" t="s">
        <v>46</v>
      </c>
      <c r="GL6" s="79" t="s">
        <v>47</v>
      </c>
      <c r="GM6" s="79" t="s">
        <v>48</v>
      </c>
      <c r="GN6" s="79" t="s">
        <v>49</v>
      </c>
      <c r="GO6" s="79" t="s">
        <v>50</v>
      </c>
      <c r="GP6" s="79" t="s">
        <v>51</v>
      </c>
      <c r="GQ6" s="80" t="s">
        <v>45</v>
      </c>
      <c r="GR6" s="83" t="s">
        <v>52</v>
      </c>
      <c r="GS6" s="73" t="s">
        <v>43</v>
      </c>
      <c r="GT6" s="74" t="s">
        <v>44</v>
      </c>
      <c r="GU6" s="75" t="s">
        <v>45</v>
      </c>
      <c r="GV6" s="76" t="s">
        <v>46</v>
      </c>
      <c r="GW6" s="74" t="s">
        <v>47</v>
      </c>
      <c r="GX6" s="74" t="s">
        <v>48</v>
      </c>
      <c r="GY6" s="74" t="s">
        <v>49</v>
      </c>
      <c r="GZ6" s="74" t="s">
        <v>50</v>
      </c>
      <c r="HA6" s="74" t="s">
        <v>51</v>
      </c>
      <c r="HB6" s="75" t="s">
        <v>45</v>
      </c>
      <c r="HC6" s="77" t="s">
        <v>52</v>
      </c>
      <c r="HD6" s="78" t="s">
        <v>43</v>
      </c>
      <c r="HE6" s="79" t="s">
        <v>44</v>
      </c>
      <c r="HF6" s="80" t="s">
        <v>45</v>
      </c>
      <c r="HG6" s="81" t="s">
        <v>46</v>
      </c>
      <c r="HH6" s="79" t="s">
        <v>47</v>
      </c>
      <c r="HI6" s="79" t="s">
        <v>48</v>
      </c>
      <c r="HJ6" s="79" t="s">
        <v>49</v>
      </c>
      <c r="HK6" s="79" t="s">
        <v>50</v>
      </c>
      <c r="HL6" s="79" t="s">
        <v>51</v>
      </c>
      <c r="HM6" s="80" t="s">
        <v>45</v>
      </c>
      <c r="HN6" s="83" t="s">
        <v>52</v>
      </c>
      <c r="HO6" s="78" t="s">
        <v>43</v>
      </c>
      <c r="HP6" s="79" t="s">
        <v>44</v>
      </c>
      <c r="HQ6" s="80" t="s">
        <v>45</v>
      </c>
      <c r="HR6" s="81" t="s">
        <v>46</v>
      </c>
      <c r="HS6" s="79" t="s">
        <v>47</v>
      </c>
      <c r="HT6" s="79" t="s">
        <v>48</v>
      </c>
      <c r="HU6" s="79" t="s">
        <v>49</v>
      </c>
      <c r="HV6" s="79" t="s">
        <v>50</v>
      </c>
      <c r="HW6" s="79" t="s">
        <v>51</v>
      </c>
      <c r="HX6" s="80" t="s">
        <v>45</v>
      </c>
      <c r="HY6" s="83" t="s">
        <v>52</v>
      </c>
      <c r="HZ6" s="78" t="s">
        <v>43</v>
      </c>
      <c r="IA6" s="79" t="s">
        <v>44</v>
      </c>
      <c r="IB6" s="80" t="s">
        <v>45</v>
      </c>
      <c r="IC6" s="81" t="s">
        <v>46</v>
      </c>
      <c r="ID6" s="79" t="s">
        <v>47</v>
      </c>
      <c r="IE6" s="79" t="s">
        <v>48</v>
      </c>
      <c r="IF6" s="79" t="s">
        <v>49</v>
      </c>
      <c r="IG6" s="79" t="s">
        <v>50</v>
      </c>
      <c r="IH6" s="79" t="s">
        <v>51</v>
      </c>
      <c r="II6" s="80" t="s">
        <v>45</v>
      </c>
      <c r="IJ6" s="83" t="s">
        <v>52</v>
      </c>
      <c r="IK6" s="78" t="s">
        <v>43</v>
      </c>
      <c r="IL6" s="79" t="s">
        <v>44</v>
      </c>
      <c r="IM6" s="80" t="s">
        <v>45</v>
      </c>
      <c r="IN6" s="81" t="s">
        <v>46</v>
      </c>
      <c r="IO6" s="79" t="s">
        <v>47</v>
      </c>
      <c r="IP6" s="79" t="s">
        <v>48</v>
      </c>
      <c r="IQ6" s="79" t="s">
        <v>49</v>
      </c>
      <c r="IR6" s="79" t="s">
        <v>50</v>
      </c>
      <c r="IS6" s="79" t="s">
        <v>51</v>
      </c>
      <c r="IT6" s="80" t="s">
        <v>45</v>
      </c>
      <c r="IU6" s="83" t="s">
        <v>52</v>
      </c>
      <c r="IV6" s="78" t="s">
        <v>43</v>
      </c>
      <c r="IW6" s="79" t="s">
        <v>44</v>
      </c>
      <c r="IX6" s="80" t="s">
        <v>45</v>
      </c>
      <c r="IY6" s="81" t="s">
        <v>46</v>
      </c>
      <c r="IZ6" s="79" t="s">
        <v>47</v>
      </c>
      <c r="JA6" s="79" t="s">
        <v>48</v>
      </c>
      <c r="JB6" s="79" t="s">
        <v>49</v>
      </c>
      <c r="JC6" s="79" t="s">
        <v>50</v>
      </c>
      <c r="JD6" s="79" t="s">
        <v>51</v>
      </c>
      <c r="JE6" s="80" t="s">
        <v>45</v>
      </c>
      <c r="JF6" s="83" t="s">
        <v>52</v>
      </c>
      <c r="JG6" s="78" t="s">
        <v>43</v>
      </c>
      <c r="JH6" s="79" t="s">
        <v>44</v>
      </c>
      <c r="JI6" s="80" t="s">
        <v>45</v>
      </c>
      <c r="JJ6" s="81" t="s">
        <v>46</v>
      </c>
      <c r="JK6" s="79" t="s">
        <v>47</v>
      </c>
      <c r="JL6" s="79" t="s">
        <v>48</v>
      </c>
      <c r="JM6" s="79" t="s">
        <v>49</v>
      </c>
      <c r="JN6" s="79" t="s">
        <v>50</v>
      </c>
      <c r="JO6" s="79" t="s">
        <v>51</v>
      </c>
      <c r="JP6" s="80" t="s">
        <v>45</v>
      </c>
      <c r="JQ6" s="83" t="s">
        <v>52</v>
      </c>
      <c r="JR6" s="78" t="s">
        <v>43</v>
      </c>
      <c r="JS6" s="79" t="s">
        <v>44</v>
      </c>
      <c r="JT6" s="80" t="s">
        <v>45</v>
      </c>
      <c r="JU6" s="81" t="s">
        <v>46</v>
      </c>
      <c r="JV6" s="79" t="s">
        <v>47</v>
      </c>
      <c r="JW6" s="79" t="s">
        <v>48</v>
      </c>
      <c r="JX6" s="79" t="s">
        <v>49</v>
      </c>
      <c r="JY6" s="79" t="s">
        <v>50</v>
      </c>
      <c r="JZ6" s="79" t="s">
        <v>51</v>
      </c>
      <c r="KA6" s="80" t="s">
        <v>45</v>
      </c>
      <c r="KB6" s="83" t="s">
        <v>52</v>
      </c>
      <c r="KC6" s="78" t="s">
        <v>43</v>
      </c>
      <c r="KD6" s="79" t="s">
        <v>44</v>
      </c>
      <c r="KE6" s="80" t="s">
        <v>45</v>
      </c>
      <c r="KF6" s="81" t="s">
        <v>46</v>
      </c>
      <c r="KG6" s="79" t="s">
        <v>47</v>
      </c>
      <c r="KH6" s="79" t="s">
        <v>48</v>
      </c>
      <c r="KI6" s="79" t="s">
        <v>49</v>
      </c>
      <c r="KJ6" s="79" t="s">
        <v>50</v>
      </c>
      <c r="KK6" s="79" t="s">
        <v>51</v>
      </c>
      <c r="KL6" s="80" t="s">
        <v>45</v>
      </c>
      <c r="KM6" s="83" t="s">
        <v>52</v>
      </c>
    </row>
    <row r="7" spans="2:299" s="70" customFormat="1" ht="21" customHeight="1" x14ac:dyDescent="0.2">
      <c r="B7" s="84" t="s">
        <v>4</v>
      </c>
      <c r="C7" s="85">
        <v>3603</v>
      </c>
      <c r="D7" s="86">
        <v>3618</v>
      </c>
      <c r="E7" s="87">
        <v>7221</v>
      </c>
      <c r="F7" s="412">
        <v>0</v>
      </c>
      <c r="G7" s="86">
        <v>4654</v>
      </c>
      <c r="H7" s="86">
        <v>4350</v>
      </c>
      <c r="I7" s="86">
        <v>2647</v>
      </c>
      <c r="J7" s="86">
        <v>2174</v>
      </c>
      <c r="K7" s="86">
        <v>1396</v>
      </c>
      <c r="L7" s="88">
        <v>15221</v>
      </c>
      <c r="M7" s="89">
        <v>22442</v>
      </c>
      <c r="N7" s="90">
        <v>104</v>
      </c>
      <c r="O7" s="91">
        <v>154</v>
      </c>
      <c r="P7" s="92">
        <v>258</v>
      </c>
      <c r="Q7" s="412">
        <v>0</v>
      </c>
      <c r="R7" s="91">
        <v>134</v>
      </c>
      <c r="S7" s="91">
        <v>156</v>
      </c>
      <c r="T7" s="91">
        <v>96</v>
      </c>
      <c r="U7" s="91">
        <v>96</v>
      </c>
      <c r="V7" s="91">
        <v>64</v>
      </c>
      <c r="W7" s="92">
        <v>546</v>
      </c>
      <c r="X7" s="93">
        <v>804</v>
      </c>
      <c r="Y7" s="90">
        <v>219</v>
      </c>
      <c r="Z7" s="91">
        <v>270</v>
      </c>
      <c r="AA7" s="92">
        <v>489</v>
      </c>
      <c r="AB7" s="412">
        <v>0</v>
      </c>
      <c r="AC7" s="91">
        <v>264</v>
      </c>
      <c r="AD7" s="91">
        <v>301</v>
      </c>
      <c r="AE7" s="91">
        <v>186</v>
      </c>
      <c r="AF7" s="91">
        <v>178</v>
      </c>
      <c r="AG7" s="91">
        <v>140</v>
      </c>
      <c r="AH7" s="92">
        <v>1069</v>
      </c>
      <c r="AI7" s="93">
        <v>1558</v>
      </c>
      <c r="AJ7" s="90">
        <v>403</v>
      </c>
      <c r="AK7" s="91">
        <v>457</v>
      </c>
      <c r="AL7" s="92">
        <v>860</v>
      </c>
      <c r="AM7" s="412">
        <v>0</v>
      </c>
      <c r="AN7" s="91">
        <v>530</v>
      </c>
      <c r="AO7" s="91">
        <v>512</v>
      </c>
      <c r="AP7" s="91">
        <v>316</v>
      </c>
      <c r="AQ7" s="91">
        <v>265</v>
      </c>
      <c r="AR7" s="91">
        <v>206</v>
      </c>
      <c r="AS7" s="92">
        <v>1829</v>
      </c>
      <c r="AT7" s="93">
        <v>2689</v>
      </c>
      <c r="AU7" s="90">
        <v>796</v>
      </c>
      <c r="AV7" s="91">
        <v>745</v>
      </c>
      <c r="AW7" s="92">
        <v>1541</v>
      </c>
      <c r="AX7" s="412">
        <v>0</v>
      </c>
      <c r="AY7" s="91">
        <v>1038</v>
      </c>
      <c r="AZ7" s="91">
        <v>866</v>
      </c>
      <c r="BA7" s="91">
        <v>464</v>
      </c>
      <c r="BB7" s="91">
        <v>422</v>
      </c>
      <c r="BC7" s="91">
        <v>306</v>
      </c>
      <c r="BD7" s="92">
        <v>3096</v>
      </c>
      <c r="BE7" s="93">
        <v>4637</v>
      </c>
      <c r="BF7" s="90">
        <v>1198</v>
      </c>
      <c r="BG7" s="91">
        <v>1036</v>
      </c>
      <c r="BH7" s="92">
        <v>2234</v>
      </c>
      <c r="BI7" s="412">
        <v>0</v>
      </c>
      <c r="BJ7" s="91">
        <v>1364</v>
      </c>
      <c r="BK7" s="91">
        <v>1211</v>
      </c>
      <c r="BL7" s="91">
        <v>738</v>
      </c>
      <c r="BM7" s="91">
        <v>533</v>
      </c>
      <c r="BN7" s="91">
        <v>317</v>
      </c>
      <c r="BO7" s="92">
        <v>4163</v>
      </c>
      <c r="BP7" s="93">
        <v>6397</v>
      </c>
      <c r="BQ7" s="90">
        <v>883</v>
      </c>
      <c r="BR7" s="91">
        <v>956</v>
      </c>
      <c r="BS7" s="92">
        <v>1839</v>
      </c>
      <c r="BT7" s="412">
        <v>0</v>
      </c>
      <c r="BU7" s="91">
        <v>1324</v>
      </c>
      <c r="BV7" s="91">
        <v>1304</v>
      </c>
      <c r="BW7" s="91">
        <v>847</v>
      </c>
      <c r="BX7" s="91">
        <v>680</v>
      </c>
      <c r="BY7" s="91">
        <v>363</v>
      </c>
      <c r="BZ7" s="92">
        <v>4518</v>
      </c>
      <c r="CA7" s="93">
        <v>6357</v>
      </c>
      <c r="CB7" s="90">
        <v>0</v>
      </c>
      <c r="CC7" s="91">
        <v>0</v>
      </c>
      <c r="CD7" s="92">
        <v>0</v>
      </c>
      <c r="CE7" s="412">
        <v>0</v>
      </c>
      <c r="CF7" s="91">
        <v>0</v>
      </c>
      <c r="CG7" s="91">
        <v>0</v>
      </c>
      <c r="CH7" s="91">
        <v>0</v>
      </c>
      <c r="CI7" s="91">
        <v>0</v>
      </c>
      <c r="CJ7" s="91">
        <v>0</v>
      </c>
      <c r="CK7" s="92">
        <v>0</v>
      </c>
      <c r="CL7" s="93">
        <v>0</v>
      </c>
      <c r="CM7" s="90">
        <v>3603</v>
      </c>
      <c r="CN7" s="91">
        <v>3618</v>
      </c>
      <c r="CO7" s="92">
        <v>7221</v>
      </c>
      <c r="CP7" s="412">
        <v>0</v>
      </c>
      <c r="CQ7" s="91">
        <v>4654</v>
      </c>
      <c r="CR7" s="91">
        <v>4350</v>
      </c>
      <c r="CS7" s="91">
        <v>2647</v>
      </c>
      <c r="CT7" s="91">
        <v>2174</v>
      </c>
      <c r="CU7" s="91">
        <v>1396</v>
      </c>
      <c r="CV7" s="92">
        <v>15221</v>
      </c>
      <c r="CW7" s="93">
        <v>22442</v>
      </c>
      <c r="CX7" s="94">
        <v>1323</v>
      </c>
      <c r="CY7" s="86">
        <v>1613</v>
      </c>
      <c r="CZ7" s="87">
        <v>2936</v>
      </c>
      <c r="DA7" s="412">
        <v>0</v>
      </c>
      <c r="DB7" s="86">
        <v>1909</v>
      </c>
      <c r="DC7" s="86">
        <v>1817</v>
      </c>
      <c r="DD7" s="86">
        <v>1100</v>
      </c>
      <c r="DE7" s="86">
        <v>1093</v>
      </c>
      <c r="DF7" s="86">
        <v>698</v>
      </c>
      <c r="DG7" s="88">
        <v>6617</v>
      </c>
      <c r="DH7" s="89">
        <v>9553</v>
      </c>
      <c r="DI7" s="90">
        <v>30</v>
      </c>
      <c r="DJ7" s="91">
        <v>42</v>
      </c>
      <c r="DK7" s="92">
        <v>72</v>
      </c>
      <c r="DL7" s="412">
        <v>0</v>
      </c>
      <c r="DM7" s="91">
        <v>22</v>
      </c>
      <c r="DN7" s="91">
        <v>40</v>
      </c>
      <c r="DO7" s="91">
        <v>23</v>
      </c>
      <c r="DP7" s="91">
        <v>27</v>
      </c>
      <c r="DQ7" s="91">
        <v>13</v>
      </c>
      <c r="DR7" s="92">
        <v>125</v>
      </c>
      <c r="DS7" s="93">
        <v>197</v>
      </c>
      <c r="DT7" s="90">
        <v>73</v>
      </c>
      <c r="DU7" s="91">
        <v>100</v>
      </c>
      <c r="DV7" s="92">
        <v>173</v>
      </c>
      <c r="DW7" s="412">
        <v>0</v>
      </c>
      <c r="DX7" s="91">
        <v>73</v>
      </c>
      <c r="DY7" s="91">
        <v>78</v>
      </c>
      <c r="DZ7" s="91">
        <v>44</v>
      </c>
      <c r="EA7" s="91">
        <v>36</v>
      </c>
      <c r="EB7" s="91">
        <v>34</v>
      </c>
      <c r="EC7" s="92">
        <v>265</v>
      </c>
      <c r="ED7" s="93">
        <v>438</v>
      </c>
      <c r="EE7" s="90">
        <v>215</v>
      </c>
      <c r="EF7" s="91">
        <v>221</v>
      </c>
      <c r="EG7" s="92">
        <v>436</v>
      </c>
      <c r="EH7" s="412">
        <v>0</v>
      </c>
      <c r="EI7" s="91">
        <v>228</v>
      </c>
      <c r="EJ7" s="91">
        <v>177</v>
      </c>
      <c r="EK7" s="91">
        <v>81</v>
      </c>
      <c r="EL7" s="91">
        <v>75</v>
      </c>
      <c r="EM7" s="91">
        <v>67</v>
      </c>
      <c r="EN7" s="92">
        <v>628</v>
      </c>
      <c r="EO7" s="93">
        <v>1064</v>
      </c>
      <c r="EP7" s="90">
        <v>403</v>
      </c>
      <c r="EQ7" s="91">
        <v>405</v>
      </c>
      <c r="ER7" s="92">
        <v>808</v>
      </c>
      <c r="ES7" s="412">
        <v>0</v>
      </c>
      <c r="ET7" s="91">
        <v>379</v>
      </c>
      <c r="EU7" s="91">
        <v>312</v>
      </c>
      <c r="EV7" s="91">
        <v>167</v>
      </c>
      <c r="EW7" s="91">
        <v>151</v>
      </c>
      <c r="EX7" s="91">
        <v>108</v>
      </c>
      <c r="EY7" s="92">
        <v>1117</v>
      </c>
      <c r="EZ7" s="93">
        <v>1925</v>
      </c>
      <c r="FA7" s="90">
        <v>369</v>
      </c>
      <c r="FB7" s="91">
        <v>477</v>
      </c>
      <c r="FC7" s="92">
        <v>846</v>
      </c>
      <c r="FD7" s="412">
        <v>0</v>
      </c>
      <c r="FE7" s="91">
        <v>578</v>
      </c>
      <c r="FF7" s="91">
        <v>490</v>
      </c>
      <c r="FG7" s="91">
        <v>234</v>
      </c>
      <c r="FH7" s="91">
        <v>269</v>
      </c>
      <c r="FI7" s="91">
        <v>165</v>
      </c>
      <c r="FJ7" s="92">
        <v>1736</v>
      </c>
      <c r="FK7" s="93">
        <v>2582</v>
      </c>
      <c r="FL7" s="90">
        <v>233</v>
      </c>
      <c r="FM7" s="91">
        <v>368</v>
      </c>
      <c r="FN7" s="92">
        <v>601</v>
      </c>
      <c r="FO7" s="412">
        <v>0</v>
      </c>
      <c r="FP7" s="91">
        <v>629</v>
      </c>
      <c r="FQ7" s="91">
        <v>720</v>
      </c>
      <c r="FR7" s="91">
        <v>551</v>
      </c>
      <c r="FS7" s="91">
        <v>535</v>
      </c>
      <c r="FT7" s="91">
        <v>311</v>
      </c>
      <c r="FU7" s="92">
        <v>2746</v>
      </c>
      <c r="FV7" s="93">
        <v>3347</v>
      </c>
      <c r="FW7" s="90">
        <v>0</v>
      </c>
      <c r="FX7" s="91">
        <v>0</v>
      </c>
      <c r="FY7" s="92">
        <v>0</v>
      </c>
      <c r="FZ7" s="412">
        <v>0</v>
      </c>
      <c r="GA7" s="91">
        <v>0</v>
      </c>
      <c r="GB7" s="91">
        <v>0</v>
      </c>
      <c r="GC7" s="91">
        <v>0</v>
      </c>
      <c r="GD7" s="91">
        <v>0</v>
      </c>
      <c r="GE7" s="91">
        <v>0</v>
      </c>
      <c r="GF7" s="92">
        <v>0</v>
      </c>
      <c r="GG7" s="93">
        <v>0</v>
      </c>
      <c r="GH7" s="90">
        <v>1323</v>
      </c>
      <c r="GI7" s="91">
        <v>1613</v>
      </c>
      <c r="GJ7" s="92">
        <v>2936</v>
      </c>
      <c r="GK7" s="412">
        <v>0</v>
      </c>
      <c r="GL7" s="91">
        <v>1909</v>
      </c>
      <c r="GM7" s="91">
        <v>1817</v>
      </c>
      <c r="GN7" s="91">
        <v>1100</v>
      </c>
      <c r="GO7" s="91">
        <v>1093</v>
      </c>
      <c r="GP7" s="91">
        <v>698</v>
      </c>
      <c r="GQ7" s="92">
        <v>6617</v>
      </c>
      <c r="GR7" s="93">
        <v>9553</v>
      </c>
      <c r="GS7" s="94">
        <v>4926</v>
      </c>
      <c r="GT7" s="86">
        <v>5231</v>
      </c>
      <c r="GU7" s="87">
        <v>10157</v>
      </c>
      <c r="GV7" s="412">
        <v>0</v>
      </c>
      <c r="GW7" s="86">
        <v>6563</v>
      </c>
      <c r="GX7" s="86">
        <v>6167</v>
      </c>
      <c r="GY7" s="86">
        <v>3747</v>
      </c>
      <c r="GZ7" s="86">
        <v>3267</v>
      </c>
      <c r="HA7" s="86">
        <v>2094</v>
      </c>
      <c r="HB7" s="88">
        <v>21838</v>
      </c>
      <c r="HC7" s="89">
        <v>31995</v>
      </c>
      <c r="HD7" s="90">
        <v>134</v>
      </c>
      <c r="HE7" s="91">
        <v>196</v>
      </c>
      <c r="HF7" s="92">
        <v>330</v>
      </c>
      <c r="HG7" s="412">
        <v>0</v>
      </c>
      <c r="HH7" s="91">
        <v>156</v>
      </c>
      <c r="HI7" s="91">
        <v>196</v>
      </c>
      <c r="HJ7" s="91">
        <v>119</v>
      </c>
      <c r="HK7" s="91">
        <v>123</v>
      </c>
      <c r="HL7" s="91">
        <v>77</v>
      </c>
      <c r="HM7" s="92">
        <v>671</v>
      </c>
      <c r="HN7" s="93">
        <v>1001</v>
      </c>
      <c r="HO7" s="90">
        <v>292</v>
      </c>
      <c r="HP7" s="91">
        <v>370</v>
      </c>
      <c r="HQ7" s="92">
        <v>662</v>
      </c>
      <c r="HR7" s="412">
        <v>0</v>
      </c>
      <c r="HS7" s="91">
        <v>337</v>
      </c>
      <c r="HT7" s="91">
        <v>379</v>
      </c>
      <c r="HU7" s="91">
        <v>230</v>
      </c>
      <c r="HV7" s="91">
        <v>214</v>
      </c>
      <c r="HW7" s="91">
        <v>174</v>
      </c>
      <c r="HX7" s="92">
        <v>1334</v>
      </c>
      <c r="HY7" s="93">
        <v>1996</v>
      </c>
      <c r="HZ7" s="90">
        <v>618</v>
      </c>
      <c r="IA7" s="91">
        <v>678</v>
      </c>
      <c r="IB7" s="92">
        <v>1296</v>
      </c>
      <c r="IC7" s="412">
        <v>0</v>
      </c>
      <c r="ID7" s="91">
        <v>758</v>
      </c>
      <c r="IE7" s="91">
        <v>689</v>
      </c>
      <c r="IF7" s="91">
        <v>397</v>
      </c>
      <c r="IG7" s="91">
        <v>340</v>
      </c>
      <c r="IH7" s="91">
        <v>273</v>
      </c>
      <c r="II7" s="92">
        <v>2457</v>
      </c>
      <c r="IJ7" s="93">
        <v>3753</v>
      </c>
      <c r="IK7" s="90">
        <v>1199</v>
      </c>
      <c r="IL7" s="91">
        <v>1150</v>
      </c>
      <c r="IM7" s="92">
        <v>2349</v>
      </c>
      <c r="IN7" s="412">
        <v>0</v>
      </c>
      <c r="IO7" s="91">
        <v>1417</v>
      </c>
      <c r="IP7" s="91">
        <v>1178</v>
      </c>
      <c r="IQ7" s="91">
        <v>631</v>
      </c>
      <c r="IR7" s="91">
        <v>573</v>
      </c>
      <c r="IS7" s="91">
        <v>414</v>
      </c>
      <c r="IT7" s="92">
        <v>4213</v>
      </c>
      <c r="IU7" s="93">
        <v>6562</v>
      </c>
      <c r="IV7" s="90">
        <v>1567</v>
      </c>
      <c r="IW7" s="91">
        <v>1513</v>
      </c>
      <c r="IX7" s="92">
        <v>3080</v>
      </c>
      <c r="IY7" s="412">
        <v>0</v>
      </c>
      <c r="IZ7" s="91">
        <v>1942</v>
      </c>
      <c r="JA7" s="91">
        <v>1701</v>
      </c>
      <c r="JB7" s="91">
        <v>972</v>
      </c>
      <c r="JC7" s="91">
        <v>802</v>
      </c>
      <c r="JD7" s="91">
        <v>482</v>
      </c>
      <c r="JE7" s="92">
        <v>5899</v>
      </c>
      <c r="JF7" s="93">
        <v>8979</v>
      </c>
      <c r="JG7" s="90">
        <v>1116</v>
      </c>
      <c r="JH7" s="91">
        <v>1324</v>
      </c>
      <c r="JI7" s="92">
        <v>2440</v>
      </c>
      <c r="JJ7" s="412">
        <v>0</v>
      </c>
      <c r="JK7" s="91">
        <v>1953</v>
      </c>
      <c r="JL7" s="91">
        <v>2024</v>
      </c>
      <c r="JM7" s="91">
        <v>1398</v>
      </c>
      <c r="JN7" s="91">
        <v>1215</v>
      </c>
      <c r="JO7" s="91">
        <v>674</v>
      </c>
      <c r="JP7" s="92">
        <v>7264</v>
      </c>
      <c r="JQ7" s="93">
        <v>9704</v>
      </c>
      <c r="JR7" s="90">
        <v>0</v>
      </c>
      <c r="JS7" s="91">
        <v>0</v>
      </c>
      <c r="JT7" s="92">
        <v>0</v>
      </c>
      <c r="JU7" s="412">
        <v>0</v>
      </c>
      <c r="JV7" s="91">
        <v>0</v>
      </c>
      <c r="JW7" s="91">
        <v>0</v>
      </c>
      <c r="JX7" s="91">
        <v>0</v>
      </c>
      <c r="JY7" s="91">
        <v>0</v>
      </c>
      <c r="JZ7" s="91">
        <v>0</v>
      </c>
      <c r="KA7" s="92">
        <v>0</v>
      </c>
      <c r="KB7" s="93">
        <v>0</v>
      </c>
      <c r="KC7" s="90">
        <v>4926</v>
      </c>
      <c r="KD7" s="91">
        <v>5231</v>
      </c>
      <c r="KE7" s="92">
        <v>10157</v>
      </c>
      <c r="KF7" s="412">
        <v>0</v>
      </c>
      <c r="KG7" s="91">
        <v>6563</v>
      </c>
      <c r="KH7" s="91">
        <v>6167</v>
      </c>
      <c r="KI7" s="91">
        <v>3747</v>
      </c>
      <c r="KJ7" s="91">
        <v>3267</v>
      </c>
      <c r="KK7" s="91">
        <v>2094</v>
      </c>
      <c r="KL7" s="92">
        <v>21838</v>
      </c>
      <c r="KM7" s="93">
        <v>31995</v>
      </c>
    </row>
    <row r="8" spans="2:299" s="70" customFormat="1" ht="21" customHeight="1" x14ac:dyDescent="0.2">
      <c r="B8" s="95" t="s">
        <v>5</v>
      </c>
      <c r="C8" s="96">
        <v>1554</v>
      </c>
      <c r="D8" s="97">
        <v>1883</v>
      </c>
      <c r="E8" s="98">
        <v>3437</v>
      </c>
      <c r="F8" s="413">
        <v>0</v>
      </c>
      <c r="G8" s="97">
        <v>1700</v>
      </c>
      <c r="H8" s="97">
        <v>2110</v>
      </c>
      <c r="I8" s="97">
        <v>1205</v>
      </c>
      <c r="J8" s="97">
        <v>992</v>
      </c>
      <c r="K8" s="97">
        <v>639</v>
      </c>
      <c r="L8" s="99">
        <v>6646</v>
      </c>
      <c r="M8" s="100">
        <v>10083</v>
      </c>
      <c r="N8" s="101">
        <v>32</v>
      </c>
      <c r="O8" s="102">
        <v>78</v>
      </c>
      <c r="P8" s="103">
        <v>110</v>
      </c>
      <c r="Q8" s="413">
        <v>0</v>
      </c>
      <c r="R8" s="102">
        <v>44</v>
      </c>
      <c r="S8" s="102">
        <v>75</v>
      </c>
      <c r="T8" s="102">
        <v>42</v>
      </c>
      <c r="U8" s="102">
        <v>48</v>
      </c>
      <c r="V8" s="102">
        <v>30</v>
      </c>
      <c r="W8" s="103">
        <v>239</v>
      </c>
      <c r="X8" s="104">
        <v>349</v>
      </c>
      <c r="Y8" s="101">
        <v>102</v>
      </c>
      <c r="Z8" s="102">
        <v>130</v>
      </c>
      <c r="AA8" s="103">
        <v>232</v>
      </c>
      <c r="AB8" s="413">
        <v>0</v>
      </c>
      <c r="AC8" s="102">
        <v>85</v>
      </c>
      <c r="AD8" s="102">
        <v>139</v>
      </c>
      <c r="AE8" s="102">
        <v>78</v>
      </c>
      <c r="AF8" s="102">
        <v>74</v>
      </c>
      <c r="AG8" s="102">
        <v>56</v>
      </c>
      <c r="AH8" s="103">
        <v>432</v>
      </c>
      <c r="AI8" s="104">
        <v>664</v>
      </c>
      <c r="AJ8" s="101">
        <v>158</v>
      </c>
      <c r="AK8" s="102">
        <v>223</v>
      </c>
      <c r="AL8" s="103">
        <v>381</v>
      </c>
      <c r="AM8" s="413">
        <v>0</v>
      </c>
      <c r="AN8" s="102">
        <v>161</v>
      </c>
      <c r="AO8" s="102">
        <v>247</v>
      </c>
      <c r="AP8" s="102">
        <v>129</v>
      </c>
      <c r="AQ8" s="102">
        <v>134</v>
      </c>
      <c r="AR8" s="102">
        <v>76</v>
      </c>
      <c r="AS8" s="103">
        <v>747</v>
      </c>
      <c r="AT8" s="104">
        <v>1128</v>
      </c>
      <c r="AU8" s="101">
        <v>342</v>
      </c>
      <c r="AV8" s="102">
        <v>389</v>
      </c>
      <c r="AW8" s="103">
        <v>731</v>
      </c>
      <c r="AX8" s="413">
        <v>0</v>
      </c>
      <c r="AY8" s="102">
        <v>357</v>
      </c>
      <c r="AZ8" s="102">
        <v>421</v>
      </c>
      <c r="BA8" s="102">
        <v>197</v>
      </c>
      <c r="BB8" s="102">
        <v>196</v>
      </c>
      <c r="BC8" s="102">
        <v>124</v>
      </c>
      <c r="BD8" s="103">
        <v>1295</v>
      </c>
      <c r="BE8" s="104">
        <v>2026</v>
      </c>
      <c r="BF8" s="101">
        <v>517</v>
      </c>
      <c r="BG8" s="102">
        <v>553</v>
      </c>
      <c r="BH8" s="103">
        <v>1070</v>
      </c>
      <c r="BI8" s="413">
        <v>0</v>
      </c>
      <c r="BJ8" s="102">
        <v>529</v>
      </c>
      <c r="BK8" s="102">
        <v>577</v>
      </c>
      <c r="BL8" s="102">
        <v>345</v>
      </c>
      <c r="BM8" s="102">
        <v>240</v>
      </c>
      <c r="BN8" s="102">
        <v>153</v>
      </c>
      <c r="BO8" s="103">
        <v>1844</v>
      </c>
      <c r="BP8" s="104">
        <v>2914</v>
      </c>
      <c r="BQ8" s="101">
        <v>403</v>
      </c>
      <c r="BR8" s="102">
        <v>510</v>
      </c>
      <c r="BS8" s="103">
        <v>913</v>
      </c>
      <c r="BT8" s="413">
        <v>0</v>
      </c>
      <c r="BU8" s="102">
        <v>524</v>
      </c>
      <c r="BV8" s="102">
        <v>651</v>
      </c>
      <c r="BW8" s="102">
        <v>414</v>
      </c>
      <c r="BX8" s="102">
        <v>300</v>
      </c>
      <c r="BY8" s="102">
        <v>200</v>
      </c>
      <c r="BZ8" s="103">
        <v>2089</v>
      </c>
      <c r="CA8" s="104">
        <v>3002</v>
      </c>
      <c r="CB8" s="101">
        <v>0</v>
      </c>
      <c r="CC8" s="102">
        <v>0</v>
      </c>
      <c r="CD8" s="103">
        <v>0</v>
      </c>
      <c r="CE8" s="413">
        <v>0</v>
      </c>
      <c r="CF8" s="102">
        <v>0</v>
      </c>
      <c r="CG8" s="102">
        <v>0</v>
      </c>
      <c r="CH8" s="102">
        <v>0</v>
      </c>
      <c r="CI8" s="102">
        <v>0</v>
      </c>
      <c r="CJ8" s="102">
        <v>0</v>
      </c>
      <c r="CK8" s="103">
        <v>0</v>
      </c>
      <c r="CL8" s="104">
        <v>0</v>
      </c>
      <c r="CM8" s="101">
        <v>1554</v>
      </c>
      <c r="CN8" s="102">
        <v>1883</v>
      </c>
      <c r="CO8" s="103">
        <v>3437</v>
      </c>
      <c r="CP8" s="413">
        <v>0</v>
      </c>
      <c r="CQ8" s="102">
        <v>1700</v>
      </c>
      <c r="CR8" s="102">
        <v>2110</v>
      </c>
      <c r="CS8" s="102">
        <v>1205</v>
      </c>
      <c r="CT8" s="102">
        <v>992</v>
      </c>
      <c r="CU8" s="102">
        <v>639</v>
      </c>
      <c r="CV8" s="103">
        <v>6646</v>
      </c>
      <c r="CW8" s="104">
        <v>10083</v>
      </c>
      <c r="CX8" s="105">
        <v>527</v>
      </c>
      <c r="CY8" s="97">
        <v>771</v>
      </c>
      <c r="CZ8" s="98">
        <v>1298</v>
      </c>
      <c r="DA8" s="413">
        <v>0</v>
      </c>
      <c r="DB8" s="97">
        <v>711</v>
      </c>
      <c r="DC8" s="97">
        <v>860</v>
      </c>
      <c r="DD8" s="97">
        <v>490</v>
      </c>
      <c r="DE8" s="97">
        <v>473</v>
      </c>
      <c r="DF8" s="97">
        <v>305</v>
      </c>
      <c r="DG8" s="99">
        <v>2839</v>
      </c>
      <c r="DH8" s="100">
        <v>4137</v>
      </c>
      <c r="DI8" s="101">
        <v>9</v>
      </c>
      <c r="DJ8" s="102">
        <v>19</v>
      </c>
      <c r="DK8" s="103">
        <v>28</v>
      </c>
      <c r="DL8" s="413">
        <v>0</v>
      </c>
      <c r="DM8" s="102">
        <v>9</v>
      </c>
      <c r="DN8" s="102">
        <v>20</v>
      </c>
      <c r="DO8" s="102">
        <v>12</v>
      </c>
      <c r="DP8" s="102">
        <v>15</v>
      </c>
      <c r="DQ8" s="102">
        <v>3</v>
      </c>
      <c r="DR8" s="103">
        <v>59</v>
      </c>
      <c r="DS8" s="104">
        <v>87</v>
      </c>
      <c r="DT8" s="101">
        <v>27</v>
      </c>
      <c r="DU8" s="102">
        <v>46</v>
      </c>
      <c r="DV8" s="103">
        <v>73</v>
      </c>
      <c r="DW8" s="413">
        <v>0</v>
      </c>
      <c r="DX8" s="102">
        <v>13</v>
      </c>
      <c r="DY8" s="102">
        <v>33</v>
      </c>
      <c r="DZ8" s="102">
        <v>16</v>
      </c>
      <c r="EA8" s="102">
        <v>16</v>
      </c>
      <c r="EB8" s="102">
        <v>18</v>
      </c>
      <c r="EC8" s="103">
        <v>96</v>
      </c>
      <c r="ED8" s="104">
        <v>169</v>
      </c>
      <c r="EE8" s="101">
        <v>84</v>
      </c>
      <c r="EF8" s="102">
        <v>106</v>
      </c>
      <c r="EG8" s="103">
        <v>190</v>
      </c>
      <c r="EH8" s="413">
        <v>0</v>
      </c>
      <c r="EI8" s="102">
        <v>81</v>
      </c>
      <c r="EJ8" s="102">
        <v>90</v>
      </c>
      <c r="EK8" s="102">
        <v>28</v>
      </c>
      <c r="EL8" s="102">
        <v>32</v>
      </c>
      <c r="EM8" s="102">
        <v>34</v>
      </c>
      <c r="EN8" s="103">
        <v>265</v>
      </c>
      <c r="EO8" s="104">
        <v>455</v>
      </c>
      <c r="EP8" s="101">
        <v>161</v>
      </c>
      <c r="EQ8" s="102">
        <v>193</v>
      </c>
      <c r="ER8" s="103">
        <v>354</v>
      </c>
      <c r="ES8" s="413">
        <v>0</v>
      </c>
      <c r="ET8" s="102">
        <v>157</v>
      </c>
      <c r="EU8" s="102">
        <v>145</v>
      </c>
      <c r="EV8" s="102">
        <v>78</v>
      </c>
      <c r="EW8" s="102">
        <v>67</v>
      </c>
      <c r="EX8" s="102">
        <v>34</v>
      </c>
      <c r="EY8" s="103">
        <v>481</v>
      </c>
      <c r="EZ8" s="104">
        <v>835</v>
      </c>
      <c r="FA8" s="101">
        <v>144</v>
      </c>
      <c r="FB8" s="102">
        <v>234</v>
      </c>
      <c r="FC8" s="103">
        <v>378</v>
      </c>
      <c r="FD8" s="413">
        <v>0</v>
      </c>
      <c r="FE8" s="102">
        <v>220</v>
      </c>
      <c r="FF8" s="102">
        <v>242</v>
      </c>
      <c r="FG8" s="102">
        <v>111</v>
      </c>
      <c r="FH8" s="102">
        <v>118</v>
      </c>
      <c r="FI8" s="102">
        <v>68</v>
      </c>
      <c r="FJ8" s="103">
        <v>759</v>
      </c>
      <c r="FK8" s="104">
        <v>1137</v>
      </c>
      <c r="FL8" s="101">
        <v>102</v>
      </c>
      <c r="FM8" s="102">
        <v>173</v>
      </c>
      <c r="FN8" s="103">
        <v>275</v>
      </c>
      <c r="FO8" s="413">
        <v>0</v>
      </c>
      <c r="FP8" s="102">
        <v>231</v>
      </c>
      <c r="FQ8" s="102">
        <v>330</v>
      </c>
      <c r="FR8" s="102">
        <v>245</v>
      </c>
      <c r="FS8" s="102">
        <v>225</v>
      </c>
      <c r="FT8" s="102">
        <v>148</v>
      </c>
      <c r="FU8" s="103">
        <v>1179</v>
      </c>
      <c r="FV8" s="104">
        <v>1454</v>
      </c>
      <c r="FW8" s="101">
        <v>0</v>
      </c>
      <c r="FX8" s="102">
        <v>0</v>
      </c>
      <c r="FY8" s="103">
        <v>0</v>
      </c>
      <c r="FZ8" s="413">
        <v>0</v>
      </c>
      <c r="GA8" s="102">
        <v>0</v>
      </c>
      <c r="GB8" s="102">
        <v>0</v>
      </c>
      <c r="GC8" s="102">
        <v>0</v>
      </c>
      <c r="GD8" s="102">
        <v>0</v>
      </c>
      <c r="GE8" s="102">
        <v>0</v>
      </c>
      <c r="GF8" s="103">
        <v>0</v>
      </c>
      <c r="GG8" s="104">
        <v>0</v>
      </c>
      <c r="GH8" s="101">
        <v>527</v>
      </c>
      <c r="GI8" s="102">
        <v>771</v>
      </c>
      <c r="GJ8" s="103">
        <v>1298</v>
      </c>
      <c r="GK8" s="413">
        <v>0</v>
      </c>
      <c r="GL8" s="102">
        <v>711</v>
      </c>
      <c r="GM8" s="102">
        <v>860</v>
      </c>
      <c r="GN8" s="102">
        <v>490</v>
      </c>
      <c r="GO8" s="102">
        <v>473</v>
      </c>
      <c r="GP8" s="102">
        <v>305</v>
      </c>
      <c r="GQ8" s="103">
        <v>2839</v>
      </c>
      <c r="GR8" s="104">
        <v>4137</v>
      </c>
      <c r="GS8" s="105">
        <v>2081</v>
      </c>
      <c r="GT8" s="97">
        <v>2654</v>
      </c>
      <c r="GU8" s="98">
        <v>4735</v>
      </c>
      <c r="GV8" s="413">
        <v>0</v>
      </c>
      <c r="GW8" s="97">
        <v>2411</v>
      </c>
      <c r="GX8" s="97">
        <v>2970</v>
      </c>
      <c r="GY8" s="97">
        <v>1695</v>
      </c>
      <c r="GZ8" s="97">
        <v>1465</v>
      </c>
      <c r="HA8" s="97">
        <v>944</v>
      </c>
      <c r="HB8" s="99">
        <v>9485</v>
      </c>
      <c r="HC8" s="100">
        <v>14220</v>
      </c>
      <c r="HD8" s="101">
        <v>41</v>
      </c>
      <c r="HE8" s="102">
        <v>97</v>
      </c>
      <c r="HF8" s="103">
        <v>138</v>
      </c>
      <c r="HG8" s="413">
        <v>0</v>
      </c>
      <c r="HH8" s="102">
        <v>53</v>
      </c>
      <c r="HI8" s="102">
        <v>95</v>
      </c>
      <c r="HJ8" s="102">
        <v>54</v>
      </c>
      <c r="HK8" s="102">
        <v>63</v>
      </c>
      <c r="HL8" s="102">
        <v>33</v>
      </c>
      <c r="HM8" s="103">
        <v>298</v>
      </c>
      <c r="HN8" s="104">
        <v>436</v>
      </c>
      <c r="HO8" s="101">
        <v>129</v>
      </c>
      <c r="HP8" s="102">
        <v>176</v>
      </c>
      <c r="HQ8" s="103">
        <v>305</v>
      </c>
      <c r="HR8" s="413">
        <v>0</v>
      </c>
      <c r="HS8" s="102">
        <v>98</v>
      </c>
      <c r="HT8" s="102">
        <v>172</v>
      </c>
      <c r="HU8" s="102">
        <v>94</v>
      </c>
      <c r="HV8" s="102">
        <v>90</v>
      </c>
      <c r="HW8" s="102">
        <v>74</v>
      </c>
      <c r="HX8" s="103">
        <v>528</v>
      </c>
      <c r="HY8" s="104">
        <v>833</v>
      </c>
      <c r="HZ8" s="101">
        <v>242</v>
      </c>
      <c r="IA8" s="102">
        <v>329</v>
      </c>
      <c r="IB8" s="103">
        <v>571</v>
      </c>
      <c r="IC8" s="413">
        <v>0</v>
      </c>
      <c r="ID8" s="102">
        <v>242</v>
      </c>
      <c r="IE8" s="102">
        <v>337</v>
      </c>
      <c r="IF8" s="102">
        <v>157</v>
      </c>
      <c r="IG8" s="102">
        <v>166</v>
      </c>
      <c r="IH8" s="102">
        <v>110</v>
      </c>
      <c r="II8" s="103">
        <v>1012</v>
      </c>
      <c r="IJ8" s="104">
        <v>1583</v>
      </c>
      <c r="IK8" s="101">
        <v>503</v>
      </c>
      <c r="IL8" s="102">
        <v>582</v>
      </c>
      <c r="IM8" s="103">
        <v>1085</v>
      </c>
      <c r="IN8" s="413">
        <v>0</v>
      </c>
      <c r="IO8" s="102">
        <v>514</v>
      </c>
      <c r="IP8" s="102">
        <v>566</v>
      </c>
      <c r="IQ8" s="102">
        <v>275</v>
      </c>
      <c r="IR8" s="102">
        <v>263</v>
      </c>
      <c r="IS8" s="102">
        <v>158</v>
      </c>
      <c r="IT8" s="103">
        <v>1776</v>
      </c>
      <c r="IU8" s="104">
        <v>2861</v>
      </c>
      <c r="IV8" s="101">
        <v>661</v>
      </c>
      <c r="IW8" s="102">
        <v>787</v>
      </c>
      <c r="IX8" s="103">
        <v>1448</v>
      </c>
      <c r="IY8" s="413">
        <v>0</v>
      </c>
      <c r="IZ8" s="102">
        <v>749</v>
      </c>
      <c r="JA8" s="102">
        <v>819</v>
      </c>
      <c r="JB8" s="102">
        <v>456</v>
      </c>
      <c r="JC8" s="102">
        <v>358</v>
      </c>
      <c r="JD8" s="102">
        <v>221</v>
      </c>
      <c r="JE8" s="103">
        <v>2603</v>
      </c>
      <c r="JF8" s="104">
        <v>4051</v>
      </c>
      <c r="JG8" s="101">
        <v>505</v>
      </c>
      <c r="JH8" s="102">
        <v>683</v>
      </c>
      <c r="JI8" s="103">
        <v>1188</v>
      </c>
      <c r="JJ8" s="413">
        <v>0</v>
      </c>
      <c r="JK8" s="102">
        <v>755</v>
      </c>
      <c r="JL8" s="102">
        <v>981</v>
      </c>
      <c r="JM8" s="102">
        <v>659</v>
      </c>
      <c r="JN8" s="102">
        <v>525</v>
      </c>
      <c r="JO8" s="102">
        <v>348</v>
      </c>
      <c r="JP8" s="103">
        <v>3268</v>
      </c>
      <c r="JQ8" s="104">
        <v>4456</v>
      </c>
      <c r="JR8" s="101">
        <v>0</v>
      </c>
      <c r="JS8" s="102">
        <v>0</v>
      </c>
      <c r="JT8" s="103">
        <v>0</v>
      </c>
      <c r="JU8" s="413">
        <v>0</v>
      </c>
      <c r="JV8" s="102">
        <v>0</v>
      </c>
      <c r="JW8" s="102">
        <v>0</v>
      </c>
      <c r="JX8" s="102">
        <v>0</v>
      </c>
      <c r="JY8" s="102">
        <v>0</v>
      </c>
      <c r="JZ8" s="102">
        <v>0</v>
      </c>
      <c r="KA8" s="103">
        <v>0</v>
      </c>
      <c r="KB8" s="104">
        <v>0</v>
      </c>
      <c r="KC8" s="101">
        <v>2081</v>
      </c>
      <c r="KD8" s="102">
        <v>2654</v>
      </c>
      <c r="KE8" s="103">
        <v>4735</v>
      </c>
      <c r="KF8" s="413">
        <v>0</v>
      </c>
      <c r="KG8" s="102">
        <v>2411</v>
      </c>
      <c r="KH8" s="102">
        <v>2970</v>
      </c>
      <c r="KI8" s="102">
        <v>1695</v>
      </c>
      <c r="KJ8" s="102">
        <v>1465</v>
      </c>
      <c r="KK8" s="102">
        <v>944</v>
      </c>
      <c r="KL8" s="103">
        <v>9485</v>
      </c>
      <c r="KM8" s="104">
        <v>14220</v>
      </c>
    </row>
    <row r="9" spans="2:299" s="70" customFormat="1" ht="21" customHeight="1" x14ac:dyDescent="0.2">
      <c r="B9" s="106" t="s">
        <v>6</v>
      </c>
      <c r="C9" s="96">
        <v>481</v>
      </c>
      <c r="D9" s="97">
        <v>434</v>
      </c>
      <c r="E9" s="98">
        <v>915</v>
      </c>
      <c r="F9" s="413">
        <v>0</v>
      </c>
      <c r="G9" s="97">
        <v>818</v>
      </c>
      <c r="H9" s="97">
        <v>629</v>
      </c>
      <c r="I9" s="97">
        <v>366</v>
      </c>
      <c r="J9" s="97">
        <v>356</v>
      </c>
      <c r="K9" s="97">
        <v>223</v>
      </c>
      <c r="L9" s="99">
        <v>2392</v>
      </c>
      <c r="M9" s="100">
        <v>3307</v>
      </c>
      <c r="N9" s="101">
        <v>27</v>
      </c>
      <c r="O9" s="102">
        <v>25</v>
      </c>
      <c r="P9" s="103">
        <v>52</v>
      </c>
      <c r="Q9" s="413">
        <v>0</v>
      </c>
      <c r="R9" s="102">
        <v>27</v>
      </c>
      <c r="S9" s="102">
        <v>25</v>
      </c>
      <c r="T9" s="102">
        <v>13</v>
      </c>
      <c r="U9" s="102">
        <v>17</v>
      </c>
      <c r="V9" s="102">
        <v>11</v>
      </c>
      <c r="W9" s="103">
        <v>93</v>
      </c>
      <c r="X9" s="104">
        <v>145</v>
      </c>
      <c r="Y9" s="101">
        <v>32</v>
      </c>
      <c r="Z9" s="102">
        <v>34</v>
      </c>
      <c r="AA9" s="103">
        <v>66</v>
      </c>
      <c r="AB9" s="413">
        <v>0</v>
      </c>
      <c r="AC9" s="102">
        <v>54</v>
      </c>
      <c r="AD9" s="102">
        <v>40</v>
      </c>
      <c r="AE9" s="102">
        <v>27</v>
      </c>
      <c r="AF9" s="102">
        <v>33</v>
      </c>
      <c r="AG9" s="102">
        <v>30</v>
      </c>
      <c r="AH9" s="103">
        <v>184</v>
      </c>
      <c r="AI9" s="104">
        <v>250</v>
      </c>
      <c r="AJ9" s="101">
        <v>81</v>
      </c>
      <c r="AK9" s="102">
        <v>63</v>
      </c>
      <c r="AL9" s="103">
        <v>144</v>
      </c>
      <c r="AM9" s="413">
        <v>0</v>
      </c>
      <c r="AN9" s="102">
        <v>100</v>
      </c>
      <c r="AO9" s="102">
        <v>67</v>
      </c>
      <c r="AP9" s="102">
        <v>47</v>
      </c>
      <c r="AQ9" s="102">
        <v>39</v>
      </c>
      <c r="AR9" s="102">
        <v>40</v>
      </c>
      <c r="AS9" s="103">
        <v>293</v>
      </c>
      <c r="AT9" s="104">
        <v>437</v>
      </c>
      <c r="AU9" s="101">
        <v>91</v>
      </c>
      <c r="AV9" s="102">
        <v>73</v>
      </c>
      <c r="AW9" s="103">
        <v>164</v>
      </c>
      <c r="AX9" s="413">
        <v>0</v>
      </c>
      <c r="AY9" s="102">
        <v>198</v>
      </c>
      <c r="AZ9" s="102">
        <v>124</v>
      </c>
      <c r="BA9" s="102">
        <v>69</v>
      </c>
      <c r="BB9" s="102">
        <v>70</v>
      </c>
      <c r="BC9" s="102">
        <v>43</v>
      </c>
      <c r="BD9" s="103">
        <v>504</v>
      </c>
      <c r="BE9" s="104">
        <v>668</v>
      </c>
      <c r="BF9" s="101">
        <v>139</v>
      </c>
      <c r="BG9" s="102">
        <v>111</v>
      </c>
      <c r="BH9" s="103">
        <v>250</v>
      </c>
      <c r="BI9" s="413">
        <v>0</v>
      </c>
      <c r="BJ9" s="102">
        <v>224</v>
      </c>
      <c r="BK9" s="102">
        <v>170</v>
      </c>
      <c r="BL9" s="102">
        <v>96</v>
      </c>
      <c r="BM9" s="102">
        <v>72</v>
      </c>
      <c r="BN9" s="102">
        <v>45</v>
      </c>
      <c r="BO9" s="103">
        <v>607</v>
      </c>
      <c r="BP9" s="104">
        <v>857</v>
      </c>
      <c r="BQ9" s="101">
        <v>111</v>
      </c>
      <c r="BR9" s="102">
        <v>128</v>
      </c>
      <c r="BS9" s="103">
        <v>239</v>
      </c>
      <c r="BT9" s="413">
        <v>0</v>
      </c>
      <c r="BU9" s="102">
        <v>215</v>
      </c>
      <c r="BV9" s="102">
        <v>203</v>
      </c>
      <c r="BW9" s="102">
        <v>114</v>
      </c>
      <c r="BX9" s="102">
        <v>125</v>
      </c>
      <c r="BY9" s="102">
        <v>54</v>
      </c>
      <c r="BZ9" s="103">
        <v>711</v>
      </c>
      <c r="CA9" s="104">
        <v>950</v>
      </c>
      <c r="CB9" s="101">
        <v>0</v>
      </c>
      <c r="CC9" s="102">
        <v>0</v>
      </c>
      <c r="CD9" s="103">
        <v>0</v>
      </c>
      <c r="CE9" s="413">
        <v>0</v>
      </c>
      <c r="CF9" s="102">
        <v>0</v>
      </c>
      <c r="CG9" s="102">
        <v>0</v>
      </c>
      <c r="CH9" s="102">
        <v>0</v>
      </c>
      <c r="CI9" s="102">
        <v>0</v>
      </c>
      <c r="CJ9" s="102">
        <v>0</v>
      </c>
      <c r="CK9" s="103">
        <v>0</v>
      </c>
      <c r="CL9" s="104">
        <v>0</v>
      </c>
      <c r="CM9" s="101">
        <v>481</v>
      </c>
      <c r="CN9" s="102">
        <v>434</v>
      </c>
      <c r="CO9" s="103">
        <v>915</v>
      </c>
      <c r="CP9" s="413">
        <v>0</v>
      </c>
      <c r="CQ9" s="102">
        <v>818</v>
      </c>
      <c r="CR9" s="102">
        <v>629</v>
      </c>
      <c r="CS9" s="102">
        <v>366</v>
      </c>
      <c r="CT9" s="102">
        <v>356</v>
      </c>
      <c r="CU9" s="102">
        <v>223</v>
      </c>
      <c r="CV9" s="103">
        <v>2392</v>
      </c>
      <c r="CW9" s="104">
        <v>3307</v>
      </c>
      <c r="CX9" s="105">
        <v>249</v>
      </c>
      <c r="CY9" s="97">
        <v>270</v>
      </c>
      <c r="CZ9" s="98">
        <v>519</v>
      </c>
      <c r="DA9" s="413">
        <v>0</v>
      </c>
      <c r="DB9" s="97">
        <v>416</v>
      </c>
      <c r="DC9" s="97">
        <v>303</v>
      </c>
      <c r="DD9" s="97">
        <v>204</v>
      </c>
      <c r="DE9" s="97">
        <v>197</v>
      </c>
      <c r="DF9" s="97">
        <v>121</v>
      </c>
      <c r="DG9" s="99">
        <v>1241</v>
      </c>
      <c r="DH9" s="100">
        <v>1760</v>
      </c>
      <c r="DI9" s="101">
        <v>6</v>
      </c>
      <c r="DJ9" s="102">
        <v>5</v>
      </c>
      <c r="DK9" s="103">
        <v>11</v>
      </c>
      <c r="DL9" s="413">
        <v>0</v>
      </c>
      <c r="DM9" s="102">
        <v>3</v>
      </c>
      <c r="DN9" s="102">
        <v>6</v>
      </c>
      <c r="DO9" s="102">
        <v>2</v>
      </c>
      <c r="DP9" s="102">
        <v>4</v>
      </c>
      <c r="DQ9" s="102">
        <v>3</v>
      </c>
      <c r="DR9" s="103">
        <v>18</v>
      </c>
      <c r="DS9" s="104">
        <v>29</v>
      </c>
      <c r="DT9" s="101">
        <v>18</v>
      </c>
      <c r="DU9" s="102">
        <v>19</v>
      </c>
      <c r="DV9" s="103">
        <v>37</v>
      </c>
      <c r="DW9" s="413">
        <v>0</v>
      </c>
      <c r="DX9" s="102">
        <v>28</v>
      </c>
      <c r="DY9" s="102">
        <v>12</v>
      </c>
      <c r="DZ9" s="102">
        <v>12</v>
      </c>
      <c r="EA9" s="102">
        <v>6</v>
      </c>
      <c r="EB9" s="102">
        <v>5</v>
      </c>
      <c r="EC9" s="103">
        <v>63</v>
      </c>
      <c r="ED9" s="104">
        <v>100</v>
      </c>
      <c r="EE9" s="101">
        <v>34</v>
      </c>
      <c r="EF9" s="102">
        <v>38</v>
      </c>
      <c r="EG9" s="103">
        <v>72</v>
      </c>
      <c r="EH9" s="413">
        <v>0</v>
      </c>
      <c r="EI9" s="102">
        <v>52</v>
      </c>
      <c r="EJ9" s="102">
        <v>31</v>
      </c>
      <c r="EK9" s="102">
        <v>11</v>
      </c>
      <c r="EL9" s="102">
        <v>9</v>
      </c>
      <c r="EM9" s="102">
        <v>8</v>
      </c>
      <c r="EN9" s="103">
        <v>111</v>
      </c>
      <c r="EO9" s="104">
        <v>183</v>
      </c>
      <c r="EP9" s="101">
        <v>85</v>
      </c>
      <c r="EQ9" s="102">
        <v>62</v>
      </c>
      <c r="ER9" s="103">
        <v>147</v>
      </c>
      <c r="ES9" s="413">
        <v>0</v>
      </c>
      <c r="ET9" s="102">
        <v>74</v>
      </c>
      <c r="EU9" s="102">
        <v>63</v>
      </c>
      <c r="EV9" s="102">
        <v>29</v>
      </c>
      <c r="EW9" s="102">
        <v>28</v>
      </c>
      <c r="EX9" s="102">
        <v>26</v>
      </c>
      <c r="EY9" s="103">
        <v>220</v>
      </c>
      <c r="EZ9" s="104">
        <v>367</v>
      </c>
      <c r="FA9" s="101">
        <v>63</v>
      </c>
      <c r="FB9" s="102">
        <v>81</v>
      </c>
      <c r="FC9" s="103">
        <v>144</v>
      </c>
      <c r="FD9" s="413">
        <v>0</v>
      </c>
      <c r="FE9" s="102">
        <v>127</v>
      </c>
      <c r="FF9" s="102">
        <v>63</v>
      </c>
      <c r="FG9" s="102">
        <v>42</v>
      </c>
      <c r="FH9" s="102">
        <v>55</v>
      </c>
      <c r="FI9" s="102">
        <v>26</v>
      </c>
      <c r="FJ9" s="103">
        <v>313</v>
      </c>
      <c r="FK9" s="104">
        <v>457</v>
      </c>
      <c r="FL9" s="101">
        <v>43</v>
      </c>
      <c r="FM9" s="102">
        <v>65</v>
      </c>
      <c r="FN9" s="103">
        <v>108</v>
      </c>
      <c r="FO9" s="413">
        <v>0</v>
      </c>
      <c r="FP9" s="102">
        <v>132</v>
      </c>
      <c r="FQ9" s="102">
        <v>128</v>
      </c>
      <c r="FR9" s="102">
        <v>108</v>
      </c>
      <c r="FS9" s="102">
        <v>95</v>
      </c>
      <c r="FT9" s="102">
        <v>53</v>
      </c>
      <c r="FU9" s="103">
        <v>516</v>
      </c>
      <c r="FV9" s="104">
        <v>624</v>
      </c>
      <c r="FW9" s="101">
        <v>0</v>
      </c>
      <c r="FX9" s="102">
        <v>0</v>
      </c>
      <c r="FY9" s="103">
        <v>0</v>
      </c>
      <c r="FZ9" s="413">
        <v>0</v>
      </c>
      <c r="GA9" s="102">
        <v>0</v>
      </c>
      <c r="GB9" s="102">
        <v>0</v>
      </c>
      <c r="GC9" s="102">
        <v>0</v>
      </c>
      <c r="GD9" s="102">
        <v>0</v>
      </c>
      <c r="GE9" s="102">
        <v>0</v>
      </c>
      <c r="GF9" s="103">
        <v>0</v>
      </c>
      <c r="GG9" s="104">
        <v>0</v>
      </c>
      <c r="GH9" s="101">
        <v>249</v>
      </c>
      <c r="GI9" s="102">
        <v>270</v>
      </c>
      <c r="GJ9" s="103">
        <v>519</v>
      </c>
      <c r="GK9" s="413">
        <v>0</v>
      </c>
      <c r="GL9" s="102">
        <v>416</v>
      </c>
      <c r="GM9" s="102">
        <v>303</v>
      </c>
      <c r="GN9" s="102">
        <v>204</v>
      </c>
      <c r="GO9" s="102">
        <v>197</v>
      </c>
      <c r="GP9" s="102">
        <v>121</v>
      </c>
      <c r="GQ9" s="103">
        <v>1241</v>
      </c>
      <c r="GR9" s="104">
        <v>1760</v>
      </c>
      <c r="GS9" s="105">
        <v>730</v>
      </c>
      <c r="GT9" s="97">
        <v>704</v>
      </c>
      <c r="GU9" s="98">
        <v>1434</v>
      </c>
      <c r="GV9" s="413">
        <v>0</v>
      </c>
      <c r="GW9" s="97">
        <v>1234</v>
      </c>
      <c r="GX9" s="97">
        <v>932</v>
      </c>
      <c r="GY9" s="97">
        <v>570</v>
      </c>
      <c r="GZ9" s="97">
        <v>553</v>
      </c>
      <c r="HA9" s="97">
        <v>344</v>
      </c>
      <c r="HB9" s="99">
        <v>3633</v>
      </c>
      <c r="HC9" s="100">
        <v>5067</v>
      </c>
      <c r="HD9" s="101">
        <v>33</v>
      </c>
      <c r="HE9" s="102">
        <v>30</v>
      </c>
      <c r="HF9" s="103">
        <v>63</v>
      </c>
      <c r="HG9" s="413">
        <v>0</v>
      </c>
      <c r="HH9" s="102">
        <v>30</v>
      </c>
      <c r="HI9" s="102">
        <v>31</v>
      </c>
      <c r="HJ9" s="102">
        <v>15</v>
      </c>
      <c r="HK9" s="102">
        <v>21</v>
      </c>
      <c r="HL9" s="102">
        <v>14</v>
      </c>
      <c r="HM9" s="103">
        <v>111</v>
      </c>
      <c r="HN9" s="104">
        <v>174</v>
      </c>
      <c r="HO9" s="101">
        <v>50</v>
      </c>
      <c r="HP9" s="102">
        <v>53</v>
      </c>
      <c r="HQ9" s="103">
        <v>103</v>
      </c>
      <c r="HR9" s="413">
        <v>0</v>
      </c>
      <c r="HS9" s="102">
        <v>82</v>
      </c>
      <c r="HT9" s="102">
        <v>52</v>
      </c>
      <c r="HU9" s="102">
        <v>39</v>
      </c>
      <c r="HV9" s="102">
        <v>39</v>
      </c>
      <c r="HW9" s="102">
        <v>35</v>
      </c>
      <c r="HX9" s="103">
        <v>247</v>
      </c>
      <c r="HY9" s="104">
        <v>350</v>
      </c>
      <c r="HZ9" s="101">
        <v>115</v>
      </c>
      <c r="IA9" s="102">
        <v>101</v>
      </c>
      <c r="IB9" s="103">
        <v>216</v>
      </c>
      <c r="IC9" s="413">
        <v>0</v>
      </c>
      <c r="ID9" s="102">
        <v>152</v>
      </c>
      <c r="IE9" s="102">
        <v>98</v>
      </c>
      <c r="IF9" s="102">
        <v>58</v>
      </c>
      <c r="IG9" s="102">
        <v>48</v>
      </c>
      <c r="IH9" s="102">
        <v>48</v>
      </c>
      <c r="II9" s="103">
        <v>404</v>
      </c>
      <c r="IJ9" s="104">
        <v>620</v>
      </c>
      <c r="IK9" s="101">
        <v>176</v>
      </c>
      <c r="IL9" s="102">
        <v>135</v>
      </c>
      <c r="IM9" s="103">
        <v>311</v>
      </c>
      <c r="IN9" s="413">
        <v>0</v>
      </c>
      <c r="IO9" s="102">
        <v>272</v>
      </c>
      <c r="IP9" s="102">
        <v>187</v>
      </c>
      <c r="IQ9" s="102">
        <v>98</v>
      </c>
      <c r="IR9" s="102">
        <v>98</v>
      </c>
      <c r="IS9" s="102">
        <v>69</v>
      </c>
      <c r="IT9" s="103">
        <v>724</v>
      </c>
      <c r="IU9" s="104">
        <v>1035</v>
      </c>
      <c r="IV9" s="101">
        <v>202</v>
      </c>
      <c r="IW9" s="102">
        <v>192</v>
      </c>
      <c r="IX9" s="103">
        <v>394</v>
      </c>
      <c r="IY9" s="413">
        <v>0</v>
      </c>
      <c r="IZ9" s="102">
        <v>351</v>
      </c>
      <c r="JA9" s="102">
        <v>233</v>
      </c>
      <c r="JB9" s="102">
        <v>138</v>
      </c>
      <c r="JC9" s="102">
        <v>127</v>
      </c>
      <c r="JD9" s="102">
        <v>71</v>
      </c>
      <c r="JE9" s="103">
        <v>920</v>
      </c>
      <c r="JF9" s="104">
        <v>1314</v>
      </c>
      <c r="JG9" s="101">
        <v>154</v>
      </c>
      <c r="JH9" s="102">
        <v>193</v>
      </c>
      <c r="JI9" s="103">
        <v>347</v>
      </c>
      <c r="JJ9" s="413">
        <v>0</v>
      </c>
      <c r="JK9" s="102">
        <v>347</v>
      </c>
      <c r="JL9" s="102">
        <v>331</v>
      </c>
      <c r="JM9" s="102">
        <v>222</v>
      </c>
      <c r="JN9" s="102">
        <v>220</v>
      </c>
      <c r="JO9" s="102">
        <v>107</v>
      </c>
      <c r="JP9" s="103">
        <v>1227</v>
      </c>
      <c r="JQ9" s="104">
        <v>1574</v>
      </c>
      <c r="JR9" s="101">
        <v>0</v>
      </c>
      <c r="JS9" s="102">
        <v>0</v>
      </c>
      <c r="JT9" s="103">
        <v>0</v>
      </c>
      <c r="JU9" s="413">
        <v>0</v>
      </c>
      <c r="JV9" s="102">
        <v>0</v>
      </c>
      <c r="JW9" s="102">
        <v>0</v>
      </c>
      <c r="JX9" s="102">
        <v>0</v>
      </c>
      <c r="JY9" s="102">
        <v>0</v>
      </c>
      <c r="JZ9" s="102">
        <v>0</v>
      </c>
      <c r="KA9" s="103">
        <v>0</v>
      </c>
      <c r="KB9" s="104">
        <v>0</v>
      </c>
      <c r="KC9" s="101">
        <v>730</v>
      </c>
      <c r="KD9" s="102">
        <v>704</v>
      </c>
      <c r="KE9" s="103">
        <v>1434</v>
      </c>
      <c r="KF9" s="413">
        <v>0</v>
      </c>
      <c r="KG9" s="102">
        <v>1234</v>
      </c>
      <c r="KH9" s="102">
        <v>932</v>
      </c>
      <c r="KI9" s="102">
        <v>570</v>
      </c>
      <c r="KJ9" s="102">
        <v>553</v>
      </c>
      <c r="KK9" s="102">
        <v>344</v>
      </c>
      <c r="KL9" s="103">
        <v>3633</v>
      </c>
      <c r="KM9" s="104">
        <v>5067</v>
      </c>
    </row>
    <row r="10" spans="2:299" s="70" customFormat="1" ht="21" customHeight="1" x14ac:dyDescent="0.2">
      <c r="B10" s="106" t="s">
        <v>14</v>
      </c>
      <c r="C10" s="96">
        <v>197</v>
      </c>
      <c r="D10" s="97">
        <v>241</v>
      </c>
      <c r="E10" s="98">
        <v>438</v>
      </c>
      <c r="F10" s="413">
        <v>0</v>
      </c>
      <c r="G10" s="97">
        <v>234</v>
      </c>
      <c r="H10" s="97">
        <v>299</v>
      </c>
      <c r="I10" s="97">
        <v>191</v>
      </c>
      <c r="J10" s="97">
        <v>147</v>
      </c>
      <c r="K10" s="97">
        <v>79</v>
      </c>
      <c r="L10" s="99">
        <v>950</v>
      </c>
      <c r="M10" s="100">
        <v>1388</v>
      </c>
      <c r="N10" s="101">
        <v>6</v>
      </c>
      <c r="O10" s="102">
        <v>10</v>
      </c>
      <c r="P10" s="103">
        <v>16</v>
      </c>
      <c r="Q10" s="413">
        <v>0</v>
      </c>
      <c r="R10" s="102">
        <v>8</v>
      </c>
      <c r="S10" s="102">
        <v>7</v>
      </c>
      <c r="T10" s="102">
        <v>4</v>
      </c>
      <c r="U10" s="102">
        <v>8</v>
      </c>
      <c r="V10" s="102">
        <v>2</v>
      </c>
      <c r="W10" s="103">
        <v>29</v>
      </c>
      <c r="X10" s="104">
        <v>45</v>
      </c>
      <c r="Y10" s="101">
        <v>15</v>
      </c>
      <c r="Z10" s="102">
        <v>26</v>
      </c>
      <c r="AA10" s="103">
        <v>41</v>
      </c>
      <c r="AB10" s="413">
        <v>0</v>
      </c>
      <c r="AC10" s="102">
        <v>9</v>
      </c>
      <c r="AD10" s="102">
        <v>15</v>
      </c>
      <c r="AE10" s="102">
        <v>15</v>
      </c>
      <c r="AF10" s="102">
        <v>13</v>
      </c>
      <c r="AG10" s="102">
        <v>13</v>
      </c>
      <c r="AH10" s="103">
        <v>65</v>
      </c>
      <c r="AI10" s="104">
        <v>106</v>
      </c>
      <c r="AJ10" s="101">
        <v>22</v>
      </c>
      <c r="AK10" s="102">
        <v>37</v>
      </c>
      <c r="AL10" s="103">
        <v>59</v>
      </c>
      <c r="AM10" s="413">
        <v>0</v>
      </c>
      <c r="AN10" s="102">
        <v>26</v>
      </c>
      <c r="AO10" s="102">
        <v>43</v>
      </c>
      <c r="AP10" s="102">
        <v>29</v>
      </c>
      <c r="AQ10" s="102">
        <v>14</v>
      </c>
      <c r="AR10" s="102">
        <v>14</v>
      </c>
      <c r="AS10" s="103">
        <v>126</v>
      </c>
      <c r="AT10" s="104">
        <v>185</v>
      </c>
      <c r="AU10" s="101">
        <v>46</v>
      </c>
      <c r="AV10" s="102">
        <v>53</v>
      </c>
      <c r="AW10" s="103">
        <v>99</v>
      </c>
      <c r="AX10" s="413">
        <v>0</v>
      </c>
      <c r="AY10" s="102">
        <v>50</v>
      </c>
      <c r="AZ10" s="102">
        <v>73</v>
      </c>
      <c r="BA10" s="102">
        <v>35</v>
      </c>
      <c r="BB10" s="102">
        <v>30</v>
      </c>
      <c r="BC10" s="102">
        <v>15</v>
      </c>
      <c r="BD10" s="103">
        <v>203</v>
      </c>
      <c r="BE10" s="104">
        <v>302</v>
      </c>
      <c r="BF10" s="101">
        <v>76</v>
      </c>
      <c r="BG10" s="102">
        <v>72</v>
      </c>
      <c r="BH10" s="103">
        <v>148</v>
      </c>
      <c r="BI10" s="413">
        <v>0</v>
      </c>
      <c r="BJ10" s="102">
        <v>72</v>
      </c>
      <c r="BK10" s="102">
        <v>89</v>
      </c>
      <c r="BL10" s="102">
        <v>62</v>
      </c>
      <c r="BM10" s="102">
        <v>41</v>
      </c>
      <c r="BN10" s="102">
        <v>20</v>
      </c>
      <c r="BO10" s="103">
        <v>284</v>
      </c>
      <c r="BP10" s="104">
        <v>432</v>
      </c>
      <c r="BQ10" s="101">
        <v>32</v>
      </c>
      <c r="BR10" s="102">
        <v>43</v>
      </c>
      <c r="BS10" s="103">
        <v>75</v>
      </c>
      <c r="BT10" s="413">
        <v>0</v>
      </c>
      <c r="BU10" s="102">
        <v>69</v>
      </c>
      <c r="BV10" s="102">
        <v>72</v>
      </c>
      <c r="BW10" s="102">
        <v>46</v>
      </c>
      <c r="BX10" s="102">
        <v>41</v>
      </c>
      <c r="BY10" s="102">
        <v>15</v>
      </c>
      <c r="BZ10" s="103">
        <v>243</v>
      </c>
      <c r="CA10" s="104">
        <v>318</v>
      </c>
      <c r="CB10" s="101">
        <v>0</v>
      </c>
      <c r="CC10" s="102">
        <v>0</v>
      </c>
      <c r="CD10" s="103">
        <v>0</v>
      </c>
      <c r="CE10" s="413">
        <v>0</v>
      </c>
      <c r="CF10" s="102">
        <v>0</v>
      </c>
      <c r="CG10" s="102">
        <v>0</v>
      </c>
      <c r="CH10" s="102">
        <v>0</v>
      </c>
      <c r="CI10" s="102">
        <v>0</v>
      </c>
      <c r="CJ10" s="102">
        <v>0</v>
      </c>
      <c r="CK10" s="103">
        <v>0</v>
      </c>
      <c r="CL10" s="104">
        <v>0</v>
      </c>
      <c r="CM10" s="101">
        <v>197</v>
      </c>
      <c r="CN10" s="102">
        <v>241</v>
      </c>
      <c r="CO10" s="103">
        <v>438</v>
      </c>
      <c r="CP10" s="413">
        <v>0</v>
      </c>
      <c r="CQ10" s="102">
        <v>234</v>
      </c>
      <c r="CR10" s="102">
        <v>299</v>
      </c>
      <c r="CS10" s="102">
        <v>191</v>
      </c>
      <c r="CT10" s="102">
        <v>147</v>
      </c>
      <c r="CU10" s="102">
        <v>79</v>
      </c>
      <c r="CV10" s="103">
        <v>950</v>
      </c>
      <c r="CW10" s="104">
        <v>1388</v>
      </c>
      <c r="CX10" s="105">
        <v>55</v>
      </c>
      <c r="CY10" s="97">
        <v>82</v>
      </c>
      <c r="CZ10" s="98">
        <v>137</v>
      </c>
      <c r="DA10" s="413">
        <v>0</v>
      </c>
      <c r="DB10" s="97">
        <v>93</v>
      </c>
      <c r="DC10" s="97">
        <v>138</v>
      </c>
      <c r="DD10" s="97">
        <v>73</v>
      </c>
      <c r="DE10" s="97">
        <v>78</v>
      </c>
      <c r="DF10" s="97">
        <v>54</v>
      </c>
      <c r="DG10" s="99">
        <v>436</v>
      </c>
      <c r="DH10" s="100">
        <v>573</v>
      </c>
      <c r="DI10" s="101">
        <v>1</v>
      </c>
      <c r="DJ10" s="102">
        <v>4</v>
      </c>
      <c r="DK10" s="103">
        <v>5</v>
      </c>
      <c r="DL10" s="413">
        <v>0</v>
      </c>
      <c r="DM10" s="102">
        <v>2</v>
      </c>
      <c r="DN10" s="102">
        <v>4</v>
      </c>
      <c r="DO10" s="102">
        <v>1</v>
      </c>
      <c r="DP10" s="102">
        <v>4</v>
      </c>
      <c r="DQ10" s="102">
        <v>4</v>
      </c>
      <c r="DR10" s="103">
        <v>15</v>
      </c>
      <c r="DS10" s="104">
        <v>20</v>
      </c>
      <c r="DT10" s="101">
        <v>1</v>
      </c>
      <c r="DU10" s="102">
        <v>2</v>
      </c>
      <c r="DV10" s="103">
        <v>3</v>
      </c>
      <c r="DW10" s="413">
        <v>0</v>
      </c>
      <c r="DX10" s="102">
        <v>6</v>
      </c>
      <c r="DY10" s="102">
        <v>8</v>
      </c>
      <c r="DZ10" s="102">
        <v>4</v>
      </c>
      <c r="EA10" s="102">
        <v>0</v>
      </c>
      <c r="EB10" s="102">
        <v>2</v>
      </c>
      <c r="EC10" s="103">
        <v>20</v>
      </c>
      <c r="ED10" s="104">
        <v>23</v>
      </c>
      <c r="EE10" s="101">
        <v>11</v>
      </c>
      <c r="EF10" s="102">
        <v>14</v>
      </c>
      <c r="EG10" s="103">
        <v>25</v>
      </c>
      <c r="EH10" s="413">
        <v>0</v>
      </c>
      <c r="EI10" s="102">
        <v>10</v>
      </c>
      <c r="EJ10" s="102">
        <v>10</v>
      </c>
      <c r="EK10" s="102">
        <v>8</v>
      </c>
      <c r="EL10" s="102">
        <v>6</v>
      </c>
      <c r="EM10" s="102">
        <v>4</v>
      </c>
      <c r="EN10" s="103">
        <v>38</v>
      </c>
      <c r="EO10" s="104">
        <v>63</v>
      </c>
      <c r="EP10" s="101">
        <v>17</v>
      </c>
      <c r="EQ10" s="102">
        <v>15</v>
      </c>
      <c r="ER10" s="103">
        <v>32</v>
      </c>
      <c r="ES10" s="413">
        <v>0</v>
      </c>
      <c r="ET10" s="102">
        <v>15</v>
      </c>
      <c r="EU10" s="102">
        <v>22</v>
      </c>
      <c r="EV10" s="102">
        <v>13</v>
      </c>
      <c r="EW10" s="102">
        <v>9</v>
      </c>
      <c r="EX10" s="102">
        <v>13</v>
      </c>
      <c r="EY10" s="103">
        <v>72</v>
      </c>
      <c r="EZ10" s="104">
        <v>104</v>
      </c>
      <c r="FA10" s="101">
        <v>17</v>
      </c>
      <c r="FB10" s="102">
        <v>27</v>
      </c>
      <c r="FC10" s="103">
        <v>44</v>
      </c>
      <c r="FD10" s="413">
        <v>0</v>
      </c>
      <c r="FE10" s="102">
        <v>26</v>
      </c>
      <c r="FF10" s="102">
        <v>48</v>
      </c>
      <c r="FG10" s="102">
        <v>13</v>
      </c>
      <c r="FH10" s="102">
        <v>19</v>
      </c>
      <c r="FI10" s="102">
        <v>13</v>
      </c>
      <c r="FJ10" s="103">
        <v>119</v>
      </c>
      <c r="FK10" s="104">
        <v>163</v>
      </c>
      <c r="FL10" s="101">
        <v>8</v>
      </c>
      <c r="FM10" s="102">
        <v>20</v>
      </c>
      <c r="FN10" s="103">
        <v>28</v>
      </c>
      <c r="FO10" s="413">
        <v>0</v>
      </c>
      <c r="FP10" s="102">
        <v>34</v>
      </c>
      <c r="FQ10" s="102">
        <v>46</v>
      </c>
      <c r="FR10" s="102">
        <v>34</v>
      </c>
      <c r="FS10" s="102">
        <v>40</v>
      </c>
      <c r="FT10" s="102">
        <v>18</v>
      </c>
      <c r="FU10" s="103">
        <v>172</v>
      </c>
      <c r="FV10" s="104">
        <v>200</v>
      </c>
      <c r="FW10" s="101">
        <v>0</v>
      </c>
      <c r="FX10" s="102">
        <v>0</v>
      </c>
      <c r="FY10" s="103">
        <v>0</v>
      </c>
      <c r="FZ10" s="413">
        <v>0</v>
      </c>
      <c r="GA10" s="102">
        <v>0</v>
      </c>
      <c r="GB10" s="102">
        <v>0</v>
      </c>
      <c r="GC10" s="102">
        <v>0</v>
      </c>
      <c r="GD10" s="102">
        <v>0</v>
      </c>
      <c r="GE10" s="102">
        <v>0</v>
      </c>
      <c r="GF10" s="103">
        <v>0</v>
      </c>
      <c r="GG10" s="104">
        <v>0</v>
      </c>
      <c r="GH10" s="101">
        <v>55</v>
      </c>
      <c r="GI10" s="102">
        <v>82</v>
      </c>
      <c r="GJ10" s="103">
        <v>137</v>
      </c>
      <c r="GK10" s="413">
        <v>0</v>
      </c>
      <c r="GL10" s="102">
        <v>93</v>
      </c>
      <c r="GM10" s="102">
        <v>138</v>
      </c>
      <c r="GN10" s="102">
        <v>73</v>
      </c>
      <c r="GO10" s="102">
        <v>78</v>
      </c>
      <c r="GP10" s="102">
        <v>54</v>
      </c>
      <c r="GQ10" s="103">
        <v>436</v>
      </c>
      <c r="GR10" s="104">
        <v>573</v>
      </c>
      <c r="GS10" s="105">
        <v>252</v>
      </c>
      <c r="GT10" s="97">
        <v>323</v>
      </c>
      <c r="GU10" s="98">
        <v>575</v>
      </c>
      <c r="GV10" s="413">
        <v>0</v>
      </c>
      <c r="GW10" s="97">
        <v>327</v>
      </c>
      <c r="GX10" s="97">
        <v>437</v>
      </c>
      <c r="GY10" s="97">
        <v>264</v>
      </c>
      <c r="GZ10" s="97">
        <v>225</v>
      </c>
      <c r="HA10" s="97">
        <v>133</v>
      </c>
      <c r="HB10" s="99">
        <v>1386</v>
      </c>
      <c r="HC10" s="100">
        <v>1961</v>
      </c>
      <c r="HD10" s="101">
        <v>7</v>
      </c>
      <c r="HE10" s="102">
        <v>14</v>
      </c>
      <c r="HF10" s="103">
        <v>21</v>
      </c>
      <c r="HG10" s="413">
        <v>0</v>
      </c>
      <c r="HH10" s="102">
        <v>10</v>
      </c>
      <c r="HI10" s="102">
        <v>11</v>
      </c>
      <c r="HJ10" s="102">
        <v>5</v>
      </c>
      <c r="HK10" s="102">
        <v>12</v>
      </c>
      <c r="HL10" s="102">
        <v>6</v>
      </c>
      <c r="HM10" s="103">
        <v>44</v>
      </c>
      <c r="HN10" s="104">
        <v>65</v>
      </c>
      <c r="HO10" s="101">
        <v>16</v>
      </c>
      <c r="HP10" s="102">
        <v>28</v>
      </c>
      <c r="HQ10" s="103">
        <v>44</v>
      </c>
      <c r="HR10" s="413">
        <v>0</v>
      </c>
      <c r="HS10" s="102">
        <v>15</v>
      </c>
      <c r="HT10" s="102">
        <v>23</v>
      </c>
      <c r="HU10" s="102">
        <v>19</v>
      </c>
      <c r="HV10" s="102">
        <v>13</v>
      </c>
      <c r="HW10" s="102">
        <v>15</v>
      </c>
      <c r="HX10" s="103">
        <v>85</v>
      </c>
      <c r="HY10" s="104">
        <v>129</v>
      </c>
      <c r="HZ10" s="101">
        <v>33</v>
      </c>
      <c r="IA10" s="102">
        <v>51</v>
      </c>
      <c r="IB10" s="103">
        <v>84</v>
      </c>
      <c r="IC10" s="413">
        <v>0</v>
      </c>
      <c r="ID10" s="102">
        <v>36</v>
      </c>
      <c r="IE10" s="102">
        <v>53</v>
      </c>
      <c r="IF10" s="102">
        <v>37</v>
      </c>
      <c r="IG10" s="102">
        <v>20</v>
      </c>
      <c r="IH10" s="102">
        <v>18</v>
      </c>
      <c r="II10" s="103">
        <v>164</v>
      </c>
      <c r="IJ10" s="104">
        <v>248</v>
      </c>
      <c r="IK10" s="101">
        <v>63</v>
      </c>
      <c r="IL10" s="102">
        <v>68</v>
      </c>
      <c r="IM10" s="103">
        <v>131</v>
      </c>
      <c r="IN10" s="413">
        <v>0</v>
      </c>
      <c r="IO10" s="102">
        <v>65</v>
      </c>
      <c r="IP10" s="102">
        <v>95</v>
      </c>
      <c r="IQ10" s="102">
        <v>48</v>
      </c>
      <c r="IR10" s="102">
        <v>39</v>
      </c>
      <c r="IS10" s="102">
        <v>28</v>
      </c>
      <c r="IT10" s="103">
        <v>275</v>
      </c>
      <c r="IU10" s="104">
        <v>406</v>
      </c>
      <c r="IV10" s="101">
        <v>93</v>
      </c>
      <c r="IW10" s="102">
        <v>99</v>
      </c>
      <c r="IX10" s="103">
        <v>192</v>
      </c>
      <c r="IY10" s="413">
        <v>0</v>
      </c>
      <c r="IZ10" s="102">
        <v>98</v>
      </c>
      <c r="JA10" s="102">
        <v>137</v>
      </c>
      <c r="JB10" s="102">
        <v>75</v>
      </c>
      <c r="JC10" s="102">
        <v>60</v>
      </c>
      <c r="JD10" s="102">
        <v>33</v>
      </c>
      <c r="JE10" s="103">
        <v>403</v>
      </c>
      <c r="JF10" s="104">
        <v>595</v>
      </c>
      <c r="JG10" s="101">
        <v>40</v>
      </c>
      <c r="JH10" s="102">
        <v>63</v>
      </c>
      <c r="JI10" s="103">
        <v>103</v>
      </c>
      <c r="JJ10" s="413">
        <v>0</v>
      </c>
      <c r="JK10" s="102">
        <v>103</v>
      </c>
      <c r="JL10" s="102">
        <v>118</v>
      </c>
      <c r="JM10" s="102">
        <v>80</v>
      </c>
      <c r="JN10" s="102">
        <v>81</v>
      </c>
      <c r="JO10" s="102">
        <v>33</v>
      </c>
      <c r="JP10" s="103">
        <v>415</v>
      </c>
      <c r="JQ10" s="104">
        <v>518</v>
      </c>
      <c r="JR10" s="101">
        <v>0</v>
      </c>
      <c r="JS10" s="102">
        <v>0</v>
      </c>
      <c r="JT10" s="103">
        <v>0</v>
      </c>
      <c r="JU10" s="413">
        <v>0</v>
      </c>
      <c r="JV10" s="102">
        <v>0</v>
      </c>
      <c r="JW10" s="102">
        <v>0</v>
      </c>
      <c r="JX10" s="102">
        <v>0</v>
      </c>
      <c r="JY10" s="102">
        <v>0</v>
      </c>
      <c r="JZ10" s="102">
        <v>0</v>
      </c>
      <c r="KA10" s="103">
        <v>0</v>
      </c>
      <c r="KB10" s="104">
        <v>0</v>
      </c>
      <c r="KC10" s="101">
        <v>252</v>
      </c>
      <c r="KD10" s="102">
        <v>323</v>
      </c>
      <c r="KE10" s="103">
        <v>575</v>
      </c>
      <c r="KF10" s="413">
        <v>0</v>
      </c>
      <c r="KG10" s="102">
        <v>327</v>
      </c>
      <c r="KH10" s="102">
        <v>437</v>
      </c>
      <c r="KI10" s="102">
        <v>264</v>
      </c>
      <c r="KJ10" s="102">
        <v>225</v>
      </c>
      <c r="KK10" s="102">
        <v>133</v>
      </c>
      <c r="KL10" s="103">
        <v>1386</v>
      </c>
      <c r="KM10" s="104">
        <v>1961</v>
      </c>
    </row>
    <row r="11" spans="2:299" s="70" customFormat="1" ht="21" customHeight="1" x14ac:dyDescent="0.2">
      <c r="B11" s="106" t="s">
        <v>7</v>
      </c>
      <c r="C11" s="96">
        <v>145</v>
      </c>
      <c r="D11" s="97">
        <v>105</v>
      </c>
      <c r="E11" s="98">
        <v>250</v>
      </c>
      <c r="F11" s="413">
        <v>0</v>
      </c>
      <c r="G11" s="97">
        <v>258</v>
      </c>
      <c r="H11" s="97">
        <v>132</v>
      </c>
      <c r="I11" s="97">
        <v>90</v>
      </c>
      <c r="J11" s="97">
        <v>78</v>
      </c>
      <c r="K11" s="97">
        <v>37</v>
      </c>
      <c r="L11" s="99">
        <v>595</v>
      </c>
      <c r="M11" s="100">
        <v>845</v>
      </c>
      <c r="N11" s="101">
        <v>5</v>
      </c>
      <c r="O11" s="102">
        <v>3</v>
      </c>
      <c r="P11" s="103">
        <v>8</v>
      </c>
      <c r="Q11" s="413">
        <v>0</v>
      </c>
      <c r="R11" s="102">
        <v>6</v>
      </c>
      <c r="S11" s="102">
        <v>3</v>
      </c>
      <c r="T11" s="102">
        <v>4</v>
      </c>
      <c r="U11" s="102">
        <v>4</v>
      </c>
      <c r="V11" s="102">
        <v>2</v>
      </c>
      <c r="W11" s="103">
        <v>19</v>
      </c>
      <c r="X11" s="104">
        <v>27</v>
      </c>
      <c r="Y11" s="101">
        <v>6</v>
      </c>
      <c r="Z11" s="102">
        <v>6</v>
      </c>
      <c r="AA11" s="103">
        <v>12</v>
      </c>
      <c r="AB11" s="413">
        <v>0</v>
      </c>
      <c r="AC11" s="102">
        <v>11</v>
      </c>
      <c r="AD11" s="102">
        <v>11</v>
      </c>
      <c r="AE11" s="102">
        <v>8</v>
      </c>
      <c r="AF11" s="102">
        <v>7</v>
      </c>
      <c r="AG11" s="102">
        <v>4</v>
      </c>
      <c r="AH11" s="103">
        <v>41</v>
      </c>
      <c r="AI11" s="104">
        <v>53</v>
      </c>
      <c r="AJ11" s="101">
        <v>18</v>
      </c>
      <c r="AK11" s="102">
        <v>15</v>
      </c>
      <c r="AL11" s="103">
        <v>33</v>
      </c>
      <c r="AM11" s="413">
        <v>0</v>
      </c>
      <c r="AN11" s="102">
        <v>30</v>
      </c>
      <c r="AO11" s="102">
        <v>14</v>
      </c>
      <c r="AP11" s="102">
        <v>12</v>
      </c>
      <c r="AQ11" s="102">
        <v>12</v>
      </c>
      <c r="AR11" s="102">
        <v>7</v>
      </c>
      <c r="AS11" s="103">
        <v>75</v>
      </c>
      <c r="AT11" s="104">
        <v>108</v>
      </c>
      <c r="AU11" s="101">
        <v>32</v>
      </c>
      <c r="AV11" s="102">
        <v>23</v>
      </c>
      <c r="AW11" s="103">
        <v>55</v>
      </c>
      <c r="AX11" s="413">
        <v>0</v>
      </c>
      <c r="AY11" s="102">
        <v>56</v>
      </c>
      <c r="AZ11" s="102">
        <v>23</v>
      </c>
      <c r="BA11" s="102">
        <v>12</v>
      </c>
      <c r="BB11" s="102">
        <v>11</v>
      </c>
      <c r="BC11" s="102">
        <v>13</v>
      </c>
      <c r="BD11" s="103">
        <v>115</v>
      </c>
      <c r="BE11" s="104">
        <v>170</v>
      </c>
      <c r="BF11" s="101">
        <v>51</v>
      </c>
      <c r="BG11" s="102">
        <v>26</v>
      </c>
      <c r="BH11" s="103">
        <v>77</v>
      </c>
      <c r="BI11" s="413">
        <v>0</v>
      </c>
      <c r="BJ11" s="102">
        <v>75</v>
      </c>
      <c r="BK11" s="102">
        <v>41</v>
      </c>
      <c r="BL11" s="102">
        <v>24</v>
      </c>
      <c r="BM11" s="102">
        <v>18</v>
      </c>
      <c r="BN11" s="102">
        <v>6</v>
      </c>
      <c r="BO11" s="103">
        <v>164</v>
      </c>
      <c r="BP11" s="104">
        <v>241</v>
      </c>
      <c r="BQ11" s="101">
        <v>33</v>
      </c>
      <c r="BR11" s="102">
        <v>32</v>
      </c>
      <c r="BS11" s="103">
        <v>65</v>
      </c>
      <c r="BT11" s="413">
        <v>0</v>
      </c>
      <c r="BU11" s="102">
        <v>80</v>
      </c>
      <c r="BV11" s="102">
        <v>40</v>
      </c>
      <c r="BW11" s="102">
        <v>30</v>
      </c>
      <c r="BX11" s="102">
        <v>26</v>
      </c>
      <c r="BY11" s="102">
        <v>5</v>
      </c>
      <c r="BZ11" s="103">
        <v>181</v>
      </c>
      <c r="CA11" s="104">
        <v>246</v>
      </c>
      <c r="CB11" s="101">
        <v>0</v>
      </c>
      <c r="CC11" s="102">
        <v>0</v>
      </c>
      <c r="CD11" s="103">
        <v>0</v>
      </c>
      <c r="CE11" s="413">
        <v>0</v>
      </c>
      <c r="CF11" s="102">
        <v>0</v>
      </c>
      <c r="CG11" s="102">
        <v>0</v>
      </c>
      <c r="CH11" s="102">
        <v>0</v>
      </c>
      <c r="CI11" s="102">
        <v>0</v>
      </c>
      <c r="CJ11" s="102">
        <v>0</v>
      </c>
      <c r="CK11" s="103">
        <v>0</v>
      </c>
      <c r="CL11" s="104">
        <v>0</v>
      </c>
      <c r="CM11" s="101">
        <v>145</v>
      </c>
      <c r="CN11" s="102">
        <v>105</v>
      </c>
      <c r="CO11" s="103">
        <v>250</v>
      </c>
      <c r="CP11" s="413">
        <v>0</v>
      </c>
      <c r="CQ11" s="102">
        <v>258</v>
      </c>
      <c r="CR11" s="102">
        <v>132</v>
      </c>
      <c r="CS11" s="102">
        <v>90</v>
      </c>
      <c r="CT11" s="102">
        <v>78</v>
      </c>
      <c r="CU11" s="102">
        <v>37</v>
      </c>
      <c r="CV11" s="103">
        <v>595</v>
      </c>
      <c r="CW11" s="104">
        <v>845</v>
      </c>
      <c r="CX11" s="105">
        <v>49</v>
      </c>
      <c r="CY11" s="97">
        <v>44</v>
      </c>
      <c r="CZ11" s="98">
        <v>93</v>
      </c>
      <c r="DA11" s="413">
        <v>0</v>
      </c>
      <c r="DB11" s="97">
        <v>77</v>
      </c>
      <c r="DC11" s="97">
        <v>30</v>
      </c>
      <c r="DD11" s="97">
        <v>19</v>
      </c>
      <c r="DE11" s="97">
        <v>24</v>
      </c>
      <c r="DF11" s="97">
        <v>19</v>
      </c>
      <c r="DG11" s="99">
        <v>169</v>
      </c>
      <c r="DH11" s="100">
        <v>262</v>
      </c>
      <c r="DI11" s="101">
        <v>1</v>
      </c>
      <c r="DJ11" s="102">
        <v>0</v>
      </c>
      <c r="DK11" s="103">
        <v>1</v>
      </c>
      <c r="DL11" s="413">
        <v>0</v>
      </c>
      <c r="DM11" s="102">
        <v>1</v>
      </c>
      <c r="DN11" s="102">
        <v>0</v>
      </c>
      <c r="DO11" s="102">
        <v>2</v>
      </c>
      <c r="DP11" s="102">
        <v>0</v>
      </c>
      <c r="DQ11" s="102">
        <v>0</v>
      </c>
      <c r="DR11" s="103">
        <v>3</v>
      </c>
      <c r="DS11" s="104">
        <v>4</v>
      </c>
      <c r="DT11" s="101">
        <v>2</v>
      </c>
      <c r="DU11" s="102">
        <v>3</v>
      </c>
      <c r="DV11" s="103">
        <v>5</v>
      </c>
      <c r="DW11" s="413">
        <v>0</v>
      </c>
      <c r="DX11" s="102">
        <v>2</v>
      </c>
      <c r="DY11" s="102">
        <v>4</v>
      </c>
      <c r="DZ11" s="102">
        <v>1</v>
      </c>
      <c r="EA11" s="102">
        <v>1</v>
      </c>
      <c r="EB11" s="102">
        <v>2</v>
      </c>
      <c r="EC11" s="103">
        <v>10</v>
      </c>
      <c r="ED11" s="104">
        <v>15</v>
      </c>
      <c r="EE11" s="101">
        <v>7</v>
      </c>
      <c r="EF11" s="102">
        <v>7</v>
      </c>
      <c r="EG11" s="103">
        <v>14</v>
      </c>
      <c r="EH11" s="413">
        <v>0</v>
      </c>
      <c r="EI11" s="102">
        <v>11</v>
      </c>
      <c r="EJ11" s="102">
        <v>3</v>
      </c>
      <c r="EK11" s="102">
        <v>1</v>
      </c>
      <c r="EL11" s="102">
        <v>3</v>
      </c>
      <c r="EM11" s="102">
        <v>3</v>
      </c>
      <c r="EN11" s="103">
        <v>21</v>
      </c>
      <c r="EO11" s="104">
        <v>35</v>
      </c>
      <c r="EP11" s="101">
        <v>13</v>
      </c>
      <c r="EQ11" s="102">
        <v>15</v>
      </c>
      <c r="ER11" s="103">
        <v>28</v>
      </c>
      <c r="ES11" s="413">
        <v>0</v>
      </c>
      <c r="ET11" s="102">
        <v>19</v>
      </c>
      <c r="EU11" s="102">
        <v>5</v>
      </c>
      <c r="EV11" s="102">
        <v>2</v>
      </c>
      <c r="EW11" s="102">
        <v>5</v>
      </c>
      <c r="EX11" s="102">
        <v>2</v>
      </c>
      <c r="EY11" s="103">
        <v>33</v>
      </c>
      <c r="EZ11" s="104">
        <v>61</v>
      </c>
      <c r="FA11" s="101">
        <v>18</v>
      </c>
      <c r="FB11" s="102">
        <v>11</v>
      </c>
      <c r="FC11" s="103">
        <v>29</v>
      </c>
      <c r="FD11" s="413">
        <v>0</v>
      </c>
      <c r="FE11" s="102">
        <v>20</v>
      </c>
      <c r="FF11" s="102">
        <v>7</v>
      </c>
      <c r="FG11" s="102">
        <v>4</v>
      </c>
      <c r="FH11" s="102">
        <v>7</v>
      </c>
      <c r="FI11" s="102">
        <v>6</v>
      </c>
      <c r="FJ11" s="103">
        <v>44</v>
      </c>
      <c r="FK11" s="104">
        <v>73</v>
      </c>
      <c r="FL11" s="101">
        <v>8</v>
      </c>
      <c r="FM11" s="102">
        <v>8</v>
      </c>
      <c r="FN11" s="103">
        <v>16</v>
      </c>
      <c r="FO11" s="413">
        <v>0</v>
      </c>
      <c r="FP11" s="102">
        <v>24</v>
      </c>
      <c r="FQ11" s="102">
        <v>11</v>
      </c>
      <c r="FR11" s="102">
        <v>9</v>
      </c>
      <c r="FS11" s="102">
        <v>8</v>
      </c>
      <c r="FT11" s="102">
        <v>6</v>
      </c>
      <c r="FU11" s="103">
        <v>58</v>
      </c>
      <c r="FV11" s="104">
        <v>74</v>
      </c>
      <c r="FW11" s="101">
        <v>0</v>
      </c>
      <c r="FX11" s="102">
        <v>0</v>
      </c>
      <c r="FY11" s="103">
        <v>0</v>
      </c>
      <c r="FZ11" s="413">
        <v>0</v>
      </c>
      <c r="GA11" s="102">
        <v>0</v>
      </c>
      <c r="GB11" s="102">
        <v>0</v>
      </c>
      <c r="GC11" s="102">
        <v>0</v>
      </c>
      <c r="GD11" s="102">
        <v>0</v>
      </c>
      <c r="GE11" s="102">
        <v>0</v>
      </c>
      <c r="GF11" s="103">
        <v>0</v>
      </c>
      <c r="GG11" s="104">
        <v>0</v>
      </c>
      <c r="GH11" s="101">
        <v>49</v>
      </c>
      <c r="GI11" s="102">
        <v>44</v>
      </c>
      <c r="GJ11" s="103">
        <v>93</v>
      </c>
      <c r="GK11" s="413">
        <v>0</v>
      </c>
      <c r="GL11" s="102">
        <v>77</v>
      </c>
      <c r="GM11" s="102">
        <v>30</v>
      </c>
      <c r="GN11" s="102">
        <v>19</v>
      </c>
      <c r="GO11" s="102">
        <v>24</v>
      </c>
      <c r="GP11" s="102">
        <v>19</v>
      </c>
      <c r="GQ11" s="103">
        <v>169</v>
      </c>
      <c r="GR11" s="104">
        <v>262</v>
      </c>
      <c r="GS11" s="105">
        <v>194</v>
      </c>
      <c r="GT11" s="97">
        <v>149</v>
      </c>
      <c r="GU11" s="98">
        <v>343</v>
      </c>
      <c r="GV11" s="413">
        <v>0</v>
      </c>
      <c r="GW11" s="97">
        <v>335</v>
      </c>
      <c r="GX11" s="97">
        <v>162</v>
      </c>
      <c r="GY11" s="97">
        <v>109</v>
      </c>
      <c r="GZ11" s="97">
        <v>102</v>
      </c>
      <c r="HA11" s="97">
        <v>56</v>
      </c>
      <c r="HB11" s="99">
        <v>764</v>
      </c>
      <c r="HC11" s="100">
        <v>1107</v>
      </c>
      <c r="HD11" s="101">
        <v>6</v>
      </c>
      <c r="HE11" s="102">
        <v>3</v>
      </c>
      <c r="HF11" s="103">
        <v>9</v>
      </c>
      <c r="HG11" s="413">
        <v>0</v>
      </c>
      <c r="HH11" s="102">
        <v>7</v>
      </c>
      <c r="HI11" s="102">
        <v>3</v>
      </c>
      <c r="HJ11" s="102">
        <v>6</v>
      </c>
      <c r="HK11" s="102">
        <v>4</v>
      </c>
      <c r="HL11" s="102">
        <v>2</v>
      </c>
      <c r="HM11" s="103">
        <v>22</v>
      </c>
      <c r="HN11" s="104">
        <v>31</v>
      </c>
      <c r="HO11" s="101">
        <v>8</v>
      </c>
      <c r="HP11" s="102">
        <v>9</v>
      </c>
      <c r="HQ11" s="103">
        <v>17</v>
      </c>
      <c r="HR11" s="413">
        <v>0</v>
      </c>
      <c r="HS11" s="102">
        <v>13</v>
      </c>
      <c r="HT11" s="102">
        <v>15</v>
      </c>
      <c r="HU11" s="102">
        <v>9</v>
      </c>
      <c r="HV11" s="102">
        <v>8</v>
      </c>
      <c r="HW11" s="102">
        <v>6</v>
      </c>
      <c r="HX11" s="103">
        <v>51</v>
      </c>
      <c r="HY11" s="104">
        <v>68</v>
      </c>
      <c r="HZ11" s="101">
        <v>25</v>
      </c>
      <c r="IA11" s="102">
        <v>22</v>
      </c>
      <c r="IB11" s="103">
        <v>47</v>
      </c>
      <c r="IC11" s="413">
        <v>0</v>
      </c>
      <c r="ID11" s="102">
        <v>41</v>
      </c>
      <c r="IE11" s="102">
        <v>17</v>
      </c>
      <c r="IF11" s="102">
        <v>13</v>
      </c>
      <c r="IG11" s="102">
        <v>15</v>
      </c>
      <c r="IH11" s="102">
        <v>10</v>
      </c>
      <c r="II11" s="103">
        <v>96</v>
      </c>
      <c r="IJ11" s="104">
        <v>143</v>
      </c>
      <c r="IK11" s="101">
        <v>45</v>
      </c>
      <c r="IL11" s="102">
        <v>38</v>
      </c>
      <c r="IM11" s="103">
        <v>83</v>
      </c>
      <c r="IN11" s="413">
        <v>0</v>
      </c>
      <c r="IO11" s="102">
        <v>75</v>
      </c>
      <c r="IP11" s="102">
        <v>28</v>
      </c>
      <c r="IQ11" s="102">
        <v>14</v>
      </c>
      <c r="IR11" s="102">
        <v>16</v>
      </c>
      <c r="IS11" s="102">
        <v>15</v>
      </c>
      <c r="IT11" s="103">
        <v>148</v>
      </c>
      <c r="IU11" s="104">
        <v>231</v>
      </c>
      <c r="IV11" s="101">
        <v>69</v>
      </c>
      <c r="IW11" s="102">
        <v>37</v>
      </c>
      <c r="IX11" s="103">
        <v>106</v>
      </c>
      <c r="IY11" s="413">
        <v>0</v>
      </c>
      <c r="IZ11" s="102">
        <v>95</v>
      </c>
      <c r="JA11" s="102">
        <v>48</v>
      </c>
      <c r="JB11" s="102">
        <v>28</v>
      </c>
      <c r="JC11" s="102">
        <v>25</v>
      </c>
      <c r="JD11" s="102">
        <v>12</v>
      </c>
      <c r="JE11" s="103">
        <v>208</v>
      </c>
      <c r="JF11" s="104">
        <v>314</v>
      </c>
      <c r="JG11" s="101">
        <v>41</v>
      </c>
      <c r="JH11" s="102">
        <v>40</v>
      </c>
      <c r="JI11" s="103">
        <v>81</v>
      </c>
      <c r="JJ11" s="413">
        <v>0</v>
      </c>
      <c r="JK11" s="102">
        <v>104</v>
      </c>
      <c r="JL11" s="102">
        <v>51</v>
      </c>
      <c r="JM11" s="102">
        <v>39</v>
      </c>
      <c r="JN11" s="102">
        <v>34</v>
      </c>
      <c r="JO11" s="102">
        <v>11</v>
      </c>
      <c r="JP11" s="103">
        <v>239</v>
      </c>
      <c r="JQ11" s="104">
        <v>320</v>
      </c>
      <c r="JR11" s="101">
        <v>0</v>
      </c>
      <c r="JS11" s="102">
        <v>0</v>
      </c>
      <c r="JT11" s="103">
        <v>0</v>
      </c>
      <c r="JU11" s="413">
        <v>0</v>
      </c>
      <c r="JV11" s="102">
        <v>0</v>
      </c>
      <c r="JW11" s="102">
        <v>0</v>
      </c>
      <c r="JX11" s="102">
        <v>0</v>
      </c>
      <c r="JY11" s="102">
        <v>0</v>
      </c>
      <c r="JZ11" s="102">
        <v>0</v>
      </c>
      <c r="KA11" s="103">
        <v>0</v>
      </c>
      <c r="KB11" s="104">
        <v>0</v>
      </c>
      <c r="KC11" s="101">
        <v>194</v>
      </c>
      <c r="KD11" s="102">
        <v>149</v>
      </c>
      <c r="KE11" s="103">
        <v>343</v>
      </c>
      <c r="KF11" s="413">
        <v>0</v>
      </c>
      <c r="KG11" s="102">
        <v>335</v>
      </c>
      <c r="KH11" s="102">
        <v>162</v>
      </c>
      <c r="KI11" s="102">
        <v>109</v>
      </c>
      <c r="KJ11" s="102">
        <v>102</v>
      </c>
      <c r="KK11" s="102">
        <v>56</v>
      </c>
      <c r="KL11" s="103">
        <v>764</v>
      </c>
      <c r="KM11" s="104">
        <v>1107</v>
      </c>
    </row>
    <row r="12" spans="2:299" s="70" customFormat="1" ht="21" customHeight="1" x14ac:dyDescent="0.2">
      <c r="B12" s="106" t="s">
        <v>8</v>
      </c>
      <c r="C12" s="96">
        <v>64</v>
      </c>
      <c r="D12" s="97">
        <v>43</v>
      </c>
      <c r="E12" s="98">
        <v>107</v>
      </c>
      <c r="F12" s="413">
        <v>0</v>
      </c>
      <c r="G12" s="97">
        <v>115</v>
      </c>
      <c r="H12" s="97">
        <v>76</v>
      </c>
      <c r="I12" s="97">
        <v>69</v>
      </c>
      <c r="J12" s="97">
        <v>45</v>
      </c>
      <c r="K12" s="97">
        <v>27</v>
      </c>
      <c r="L12" s="99">
        <v>332</v>
      </c>
      <c r="M12" s="100">
        <v>439</v>
      </c>
      <c r="N12" s="101">
        <v>2</v>
      </c>
      <c r="O12" s="102">
        <v>4</v>
      </c>
      <c r="P12" s="103">
        <v>6</v>
      </c>
      <c r="Q12" s="413">
        <v>0</v>
      </c>
      <c r="R12" s="102">
        <v>4</v>
      </c>
      <c r="S12" s="102">
        <v>4</v>
      </c>
      <c r="T12" s="102">
        <v>4</v>
      </c>
      <c r="U12" s="102">
        <v>0</v>
      </c>
      <c r="V12" s="102">
        <v>2</v>
      </c>
      <c r="W12" s="103">
        <v>14</v>
      </c>
      <c r="X12" s="104">
        <v>20</v>
      </c>
      <c r="Y12" s="101">
        <v>5</v>
      </c>
      <c r="Z12" s="102">
        <v>6</v>
      </c>
      <c r="AA12" s="103">
        <v>11</v>
      </c>
      <c r="AB12" s="413">
        <v>0</v>
      </c>
      <c r="AC12" s="102">
        <v>8</v>
      </c>
      <c r="AD12" s="102">
        <v>5</v>
      </c>
      <c r="AE12" s="102">
        <v>3</v>
      </c>
      <c r="AF12" s="102">
        <v>3</v>
      </c>
      <c r="AG12" s="102">
        <v>4</v>
      </c>
      <c r="AH12" s="103">
        <v>23</v>
      </c>
      <c r="AI12" s="104">
        <v>34</v>
      </c>
      <c r="AJ12" s="101">
        <v>6</v>
      </c>
      <c r="AK12" s="102">
        <v>5</v>
      </c>
      <c r="AL12" s="103">
        <v>11</v>
      </c>
      <c r="AM12" s="413">
        <v>0</v>
      </c>
      <c r="AN12" s="102">
        <v>15</v>
      </c>
      <c r="AO12" s="102">
        <v>11</v>
      </c>
      <c r="AP12" s="102">
        <v>9</v>
      </c>
      <c r="AQ12" s="102">
        <v>9</v>
      </c>
      <c r="AR12" s="102">
        <v>6</v>
      </c>
      <c r="AS12" s="103">
        <v>50</v>
      </c>
      <c r="AT12" s="104">
        <v>61</v>
      </c>
      <c r="AU12" s="101">
        <v>19</v>
      </c>
      <c r="AV12" s="102">
        <v>11</v>
      </c>
      <c r="AW12" s="103">
        <v>30</v>
      </c>
      <c r="AX12" s="413">
        <v>0</v>
      </c>
      <c r="AY12" s="102">
        <v>28</v>
      </c>
      <c r="AZ12" s="102">
        <v>12</v>
      </c>
      <c r="BA12" s="102">
        <v>11</v>
      </c>
      <c r="BB12" s="102">
        <v>6</v>
      </c>
      <c r="BC12" s="102">
        <v>3</v>
      </c>
      <c r="BD12" s="103">
        <v>60</v>
      </c>
      <c r="BE12" s="104">
        <v>90</v>
      </c>
      <c r="BF12" s="101">
        <v>21</v>
      </c>
      <c r="BG12" s="102">
        <v>13</v>
      </c>
      <c r="BH12" s="103">
        <v>34</v>
      </c>
      <c r="BI12" s="413">
        <v>0</v>
      </c>
      <c r="BJ12" s="102">
        <v>29</v>
      </c>
      <c r="BK12" s="102">
        <v>20</v>
      </c>
      <c r="BL12" s="102">
        <v>20</v>
      </c>
      <c r="BM12" s="102">
        <v>12</v>
      </c>
      <c r="BN12" s="102">
        <v>9</v>
      </c>
      <c r="BO12" s="103">
        <v>90</v>
      </c>
      <c r="BP12" s="104">
        <v>124</v>
      </c>
      <c r="BQ12" s="101">
        <v>11</v>
      </c>
      <c r="BR12" s="102">
        <v>4</v>
      </c>
      <c r="BS12" s="103">
        <v>15</v>
      </c>
      <c r="BT12" s="413">
        <v>0</v>
      </c>
      <c r="BU12" s="102">
        <v>31</v>
      </c>
      <c r="BV12" s="102">
        <v>24</v>
      </c>
      <c r="BW12" s="102">
        <v>22</v>
      </c>
      <c r="BX12" s="102">
        <v>15</v>
      </c>
      <c r="BY12" s="102">
        <v>3</v>
      </c>
      <c r="BZ12" s="103">
        <v>95</v>
      </c>
      <c r="CA12" s="104">
        <v>110</v>
      </c>
      <c r="CB12" s="101">
        <v>0</v>
      </c>
      <c r="CC12" s="102">
        <v>0</v>
      </c>
      <c r="CD12" s="103">
        <v>0</v>
      </c>
      <c r="CE12" s="413">
        <v>0</v>
      </c>
      <c r="CF12" s="102">
        <v>0</v>
      </c>
      <c r="CG12" s="102">
        <v>0</v>
      </c>
      <c r="CH12" s="102">
        <v>0</v>
      </c>
      <c r="CI12" s="102">
        <v>0</v>
      </c>
      <c r="CJ12" s="102">
        <v>0</v>
      </c>
      <c r="CK12" s="103">
        <v>0</v>
      </c>
      <c r="CL12" s="104">
        <v>0</v>
      </c>
      <c r="CM12" s="101">
        <v>64</v>
      </c>
      <c r="CN12" s="102">
        <v>43</v>
      </c>
      <c r="CO12" s="103">
        <v>107</v>
      </c>
      <c r="CP12" s="413">
        <v>0</v>
      </c>
      <c r="CQ12" s="102">
        <v>115</v>
      </c>
      <c r="CR12" s="102">
        <v>76</v>
      </c>
      <c r="CS12" s="102">
        <v>69</v>
      </c>
      <c r="CT12" s="102">
        <v>45</v>
      </c>
      <c r="CU12" s="102">
        <v>27</v>
      </c>
      <c r="CV12" s="103">
        <v>332</v>
      </c>
      <c r="CW12" s="104">
        <v>439</v>
      </c>
      <c r="CX12" s="105">
        <v>32</v>
      </c>
      <c r="CY12" s="97">
        <v>24</v>
      </c>
      <c r="CZ12" s="98">
        <v>56</v>
      </c>
      <c r="DA12" s="413">
        <v>0</v>
      </c>
      <c r="DB12" s="97">
        <v>48</v>
      </c>
      <c r="DC12" s="97">
        <v>45</v>
      </c>
      <c r="DD12" s="97">
        <v>26</v>
      </c>
      <c r="DE12" s="97">
        <v>23</v>
      </c>
      <c r="DF12" s="97">
        <v>11</v>
      </c>
      <c r="DG12" s="99">
        <v>153</v>
      </c>
      <c r="DH12" s="100">
        <v>209</v>
      </c>
      <c r="DI12" s="101">
        <v>1</v>
      </c>
      <c r="DJ12" s="102">
        <v>1</v>
      </c>
      <c r="DK12" s="103">
        <v>2</v>
      </c>
      <c r="DL12" s="413">
        <v>0</v>
      </c>
      <c r="DM12" s="102">
        <v>1</v>
      </c>
      <c r="DN12" s="102">
        <v>0</v>
      </c>
      <c r="DO12" s="102">
        <v>1</v>
      </c>
      <c r="DP12" s="102">
        <v>1</v>
      </c>
      <c r="DQ12" s="102">
        <v>0</v>
      </c>
      <c r="DR12" s="103">
        <v>3</v>
      </c>
      <c r="DS12" s="104">
        <v>5</v>
      </c>
      <c r="DT12" s="101">
        <v>1</v>
      </c>
      <c r="DU12" s="102">
        <v>1</v>
      </c>
      <c r="DV12" s="103">
        <v>2</v>
      </c>
      <c r="DW12" s="413">
        <v>0</v>
      </c>
      <c r="DX12" s="102">
        <v>1</v>
      </c>
      <c r="DY12" s="102">
        <v>3</v>
      </c>
      <c r="DZ12" s="102">
        <v>1</v>
      </c>
      <c r="EA12" s="102">
        <v>1</v>
      </c>
      <c r="EB12" s="102">
        <v>1</v>
      </c>
      <c r="EC12" s="103">
        <v>7</v>
      </c>
      <c r="ED12" s="104">
        <v>9</v>
      </c>
      <c r="EE12" s="101">
        <v>7</v>
      </c>
      <c r="EF12" s="102">
        <v>4</v>
      </c>
      <c r="EG12" s="103">
        <v>11</v>
      </c>
      <c r="EH12" s="413">
        <v>0</v>
      </c>
      <c r="EI12" s="102">
        <v>4</v>
      </c>
      <c r="EJ12" s="102">
        <v>2</v>
      </c>
      <c r="EK12" s="102">
        <v>3</v>
      </c>
      <c r="EL12" s="102">
        <v>2</v>
      </c>
      <c r="EM12" s="102">
        <v>0</v>
      </c>
      <c r="EN12" s="103">
        <v>11</v>
      </c>
      <c r="EO12" s="104">
        <v>22</v>
      </c>
      <c r="EP12" s="101">
        <v>8</v>
      </c>
      <c r="EQ12" s="102">
        <v>4</v>
      </c>
      <c r="ER12" s="103">
        <v>12</v>
      </c>
      <c r="ES12" s="413">
        <v>0</v>
      </c>
      <c r="ET12" s="102">
        <v>10</v>
      </c>
      <c r="EU12" s="102">
        <v>8</v>
      </c>
      <c r="EV12" s="102">
        <v>4</v>
      </c>
      <c r="EW12" s="102">
        <v>2</v>
      </c>
      <c r="EX12" s="102">
        <v>3</v>
      </c>
      <c r="EY12" s="103">
        <v>27</v>
      </c>
      <c r="EZ12" s="104">
        <v>39</v>
      </c>
      <c r="FA12" s="101">
        <v>9</v>
      </c>
      <c r="FB12" s="102">
        <v>6</v>
      </c>
      <c r="FC12" s="103">
        <v>15</v>
      </c>
      <c r="FD12" s="413">
        <v>0</v>
      </c>
      <c r="FE12" s="102">
        <v>12</v>
      </c>
      <c r="FF12" s="102">
        <v>15</v>
      </c>
      <c r="FG12" s="102">
        <v>3</v>
      </c>
      <c r="FH12" s="102">
        <v>9</v>
      </c>
      <c r="FI12" s="102">
        <v>3</v>
      </c>
      <c r="FJ12" s="103">
        <v>42</v>
      </c>
      <c r="FK12" s="104">
        <v>57</v>
      </c>
      <c r="FL12" s="101">
        <v>6</v>
      </c>
      <c r="FM12" s="102">
        <v>8</v>
      </c>
      <c r="FN12" s="103">
        <v>14</v>
      </c>
      <c r="FO12" s="413">
        <v>0</v>
      </c>
      <c r="FP12" s="102">
        <v>20</v>
      </c>
      <c r="FQ12" s="102">
        <v>17</v>
      </c>
      <c r="FR12" s="102">
        <v>14</v>
      </c>
      <c r="FS12" s="102">
        <v>8</v>
      </c>
      <c r="FT12" s="102">
        <v>4</v>
      </c>
      <c r="FU12" s="103">
        <v>63</v>
      </c>
      <c r="FV12" s="104">
        <v>77</v>
      </c>
      <c r="FW12" s="101">
        <v>0</v>
      </c>
      <c r="FX12" s="102">
        <v>0</v>
      </c>
      <c r="FY12" s="103">
        <v>0</v>
      </c>
      <c r="FZ12" s="413">
        <v>0</v>
      </c>
      <c r="GA12" s="102">
        <v>0</v>
      </c>
      <c r="GB12" s="102">
        <v>0</v>
      </c>
      <c r="GC12" s="102">
        <v>0</v>
      </c>
      <c r="GD12" s="102">
        <v>0</v>
      </c>
      <c r="GE12" s="102">
        <v>0</v>
      </c>
      <c r="GF12" s="103">
        <v>0</v>
      </c>
      <c r="GG12" s="104">
        <v>0</v>
      </c>
      <c r="GH12" s="101">
        <v>32</v>
      </c>
      <c r="GI12" s="102">
        <v>24</v>
      </c>
      <c r="GJ12" s="103">
        <v>56</v>
      </c>
      <c r="GK12" s="413">
        <v>0</v>
      </c>
      <c r="GL12" s="102">
        <v>48</v>
      </c>
      <c r="GM12" s="102">
        <v>45</v>
      </c>
      <c r="GN12" s="102">
        <v>26</v>
      </c>
      <c r="GO12" s="102">
        <v>23</v>
      </c>
      <c r="GP12" s="102">
        <v>11</v>
      </c>
      <c r="GQ12" s="103">
        <v>153</v>
      </c>
      <c r="GR12" s="104">
        <v>209</v>
      </c>
      <c r="GS12" s="105">
        <v>96</v>
      </c>
      <c r="GT12" s="97">
        <v>67</v>
      </c>
      <c r="GU12" s="98">
        <v>163</v>
      </c>
      <c r="GV12" s="413">
        <v>0</v>
      </c>
      <c r="GW12" s="97">
        <v>163</v>
      </c>
      <c r="GX12" s="97">
        <v>121</v>
      </c>
      <c r="GY12" s="97">
        <v>95</v>
      </c>
      <c r="GZ12" s="97">
        <v>68</v>
      </c>
      <c r="HA12" s="97">
        <v>38</v>
      </c>
      <c r="HB12" s="99">
        <v>485</v>
      </c>
      <c r="HC12" s="100">
        <v>648</v>
      </c>
      <c r="HD12" s="101">
        <v>3</v>
      </c>
      <c r="HE12" s="102">
        <v>5</v>
      </c>
      <c r="HF12" s="103">
        <v>8</v>
      </c>
      <c r="HG12" s="413">
        <v>0</v>
      </c>
      <c r="HH12" s="102">
        <v>5</v>
      </c>
      <c r="HI12" s="102">
        <v>4</v>
      </c>
      <c r="HJ12" s="102">
        <v>5</v>
      </c>
      <c r="HK12" s="102">
        <v>1</v>
      </c>
      <c r="HL12" s="102">
        <v>2</v>
      </c>
      <c r="HM12" s="103">
        <v>17</v>
      </c>
      <c r="HN12" s="104">
        <v>25</v>
      </c>
      <c r="HO12" s="101">
        <v>6</v>
      </c>
      <c r="HP12" s="102">
        <v>7</v>
      </c>
      <c r="HQ12" s="103">
        <v>13</v>
      </c>
      <c r="HR12" s="413">
        <v>0</v>
      </c>
      <c r="HS12" s="102">
        <v>9</v>
      </c>
      <c r="HT12" s="102">
        <v>8</v>
      </c>
      <c r="HU12" s="102">
        <v>4</v>
      </c>
      <c r="HV12" s="102">
        <v>4</v>
      </c>
      <c r="HW12" s="102">
        <v>5</v>
      </c>
      <c r="HX12" s="103">
        <v>30</v>
      </c>
      <c r="HY12" s="104">
        <v>43</v>
      </c>
      <c r="HZ12" s="101">
        <v>13</v>
      </c>
      <c r="IA12" s="102">
        <v>9</v>
      </c>
      <c r="IB12" s="103">
        <v>22</v>
      </c>
      <c r="IC12" s="413">
        <v>0</v>
      </c>
      <c r="ID12" s="102">
        <v>19</v>
      </c>
      <c r="IE12" s="102">
        <v>13</v>
      </c>
      <c r="IF12" s="102">
        <v>12</v>
      </c>
      <c r="IG12" s="102">
        <v>11</v>
      </c>
      <c r="IH12" s="102">
        <v>6</v>
      </c>
      <c r="II12" s="103">
        <v>61</v>
      </c>
      <c r="IJ12" s="104">
        <v>83</v>
      </c>
      <c r="IK12" s="101">
        <v>27</v>
      </c>
      <c r="IL12" s="102">
        <v>15</v>
      </c>
      <c r="IM12" s="103">
        <v>42</v>
      </c>
      <c r="IN12" s="413">
        <v>0</v>
      </c>
      <c r="IO12" s="102">
        <v>38</v>
      </c>
      <c r="IP12" s="102">
        <v>20</v>
      </c>
      <c r="IQ12" s="102">
        <v>15</v>
      </c>
      <c r="IR12" s="102">
        <v>8</v>
      </c>
      <c r="IS12" s="102">
        <v>6</v>
      </c>
      <c r="IT12" s="103">
        <v>87</v>
      </c>
      <c r="IU12" s="104">
        <v>129</v>
      </c>
      <c r="IV12" s="101">
        <v>30</v>
      </c>
      <c r="IW12" s="102">
        <v>19</v>
      </c>
      <c r="IX12" s="103">
        <v>49</v>
      </c>
      <c r="IY12" s="413">
        <v>0</v>
      </c>
      <c r="IZ12" s="102">
        <v>41</v>
      </c>
      <c r="JA12" s="102">
        <v>35</v>
      </c>
      <c r="JB12" s="102">
        <v>23</v>
      </c>
      <c r="JC12" s="102">
        <v>21</v>
      </c>
      <c r="JD12" s="102">
        <v>12</v>
      </c>
      <c r="JE12" s="103">
        <v>132</v>
      </c>
      <c r="JF12" s="104">
        <v>181</v>
      </c>
      <c r="JG12" s="101">
        <v>17</v>
      </c>
      <c r="JH12" s="102">
        <v>12</v>
      </c>
      <c r="JI12" s="103">
        <v>29</v>
      </c>
      <c r="JJ12" s="413">
        <v>0</v>
      </c>
      <c r="JK12" s="102">
        <v>51</v>
      </c>
      <c r="JL12" s="102">
        <v>41</v>
      </c>
      <c r="JM12" s="102">
        <v>36</v>
      </c>
      <c r="JN12" s="102">
        <v>23</v>
      </c>
      <c r="JO12" s="102">
        <v>7</v>
      </c>
      <c r="JP12" s="103">
        <v>158</v>
      </c>
      <c r="JQ12" s="104">
        <v>187</v>
      </c>
      <c r="JR12" s="101">
        <v>0</v>
      </c>
      <c r="JS12" s="102">
        <v>0</v>
      </c>
      <c r="JT12" s="103">
        <v>0</v>
      </c>
      <c r="JU12" s="413">
        <v>0</v>
      </c>
      <c r="JV12" s="102">
        <v>0</v>
      </c>
      <c r="JW12" s="102">
        <v>0</v>
      </c>
      <c r="JX12" s="102">
        <v>0</v>
      </c>
      <c r="JY12" s="102">
        <v>0</v>
      </c>
      <c r="JZ12" s="102">
        <v>0</v>
      </c>
      <c r="KA12" s="103">
        <v>0</v>
      </c>
      <c r="KB12" s="104">
        <v>0</v>
      </c>
      <c r="KC12" s="101">
        <v>96</v>
      </c>
      <c r="KD12" s="102">
        <v>67</v>
      </c>
      <c r="KE12" s="103">
        <v>163</v>
      </c>
      <c r="KF12" s="413">
        <v>0</v>
      </c>
      <c r="KG12" s="102">
        <v>163</v>
      </c>
      <c r="KH12" s="102">
        <v>121</v>
      </c>
      <c r="KI12" s="102">
        <v>95</v>
      </c>
      <c r="KJ12" s="102">
        <v>68</v>
      </c>
      <c r="KK12" s="102">
        <v>38</v>
      </c>
      <c r="KL12" s="103">
        <v>485</v>
      </c>
      <c r="KM12" s="104">
        <v>648</v>
      </c>
    </row>
    <row r="13" spans="2:299" s="70" customFormat="1" ht="21" customHeight="1" x14ac:dyDescent="0.2">
      <c r="B13" s="106" t="s">
        <v>9</v>
      </c>
      <c r="C13" s="96">
        <v>202</v>
      </c>
      <c r="D13" s="97">
        <v>114</v>
      </c>
      <c r="E13" s="98">
        <v>316</v>
      </c>
      <c r="F13" s="413">
        <v>0</v>
      </c>
      <c r="G13" s="97">
        <v>250</v>
      </c>
      <c r="H13" s="97">
        <v>150</v>
      </c>
      <c r="I13" s="97">
        <v>105</v>
      </c>
      <c r="J13" s="97">
        <v>87</v>
      </c>
      <c r="K13" s="97">
        <v>52</v>
      </c>
      <c r="L13" s="99">
        <v>644</v>
      </c>
      <c r="M13" s="100">
        <v>960</v>
      </c>
      <c r="N13" s="101">
        <v>4</v>
      </c>
      <c r="O13" s="102">
        <v>2</v>
      </c>
      <c r="P13" s="103">
        <v>6</v>
      </c>
      <c r="Q13" s="413">
        <v>0</v>
      </c>
      <c r="R13" s="102">
        <v>2</v>
      </c>
      <c r="S13" s="102">
        <v>6</v>
      </c>
      <c r="T13" s="102">
        <v>3</v>
      </c>
      <c r="U13" s="102">
        <v>2</v>
      </c>
      <c r="V13" s="102">
        <v>2</v>
      </c>
      <c r="W13" s="103">
        <v>15</v>
      </c>
      <c r="X13" s="104">
        <v>21</v>
      </c>
      <c r="Y13" s="101">
        <v>6</v>
      </c>
      <c r="Z13" s="102">
        <v>8</v>
      </c>
      <c r="AA13" s="103">
        <v>14</v>
      </c>
      <c r="AB13" s="413">
        <v>0</v>
      </c>
      <c r="AC13" s="102">
        <v>10</v>
      </c>
      <c r="AD13" s="102">
        <v>7</v>
      </c>
      <c r="AE13" s="102">
        <v>1</v>
      </c>
      <c r="AF13" s="102">
        <v>4</v>
      </c>
      <c r="AG13" s="102">
        <v>5</v>
      </c>
      <c r="AH13" s="103">
        <v>27</v>
      </c>
      <c r="AI13" s="104">
        <v>41</v>
      </c>
      <c r="AJ13" s="101">
        <v>14</v>
      </c>
      <c r="AK13" s="102">
        <v>11</v>
      </c>
      <c r="AL13" s="103">
        <v>25</v>
      </c>
      <c r="AM13" s="413">
        <v>0</v>
      </c>
      <c r="AN13" s="102">
        <v>14</v>
      </c>
      <c r="AO13" s="102">
        <v>12</v>
      </c>
      <c r="AP13" s="102">
        <v>10</v>
      </c>
      <c r="AQ13" s="102">
        <v>4</v>
      </c>
      <c r="AR13" s="102">
        <v>5</v>
      </c>
      <c r="AS13" s="103">
        <v>45</v>
      </c>
      <c r="AT13" s="104">
        <v>70</v>
      </c>
      <c r="AU13" s="101">
        <v>46</v>
      </c>
      <c r="AV13" s="102">
        <v>21</v>
      </c>
      <c r="AW13" s="103">
        <v>67</v>
      </c>
      <c r="AX13" s="413">
        <v>0</v>
      </c>
      <c r="AY13" s="102">
        <v>48</v>
      </c>
      <c r="AZ13" s="102">
        <v>24</v>
      </c>
      <c r="BA13" s="102">
        <v>22</v>
      </c>
      <c r="BB13" s="102">
        <v>8</v>
      </c>
      <c r="BC13" s="102">
        <v>9</v>
      </c>
      <c r="BD13" s="103">
        <v>111</v>
      </c>
      <c r="BE13" s="104">
        <v>178</v>
      </c>
      <c r="BF13" s="101">
        <v>78</v>
      </c>
      <c r="BG13" s="102">
        <v>44</v>
      </c>
      <c r="BH13" s="103">
        <v>122</v>
      </c>
      <c r="BI13" s="413">
        <v>0</v>
      </c>
      <c r="BJ13" s="102">
        <v>90</v>
      </c>
      <c r="BK13" s="102">
        <v>37</v>
      </c>
      <c r="BL13" s="102">
        <v>26</v>
      </c>
      <c r="BM13" s="102">
        <v>27</v>
      </c>
      <c r="BN13" s="102">
        <v>12</v>
      </c>
      <c r="BO13" s="103">
        <v>192</v>
      </c>
      <c r="BP13" s="104">
        <v>314</v>
      </c>
      <c r="BQ13" s="101">
        <v>54</v>
      </c>
      <c r="BR13" s="102">
        <v>28</v>
      </c>
      <c r="BS13" s="103">
        <v>82</v>
      </c>
      <c r="BT13" s="413">
        <v>0</v>
      </c>
      <c r="BU13" s="102">
        <v>86</v>
      </c>
      <c r="BV13" s="102">
        <v>64</v>
      </c>
      <c r="BW13" s="102">
        <v>43</v>
      </c>
      <c r="BX13" s="102">
        <v>42</v>
      </c>
      <c r="BY13" s="102">
        <v>19</v>
      </c>
      <c r="BZ13" s="103">
        <v>254</v>
      </c>
      <c r="CA13" s="104">
        <v>336</v>
      </c>
      <c r="CB13" s="101">
        <v>0</v>
      </c>
      <c r="CC13" s="102">
        <v>0</v>
      </c>
      <c r="CD13" s="103">
        <v>0</v>
      </c>
      <c r="CE13" s="413">
        <v>0</v>
      </c>
      <c r="CF13" s="102">
        <v>0</v>
      </c>
      <c r="CG13" s="102">
        <v>0</v>
      </c>
      <c r="CH13" s="102">
        <v>0</v>
      </c>
      <c r="CI13" s="102">
        <v>0</v>
      </c>
      <c r="CJ13" s="102">
        <v>0</v>
      </c>
      <c r="CK13" s="103">
        <v>0</v>
      </c>
      <c r="CL13" s="104">
        <v>0</v>
      </c>
      <c r="CM13" s="101">
        <v>202</v>
      </c>
      <c r="CN13" s="102">
        <v>114</v>
      </c>
      <c r="CO13" s="103">
        <v>316</v>
      </c>
      <c r="CP13" s="413">
        <v>0</v>
      </c>
      <c r="CQ13" s="102">
        <v>250</v>
      </c>
      <c r="CR13" s="102">
        <v>150</v>
      </c>
      <c r="CS13" s="102">
        <v>105</v>
      </c>
      <c r="CT13" s="102">
        <v>87</v>
      </c>
      <c r="CU13" s="102">
        <v>52</v>
      </c>
      <c r="CV13" s="103">
        <v>644</v>
      </c>
      <c r="CW13" s="104">
        <v>960</v>
      </c>
      <c r="CX13" s="105">
        <v>71</v>
      </c>
      <c r="CY13" s="97">
        <v>60</v>
      </c>
      <c r="CZ13" s="98">
        <v>131</v>
      </c>
      <c r="DA13" s="413">
        <v>0</v>
      </c>
      <c r="DB13" s="97">
        <v>84</v>
      </c>
      <c r="DC13" s="97">
        <v>67</v>
      </c>
      <c r="DD13" s="97">
        <v>41</v>
      </c>
      <c r="DE13" s="97">
        <v>49</v>
      </c>
      <c r="DF13" s="97">
        <v>17</v>
      </c>
      <c r="DG13" s="99">
        <v>258</v>
      </c>
      <c r="DH13" s="100">
        <v>389</v>
      </c>
      <c r="DI13" s="101">
        <v>2</v>
      </c>
      <c r="DJ13" s="102">
        <v>2</v>
      </c>
      <c r="DK13" s="103">
        <v>4</v>
      </c>
      <c r="DL13" s="413">
        <v>0</v>
      </c>
      <c r="DM13" s="102">
        <v>1</v>
      </c>
      <c r="DN13" s="102">
        <v>0</v>
      </c>
      <c r="DO13" s="102">
        <v>0</v>
      </c>
      <c r="DP13" s="102">
        <v>1</v>
      </c>
      <c r="DQ13" s="102">
        <v>2</v>
      </c>
      <c r="DR13" s="103">
        <v>4</v>
      </c>
      <c r="DS13" s="104">
        <v>8</v>
      </c>
      <c r="DT13" s="101">
        <v>2</v>
      </c>
      <c r="DU13" s="102">
        <v>7</v>
      </c>
      <c r="DV13" s="103">
        <v>9</v>
      </c>
      <c r="DW13" s="413">
        <v>0</v>
      </c>
      <c r="DX13" s="102">
        <v>2</v>
      </c>
      <c r="DY13" s="102">
        <v>0</v>
      </c>
      <c r="DZ13" s="102">
        <v>1</v>
      </c>
      <c r="EA13" s="102">
        <v>1</v>
      </c>
      <c r="EB13" s="102">
        <v>1</v>
      </c>
      <c r="EC13" s="103">
        <v>5</v>
      </c>
      <c r="ED13" s="104">
        <v>14</v>
      </c>
      <c r="EE13" s="101">
        <v>13</v>
      </c>
      <c r="EF13" s="102">
        <v>6</v>
      </c>
      <c r="EG13" s="103">
        <v>19</v>
      </c>
      <c r="EH13" s="413">
        <v>0</v>
      </c>
      <c r="EI13" s="102">
        <v>11</v>
      </c>
      <c r="EJ13" s="102">
        <v>9</v>
      </c>
      <c r="EK13" s="102">
        <v>4</v>
      </c>
      <c r="EL13" s="102">
        <v>4</v>
      </c>
      <c r="EM13" s="102">
        <v>0</v>
      </c>
      <c r="EN13" s="103">
        <v>28</v>
      </c>
      <c r="EO13" s="104">
        <v>47</v>
      </c>
      <c r="EP13" s="101">
        <v>22</v>
      </c>
      <c r="EQ13" s="102">
        <v>19</v>
      </c>
      <c r="ER13" s="103">
        <v>41</v>
      </c>
      <c r="ES13" s="413">
        <v>0</v>
      </c>
      <c r="ET13" s="102">
        <v>20</v>
      </c>
      <c r="EU13" s="102">
        <v>10</v>
      </c>
      <c r="EV13" s="102">
        <v>7</v>
      </c>
      <c r="EW13" s="102">
        <v>5</v>
      </c>
      <c r="EX13" s="102">
        <v>0</v>
      </c>
      <c r="EY13" s="103">
        <v>42</v>
      </c>
      <c r="EZ13" s="104">
        <v>83</v>
      </c>
      <c r="FA13" s="101">
        <v>21</v>
      </c>
      <c r="FB13" s="102">
        <v>13</v>
      </c>
      <c r="FC13" s="103">
        <v>34</v>
      </c>
      <c r="FD13" s="413">
        <v>0</v>
      </c>
      <c r="FE13" s="102">
        <v>25</v>
      </c>
      <c r="FF13" s="102">
        <v>14</v>
      </c>
      <c r="FG13" s="102">
        <v>6</v>
      </c>
      <c r="FH13" s="102">
        <v>10</v>
      </c>
      <c r="FI13" s="102">
        <v>4</v>
      </c>
      <c r="FJ13" s="103">
        <v>59</v>
      </c>
      <c r="FK13" s="104">
        <v>93</v>
      </c>
      <c r="FL13" s="101">
        <v>11</v>
      </c>
      <c r="FM13" s="102">
        <v>13</v>
      </c>
      <c r="FN13" s="103">
        <v>24</v>
      </c>
      <c r="FO13" s="413">
        <v>0</v>
      </c>
      <c r="FP13" s="102">
        <v>25</v>
      </c>
      <c r="FQ13" s="102">
        <v>34</v>
      </c>
      <c r="FR13" s="102">
        <v>23</v>
      </c>
      <c r="FS13" s="102">
        <v>28</v>
      </c>
      <c r="FT13" s="102">
        <v>10</v>
      </c>
      <c r="FU13" s="103">
        <v>120</v>
      </c>
      <c r="FV13" s="104">
        <v>144</v>
      </c>
      <c r="FW13" s="101">
        <v>0</v>
      </c>
      <c r="FX13" s="102">
        <v>0</v>
      </c>
      <c r="FY13" s="103">
        <v>0</v>
      </c>
      <c r="FZ13" s="413">
        <v>0</v>
      </c>
      <c r="GA13" s="102">
        <v>0</v>
      </c>
      <c r="GB13" s="102">
        <v>0</v>
      </c>
      <c r="GC13" s="102">
        <v>0</v>
      </c>
      <c r="GD13" s="102">
        <v>0</v>
      </c>
      <c r="GE13" s="102">
        <v>0</v>
      </c>
      <c r="GF13" s="103">
        <v>0</v>
      </c>
      <c r="GG13" s="104">
        <v>0</v>
      </c>
      <c r="GH13" s="101">
        <v>71</v>
      </c>
      <c r="GI13" s="102">
        <v>60</v>
      </c>
      <c r="GJ13" s="103">
        <v>131</v>
      </c>
      <c r="GK13" s="413">
        <v>0</v>
      </c>
      <c r="GL13" s="102">
        <v>84</v>
      </c>
      <c r="GM13" s="102">
        <v>67</v>
      </c>
      <c r="GN13" s="102">
        <v>41</v>
      </c>
      <c r="GO13" s="102">
        <v>49</v>
      </c>
      <c r="GP13" s="102">
        <v>17</v>
      </c>
      <c r="GQ13" s="103">
        <v>258</v>
      </c>
      <c r="GR13" s="104">
        <v>389</v>
      </c>
      <c r="GS13" s="105">
        <v>273</v>
      </c>
      <c r="GT13" s="97">
        <v>174</v>
      </c>
      <c r="GU13" s="98">
        <v>447</v>
      </c>
      <c r="GV13" s="413">
        <v>0</v>
      </c>
      <c r="GW13" s="97">
        <v>334</v>
      </c>
      <c r="GX13" s="97">
        <v>217</v>
      </c>
      <c r="GY13" s="97">
        <v>146</v>
      </c>
      <c r="GZ13" s="97">
        <v>136</v>
      </c>
      <c r="HA13" s="97">
        <v>69</v>
      </c>
      <c r="HB13" s="99">
        <v>902</v>
      </c>
      <c r="HC13" s="100">
        <v>1349</v>
      </c>
      <c r="HD13" s="101">
        <v>6</v>
      </c>
      <c r="HE13" s="102">
        <v>4</v>
      </c>
      <c r="HF13" s="103">
        <v>10</v>
      </c>
      <c r="HG13" s="413">
        <v>0</v>
      </c>
      <c r="HH13" s="102">
        <v>3</v>
      </c>
      <c r="HI13" s="102">
        <v>6</v>
      </c>
      <c r="HJ13" s="102">
        <v>3</v>
      </c>
      <c r="HK13" s="102">
        <v>3</v>
      </c>
      <c r="HL13" s="102">
        <v>4</v>
      </c>
      <c r="HM13" s="103">
        <v>19</v>
      </c>
      <c r="HN13" s="104">
        <v>29</v>
      </c>
      <c r="HO13" s="101">
        <v>8</v>
      </c>
      <c r="HP13" s="102">
        <v>15</v>
      </c>
      <c r="HQ13" s="103">
        <v>23</v>
      </c>
      <c r="HR13" s="413">
        <v>0</v>
      </c>
      <c r="HS13" s="102">
        <v>12</v>
      </c>
      <c r="HT13" s="102">
        <v>7</v>
      </c>
      <c r="HU13" s="102">
        <v>2</v>
      </c>
      <c r="HV13" s="102">
        <v>5</v>
      </c>
      <c r="HW13" s="102">
        <v>6</v>
      </c>
      <c r="HX13" s="103">
        <v>32</v>
      </c>
      <c r="HY13" s="104">
        <v>55</v>
      </c>
      <c r="HZ13" s="101">
        <v>27</v>
      </c>
      <c r="IA13" s="102">
        <v>17</v>
      </c>
      <c r="IB13" s="103">
        <v>44</v>
      </c>
      <c r="IC13" s="413">
        <v>0</v>
      </c>
      <c r="ID13" s="102">
        <v>25</v>
      </c>
      <c r="IE13" s="102">
        <v>21</v>
      </c>
      <c r="IF13" s="102">
        <v>14</v>
      </c>
      <c r="IG13" s="102">
        <v>8</v>
      </c>
      <c r="IH13" s="102">
        <v>5</v>
      </c>
      <c r="II13" s="103">
        <v>73</v>
      </c>
      <c r="IJ13" s="104">
        <v>117</v>
      </c>
      <c r="IK13" s="101">
        <v>68</v>
      </c>
      <c r="IL13" s="102">
        <v>40</v>
      </c>
      <c r="IM13" s="103">
        <v>108</v>
      </c>
      <c r="IN13" s="413">
        <v>0</v>
      </c>
      <c r="IO13" s="102">
        <v>68</v>
      </c>
      <c r="IP13" s="102">
        <v>34</v>
      </c>
      <c r="IQ13" s="102">
        <v>29</v>
      </c>
      <c r="IR13" s="102">
        <v>13</v>
      </c>
      <c r="IS13" s="102">
        <v>9</v>
      </c>
      <c r="IT13" s="103">
        <v>153</v>
      </c>
      <c r="IU13" s="104">
        <v>261</v>
      </c>
      <c r="IV13" s="101">
        <v>99</v>
      </c>
      <c r="IW13" s="102">
        <v>57</v>
      </c>
      <c r="IX13" s="103">
        <v>156</v>
      </c>
      <c r="IY13" s="413">
        <v>0</v>
      </c>
      <c r="IZ13" s="102">
        <v>115</v>
      </c>
      <c r="JA13" s="102">
        <v>51</v>
      </c>
      <c r="JB13" s="102">
        <v>32</v>
      </c>
      <c r="JC13" s="102">
        <v>37</v>
      </c>
      <c r="JD13" s="102">
        <v>16</v>
      </c>
      <c r="JE13" s="103">
        <v>251</v>
      </c>
      <c r="JF13" s="104">
        <v>407</v>
      </c>
      <c r="JG13" s="101">
        <v>65</v>
      </c>
      <c r="JH13" s="102">
        <v>41</v>
      </c>
      <c r="JI13" s="103">
        <v>106</v>
      </c>
      <c r="JJ13" s="413">
        <v>0</v>
      </c>
      <c r="JK13" s="102">
        <v>111</v>
      </c>
      <c r="JL13" s="102">
        <v>98</v>
      </c>
      <c r="JM13" s="102">
        <v>66</v>
      </c>
      <c r="JN13" s="102">
        <v>70</v>
      </c>
      <c r="JO13" s="102">
        <v>29</v>
      </c>
      <c r="JP13" s="103">
        <v>374</v>
      </c>
      <c r="JQ13" s="104">
        <v>480</v>
      </c>
      <c r="JR13" s="101">
        <v>0</v>
      </c>
      <c r="JS13" s="102">
        <v>0</v>
      </c>
      <c r="JT13" s="103">
        <v>0</v>
      </c>
      <c r="JU13" s="413">
        <v>0</v>
      </c>
      <c r="JV13" s="102">
        <v>0</v>
      </c>
      <c r="JW13" s="102">
        <v>0</v>
      </c>
      <c r="JX13" s="102">
        <v>0</v>
      </c>
      <c r="JY13" s="102">
        <v>0</v>
      </c>
      <c r="JZ13" s="102">
        <v>0</v>
      </c>
      <c r="KA13" s="103">
        <v>0</v>
      </c>
      <c r="KB13" s="104">
        <v>0</v>
      </c>
      <c r="KC13" s="101">
        <v>273</v>
      </c>
      <c r="KD13" s="102">
        <v>174</v>
      </c>
      <c r="KE13" s="103">
        <v>447</v>
      </c>
      <c r="KF13" s="413">
        <v>0</v>
      </c>
      <c r="KG13" s="102">
        <v>334</v>
      </c>
      <c r="KH13" s="102">
        <v>217</v>
      </c>
      <c r="KI13" s="102">
        <v>146</v>
      </c>
      <c r="KJ13" s="102">
        <v>136</v>
      </c>
      <c r="KK13" s="102">
        <v>69</v>
      </c>
      <c r="KL13" s="103">
        <v>902</v>
      </c>
      <c r="KM13" s="104">
        <v>1349</v>
      </c>
    </row>
    <row r="14" spans="2:299" s="70" customFormat="1" ht="21" customHeight="1" x14ac:dyDescent="0.2">
      <c r="B14" s="106" t="s">
        <v>10</v>
      </c>
      <c r="C14" s="96">
        <v>303</v>
      </c>
      <c r="D14" s="97">
        <v>192</v>
      </c>
      <c r="E14" s="98">
        <v>495</v>
      </c>
      <c r="F14" s="413">
        <v>0</v>
      </c>
      <c r="G14" s="97">
        <v>317</v>
      </c>
      <c r="H14" s="97">
        <v>148</v>
      </c>
      <c r="I14" s="97">
        <v>106</v>
      </c>
      <c r="J14" s="97">
        <v>91</v>
      </c>
      <c r="K14" s="97">
        <v>70</v>
      </c>
      <c r="L14" s="99">
        <v>732</v>
      </c>
      <c r="M14" s="100">
        <v>1227</v>
      </c>
      <c r="N14" s="101">
        <v>11</v>
      </c>
      <c r="O14" s="102">
        <v>7</v>
      </c>
      <c r="P14" s="103">
        <v>18</v>
      </c>
      <c r="Q14" s="413">
        <v>0</v>
      </c>
      <c r="R14" s="102">
        <v>13</v>
      </c>
      <c r="S14" s="102">
        <v>8</v>
      </c>
      <c r="T14" s="102">
        <v>4</v>
      </c>
      <c r="U14" s="102">
        <v>1</v>
      </c>
      <c r="V14" s="102">
        <v>4</v>
      </c>
      <c r="W14" s="103">
        <v>30</v>
      </c>
      <c r="X14" s="104">
        <v>48</v>
      </c>
      <c r="Y14" s="101">
        <v>15</v>
      </c>
      <c r="Z14" s="102">
        <v>11</v>
      </c>
      <c r="AA14" s="103">
        <v>26</v>
      </c>
      <c r="AB14" s="413">
        <v>0</v>
      </c>
      <c r="AC14" s="102">
        <v>19</v>
      </c>
      <c r="AD14" s="102">
        <v>13</v>
      </c>
      <c r="AE14" s="102">
        <v>6</v>
      </c>
      <c r="AF14" s="102">
        <v>12</v>
      </c>
      <c r="AG14" s="102">
        <v>7</v>
      </c>
      <c r="AH14" s="103">
        <v>57</v>
      </c>
      <c r="AI14" s="104">
        <v>83</v>
      </c>
      <c r="AJ14" s="101">
        <v>21</v>
      </c>
      <c r="AK14" s="102">
        <v>27</v>
      </c>
      <c r="AL14" s="103">
        <v>48</v>
      </c>
      <c r="AM14" s="413">
        <v>0</v>
      </c>
      <c r="AN14" s="102">
        <v>40</v>
      </c>
      <c r="AO14" s="102">
        <v>20</v>
      </c>
      <c r="AP14" s="102">
        <v>13</v>
      </c>
      <c r="AQ14" s="102">
        <v>8</v>
      </c>
      <c r="AR14" s="102">
        <v>14</v>
      </c>
      <c r="AS14" s="103">
        <v>95</v>
      </c>
      <c r="AT14" s="104">
        <v>143</v>
      </c>
      <c r="AU14" s="101">
        <v>60</v>
      </c>
      <c r="AV14" s="102">
        <v>37</v>
      </c>
      <c r="AW14" s="103">
        <v>97</v>
      </c>
      <c r="AX14" s="413">
        <v>0</v>
      </c>
      <c r="AY14" s="102">
        <v>79</v>
      </c>
      <c r="AZ14" s="102">
        <v>19</v>
      </c>
      <c r="BA14" s="102">
        <v>17</v>
      </c>
      <c r="BB14" s="102">
        <v>19</v>
      </c>
      <c r="BC14" s="102">
        <v>20</v>
      </c>
      <c r="BD14" s="103">
        <v>154</v>
      </c>
      <c r="BE14" s="104">
        <v>251</v>
      </c>
      <c r="BF14" s="101">
        <v>108</v>
      </c>
      <c r="BG14" s="102">
        <v>49</v>
      </c>
      <c r="BH14" s="103">
        <v>157</v>
      </c>
      <c r="BI14" s="413">
        <v>0</v>
      </c>
      <c r="BJ14" s="102">
        <v>78</v>
      </c>
      <c r="BK14" s="102">
        <v>45</v>
      </c>
      <c r="BL14" s="102">
        <v>33</v>
      </c>
      <c r="BM14" s="102">
        <v>15</v>
      </c>
      <c r="BN14" s="102">
        <v>10</v>
      </c>
      <c r="BO14" s="103">
        <v>181</v>
      </c>
      <c r="BP14" s="104">
        <v>338</v>
      </c>
      <c r="BQ14" s="101">
        <v>88</v>
      </c>
      <c r="BR14" s="102">
        <v>61</v>
      </c>
      <c r="BS14" s="103">
        <v>149</v>
      </c>
      <c r="BT14" s="413">
        <v>0</v>
      </c>
      <c r="BU14" s="102">
        <v>88</v>
      </c>
      <c r="BV14" s="102">
        <v>43</v>
      </c>
      <c r="BW14" s="102">
        <v>33</v>
      </c>
      <c r="BX14" s="102">
        <v>36</v>
      </c>
      <c r="BY14" s="102">
        <v>15</v>
      </c>
      <c r="BZ14" s="103">
        <v>215</v>
      </c>
      <c r="CA14" s="104">
        <v>364</v>
      </c>
      <c r="CB14" s="101">
        <v>0</v>
      </c>
      <c r="CC14" s="102">
        <v>0</v>
      </c>
      <c r="CD14" s="103">
        <v>0</v>
      </c>
      <c r="CE14" s="413">
        <v>0</v>
      </c>
      <c r="CF14" s="102">
        <v>0</v>
      </c>
      <c r="CG14" s="102">
        <v>0</v>
      </c>
      <c r="CH14" s="102">
        <v>0</v>
      </c>
      <c r="CI14" s="102">
        <v>0</v>
      </c>
      <c r="CJ14" s="102">
        <v>0</v>
      </c>
      <c r="CK14" s="103">
        <v>0</v>
      </c>
      <c r="CL14" s="104">
        <v>0</v>
      </c>
      <c r="CM14" s="101">
        <v>303</v>
      </c>
      <c r="CN14" s="102">
        <v>192</v>
      </c>
      <c r="CO14" s="103">
        <v>495</v>
      </c>
      <c r="CP14" s="413">
        <v>0</v>
      </c>
      <c r="CQ14" s="102">
        <v>317</v>
      </c>
      <c r="CR14" s="102">
        <v>148</v>
      </c>
      <c r="CS14" s="102">
        <v>106</v>
      </c>
      <c r="CT14" s="102">
        <v>91</v>
      </c>
      <c r="CU14" s="102">
        <v>70</v>
      </c>
      <c r="CV14" s="103">
        <v>732</v>
      </c>
      <c r="CW14" s="104">
        <v>1227</v>
      </c>
      <c r="CX14" s="105">
        <v>121</v>
      </c>
      <c r="CY14" s="97">
        <v>84</v>
      </c>
      <c r="CZ14" s="98">
        <v>205</v>
      </c>
      <c r="DA14" s="413">
        <v>0</v>
      </c>
      <c r="DB14" s="97">
        <v>121</v>
      </c>
      <c r="DC14" s="97">
        <v>56</v>
      </c>
      <c r="DD14" s="97">
        <v>47</v>
      </c>
      <c r="DE14" s="97">
        <v>54</v>
      </c>
      <c r="DF14" s="97">
        <v>35</v>
      </c>
      <c r="DG14" s="99">
        <v>313</v>
      </c>
      <c r="DH14" s="100">
        <v>518</v>
      </c>
      <c r="DI14" s="101">
        <v>5</v>
      </c>
      <c r="DJ14" s="102">
        <v>4</v>
      </c>
      <c r="DK14" s="103">
        <v>9</v>
      </c>
      <c r="DL14" s="413">
        <v>0</v>
      </c>
      <c r="DM14" s="102">
        <v>2</v>
      </c>
      <c r="DN14" s="102">
        <v>0</v>
      </c>
      <c r="DO14" s="102">
        <v>0</v>
      </c>
      <c r="DP14" s="102">
        <v>1</v>
      </c>
      <c r="DQ14" s="102">
        <v>0</v>
      </c>
      <c r="DR14" s="103">
        <v>3</v>
      </c>
      <c r="DS14" s="104">
        <v>12</v>
      </c>
      <c r="DT14" s="101">
        <v>7</v>
      </c>
      <c r="DU14" s="102">
        <v>4</v>
      </c>
      <c r="DV14" s="103">
        <v>11</v>
      </c>
      <c r="DW14" s="413">
        <v>0</v>
      </c>
      <c r="DX14" s="102">
        <v>4</v>
      </c>
      <c r="DY14" s="102">
        <v>5</v>
      </c>
      <c r="DZ14" s="102">
        <v>1</v>
      </c>
      <c r="EA14" s="102">
        <v>1</v>
      </c>
      <c r="EB14" s="102">
        <v>0</v>
      </c>
      <c r="EC14" s="103">
        <v>11</v>
      </c>
      <c r="ED14" s="104">
        <v>22</v>
      </c>
      <c r="EE14" s="101">
        <v>20</v>
      </c>
      <c r="EF14" s="102">
        <v>17</v>
      </c>
      <c r="EG14" s="103">
        <v>37</v>
      </c>
      <c r="EH14" s="413">
        <v>0</v>
      </c>
      <c r="EI14" s="102">
        <v>15</v>
      </c>
      <c r="EJ14" s="102">
        <v>2</v>
      </c>
      <c r="EK14" s="102">
        <v>4</v>
      </c>
      <c r="EL14" s="102">
        <v>1</v>
      </c>
      <c r="EM14" s="102">
        <v>3</v>
      </c>
      <c r="EN14" s="103">
        <v>25</v>
      </c>
      <c r="EO14" s="104">
        <v>62</v>
      </c>
      <c r="EP14" s="101">
        <v>31</v>
      </c>
      <c r="EQ14" s="102">
        <v>17</v>
      </c>
      <c r="ER14" s="103">
        <v>48</v>
      </c>
      <c r="ES14" s="413">
        <v>0</v>
      </c>
      <c r="ET14" s="102">
        <v>23</v>
      </c>
      <c r="EU14" s="102">
        <v>10</v>
      </c>
      <c r="EV14" s="102">
        <v>7</v>
      </c>
      <c r="EW14" s="102">
        <v>9</v>
      </c>
      <c r="EX14" s="102">
        <v>6</v>
      </c>
      <c r="EY14" s="103">
        <v>55</v>
      </c>
      <c r="EZ14" s="104">
        <v>103</v>
      </c>
      <c r="FA14" s="101">
        <v>34</v>
      </c>
      <c r="FB14" s="102">
        <v>24</v>
      </c>
      <c r="FC14" s="103">
        <v>58</v>
      </c>
      <c r="FD14" s="413">
        <v>0</v>
      </c>
      <c r="FE14" s="102">
        <v>33</v>
      </c>
      <c r="FF14" s="102">
        <v>16</v>
      </c>
      <c r="FG14" s="102">
        <v>12</v>
      </c>
      <c r="FH14" s="102">
        <v>12</v>
      </c>
      <c r="FI14" s="102">
        <v>10</v>
      </c>
      <c r="FJ14" s="103">
        <v>83</v>
      </c>
      <c r="FK14" s="104">
        <v>141</v>
      </c>
      <c r="FL14" s="101">
        <v>24</v>
      </c>
      <c r="FM14" s="102">
        <v>18</v>
      </c>
      <c r="FN14" s="103">
        <v>42</v>
      </c>
      <c r="FO14" s="413">
        <v>0</v>
      </c>
      <c r="FP14" s="102">
        <v>44</v>
      </c>
      <c r="FQ14" s="102">
        <v>23</v>
      </c>
      <c r="FR14" s="102">
        <v>23</v>
      </c>
      <c r="FS14" s="102">
        <v>30</v>
      </c>
      <c r="FT14" s="102">
        <v>16</v>
      </c>
      <c r="FU14" s="103">
        <v>136</v>
      </c>
      <c r="FV14" s="104">
        <v>178</v>
      </c>
      <c r="FW14" s="101">
        <v>0</v>
      </c>
      <c r="FX14" s="102">
        <v>0</v>
      </c>
      <c r="FY14" s="103">
        <v>0</v>
      </c>
      <c r="FZ14" s="413">
        <v>0</v>
      </c>
      <c r="GA14" s="102">
        <v>0</v>
      </c>
      <c r="GB14" s="102">
        <v>0</v>
      </c>
      <c r="GC14" s="102">
        <v>0</v>
      </c>
      <c r="GD14" s="102">
        <v>0</v>
      </c>
      <c r="GE14" s="102">
        <v>0</v>
      </c>
      <c r="GF14" s="103">
        <v>0</v>
      </c>
      <c r="GG14" s="104">
        <v>0</v>
      </c>
      <c r="GH14" s="101">
        <v>121</v>
      </c>
      <c r="GI14" s="102">
        <v>84</v>
      </c>
      <c r="GJ14" s="103">
        <v>205</v>
      </c>
      <c r="GK14" s="413">
        <v>0</v>
      </c>
      <c r="GL14" s="102">
        <v>121</v>
      </c>
      <c r="GM14" s="102">
        <v>56</v>
      </c>
      <c r="GN14" s="102">
        <v>47</v>
      </c>
      <c r="GO14" s="102">
        <v>54</v>
      </c>
      <c r="GP14" s="102">
        <v>35</v>
      </c>
      <c r="GQ14" s="103">
        <v>313</v>
      </c>
      <c r="GR14" s="104">
        <v>518</v>
      </c>
      <c r="GS14" s="105">
        <v>424</v>
      </c>
      <c r="GT14" s="97">
        <v>276</v>
      </c>
      <c r="GU14" s="98">
        <v>700</v>
      </c>
      <c r="GV14" s="413">
        <v>0</v>
      </c>
      <c r="GW14" s="97">
        <v>438</v>
      </c>
      <c r="GX14" s="97">
        <v>204</v>
      </c>
      <c r="GY14" s="97">
        <v>153</v>
      </c>
      <c r="GZ14" s="97">
        <v>145</v>
      </c>
      <c r="HA14" s="97">
        <v>105</v>
      </c>
      <c r="HB14" s="99">
        <v>1045</v>
      </c>
      <c r="HC14" s="100">
        <v>1745</v>
      </c>
      <c r="HD14" s="101">
        <v>16</v>
      </c>
      <c r="HE14" s="102">
        <v>11</v>
      </c>
      <c r="HF14" s="103">
        <v>27</v>
      </c>
      <c r="HG14" s="413">
        <v>0</v>
      </c>
      <c r="HH14" s="102">
        <v>15</v>
      </c>
      <c r="HI14" s="102">
        <v>8</v>
      </c>
      <c r="HJ14" s="102">
        <v>4</v>
      </c>
      <c r="HK14" s="102">
        <v>2</v>
      </c>
      <c r="HL14" s="102">
        <v>4</v>
      </c>
      <c r="HM14" s="103">
        <v>33</v>
      </c>
      <c r="HN14" s="104">
        <v>60</v>
      </c>
      <c r="HO14" s="101">
        <v>22</v>
      </c>
      <c r="HP14" s="102">
        <v>15</v>
      </c>
      <c r="HQ14" s="103">
        <v>37</v>
      </c>
      <c r="HR14" s="413">
        <v>0</v>
      </c>
      <c r="HS14" s="102">
        <v>23</v>
      </c>
      <c r="HT14" s="102">
        <v>18</v>
      </c>
      <c r="HU14" s="102">
        <v>7</v>
      </c>
      <c r="HV14" s="102">
        <v>13</v>
      </c>
      <c r="HW14" s="102">
        <v>7</v>
      </c>
      <c r="HX14" s="103">
        <v>68</v>
      </c>
      <c r="HY14" s="104">
        <v>105</v>
      </c>
      <c r="HZ14" s="101">
        <v>41</v>
      </c>
      <c r="IA14" s="102">
        <v>44</v>
      </c>
      <c r="IB14" s="103">
        <v>85</v>
      </c>
      <c r="IC14" s="413">
        <v>0</v>
      </c>
      <c r="ID14" s="102">
        <v>55</v>
      </c>
      <c r="IE14" s="102">
        <v>22</v>
      </c>
      <c r="IF14" s="102">
        <v>17</v>
      </c>
      <c r="IG14" s="102">
        <v>9</v>
      </c>
      <c r="IH14" s="102">
        <v>17</v>
      </c>
      <c r="II14" s="103">
        <v>120</v>
      </c>
      <c r="IJ14" s="104">
        <v>205</v>
      </c>
      <c r="IK14" s="101">
        <v>91</v>
      </c>
      <c r="IL14" s="102">
        <v>54</v>
      </c>
      <c r="IM14" s="103">
        <v>145</v>
      </c>
      <c r="IN14" s="413">
        <v>0</v>
      </c>
      <c r="IO14" s="102">
        <v>102</v>
      </c>
      <c r="IP14" s="102">
        <v>29</v>
      </c>
      <c r="IQ14" s="102">
        <v>24</v>
      </c>
      <c r="IR14" s="102">
        <v>28</v>
      </c>
      <c r="IS14" s="102">
        <v>26</v>
      </c>
      <c r="IT14" s="103">
        <v>209</v>
      </c>
      <c r="IU14" s="104">
        <v>354</v>
      </c>
      <c r="IV14" s="101">
        <v>142</v>
      </c>
      <c r="IW14" s="102">
        <v>73</v>
      </c>
      <c r="IX14" s="103">
        <v>215</v>
      </c>
      <c r="IY14" s="413">
        <v>0</v>
      </c>
      <c r="IZ14" s="102">
        <v>111</v>
      </c>
      <c r="JA14" s="102">
        <v>61</v>
      </c>
      <c r="JB14" s="102">
        <v>45</v>
      </c>
      <c r="JC14" s="102">
        <v>27</v>
      </c>
      <c r="JD14" s="102">
        <v>20</v>
      </c>
      <c r="JE14" s="103">
        <v>264</v>
      </c>
      <c r="JF14" s="104">
        <v>479</v>
      </c>
      <c r="JG14" s="101">
        <v>112</v>
      </c>
      <c r="JH14" s="102">
        <v>79</v>
      </c>
      <c r="JI14" s="103">
        <v>191</v>
      </c>
      <c r="JJ14" s="413">
        <v>0</v>
      </c>
      <c r="JK14" s="102">
        <v>132</v>
      </c>
      <c r="JL14" s="102">
        <v>66</v>
      </c>
      <c r="JM14" s="102">
        <v>56</v>
      </c>
      <c r="JN14" s="102">
        <v>66</v>
      </c>
      <c r="JO14" s="102">
        <v>31</v>
      </c>
      <c r="JP14" s="103">
        <v>351</v>
      </c>
      <c r="JQ14" s="104">
        <v>542</v>
      </c>
      <c r="JR14" s="101">
        <v>0</v>
      </c>
      <c r="JS14" s="102">
        <v>0</v>
      </c>
      <c r="JT14" s="103">
        <v>0</v>
      </c>
      <c r="JU14" s="413">
        <v>0</v>
      </c>
      <c r="JV14" s="102">
        <v>0</v>
      </c>
      <c r="JW14" s="102">
        <v>0</v>
      </c>
      <c r="JX14" s="102">
        <v>0</v>
      </c>
      <c r="JY14" s="102">
        <v>0</v>
      </c>
      <c r="JZ14" s="102">
        <v>0</v>
      </c>
      <c r="KA14" s="103">
        <v>0</v>
      </c>
      <c r="KB14" s="104">
        <v>0</v>
      </c>
      <c r="KC14" s="101">
        <v>424</v>
      </c>
      <c r="KD14" s="102">
        <v>276</v>
      </c>
      <c r="KE14" s="103">
        <v>700</v>
      </c>
      <c r="KF14" s="413">
        <v>0</v>
      </c>
      <c r="KG14" s="102">
        <v>438</v>
      </c>
      <c r="KH14" s="102">
        <v>204</v>
      </c>
      <c r="KI14" s="102">
        <v>153</v>
      </c>
      <c r="KJ14" s="102">
        <v>145</v>
      </c>
      <c r="KK14" s="102">
        <v>105</v>
      </c>
      <c r="KL14" s="103">
        <v>1045</v>
      </c>
      <c r="KM14" s="104">
        <v>1745</v>
      </c>
    </row>
    <row r="15" spans="2:299" s="70" customFormat="1" ht="21" customHeight="1" x14ac:dyDescent="0.2">
      <c r="B15" s="106" t="s">
        <v>11</v>
      </c>
      <c r="C15" s="96">
        <v>57</v>
      </c>
      <c r="D15" s="97">
        <v>41</v>
      </c>
      <c r="E15" s="98">
        <v>98</v>
      </c>
      <c r="F15" s="413">
        <v>0</v>
      </c>
      <c r="G15" s="97">
        <v>96</v>
      </c>
      <c r="H15" s="97">
        <v>68</v>
      </c>
      <c r="I15" s="97">
        <v>38</v>
      </c>
      <c r="J15" s="97">
        <v>28</v>
      </c>
      <c r="K15" s="97">
        <v>30</v>
      </c>
      <c r="L15" s="99">
        <v>260</v>
      </c>
      <c r="M15" s="100">
        <v>358</v>
      </c>
      <c r="N15" s="101">
        <v>1</v>
      </c>
      <c r="O15" s="102">
        <v>0</v>
      </c>
      <c r="P15" s="103">
        <v>1</v>
      </c>
      <c r="Q15" s="413">
        <v>0</v>
      </c>
      <c r="R15" s="102">
        <v>2</v>
      </c>
      <c r="S15" s="102">
        <v>7</v>
      </c>
      <c r="T15" s="102">
        <v>2</v>
      </c>
      <c r="U15" s="102">
        <v>0</v>
      </c>
      <c r="V15" s="102">
        <v>0</v>
      </c>
      <c r="W15" s="103">
        <v>11</v>
      </c>
      <c r="X15" s="104">
        <v>12</v>
      </c>
      <c r="Y15" s="101">
        <v>3</v>
      </c>
      <c r="Z15" s="102">
        <v>5</v>
      </c>
      <c r="AA15" s="103">
        <v>8</v>
      </c>
      <c r="AB15" s="413">
        <v>0</v>
      </c>
      <c r="AC15" s="102">
        <v>9</v>
      </c>
      <c r="AD15" s="102">
        <v>4</v>
      </c>
      <c r="AE15" s="102">
        <v>2</v>
      </c>
      <c r="AF15" s="102">
        <v>2</v>
      </c>
      <c r="AG15" s="102">
        <v>2</v>
      </c>
      <c r="AH15" s="103">
        <v>19</v>
      </c>
      <c r="AI15" s="104">
        <v>27</v>
      </c>
      <c r="AJ15" s="101">
        <v>5</v>
      </c>
      <c r="AK15" s="102">
        <v>3</v>
      </c>
      <c r="AL15" s="103">
        <v>8</v>
      </c>
      <c r="AM15" s="413">
        <v>0</v>
      </c>
      <c r="AN15" s="102">
        <v>18</v>
      </c>
      <c r="AO15" s="102">
        <v>5</v>
      </c>
      <c r="AP15" s="102">
        <v>6</v>
      </c>
      <c r="AQ15" s="102">
        <v>1</v>
      </c>
      <c r="AR15" s="102">
        <v>3</v>
      </c>
      <c r="AS15" s="103">
        <v>33</v>
      </c>
      <c r="AT15" s="104">
        <v>41</v>
      </c>
      <c r="AU15" s="101">
        <v>12</v>
      </c>
      <c r="AV15" s="102">
        <v>9</v>
      </c>
      <c r="AW15" s="103">
        <v>21</v>
      </c>
      <c r="AX15" s="413">
        <v>0</v>
      </c>
      <c r="AY15" s="102">
        <v>22</v>
      </c>
      <c r="AZ15" s="102">
        <v>13</v>
      </c>
      <c r="BA15" s="102">
        <v>9</v>
      </c>
      <c r="BB15" s="102">
        <v>7</v>
      </c>
      <c r="BC15" s="102">
        <v>13</v>
      </c>
      <c r="BD15" s="103">
        <v>64</v>
      </c>
      <c r="BE15" s="104">
        <v>85</v>
      </c>
      <c r="BF15" s="101">
        <v>22</v>
      </c>
      <c r="BG15" s="102">
        <v>13</v>
      </c>
      <c r="BH15" s="103">
        <v>35</v>
      </c>
      <c r="BI15" s="413">
        <v>0</v>
      </c>
      <c r="BJ15" s="102">
        <v>18</v>
      </c>
      <c r="BK15" s="102">
        <v>17</v>
      </c>
      <c r="BL15" s="102">
        <v>9</v>
      </c>
      <c r="BM15" s="102">
        <v>14</v>
      </c>
      <c r="BN15" s="102">
        <v>4</v>
      </c>
      <c r="BO15" s="103">
        <v>62</v>
      </c>
      <c r="BP15" s="104">
        <v>97</v>
      </c>
      <c r="BQ15" s="101">
        <v>14</v>
      </c>
      <c r="BR15" s="102">
        <v>11</v>
      </c>
      <c r="BS15" s="103">
        <v>25</v>
      </c>
      <c r="BT15" s="413">
        <v>0</v>
      </c>
      <c r="BU15" s="102">
        <v>27</v>
      </c>
      <c r="BV15" s="102">
        <v>22</v>
      </c>
      <c r="BW15" s="102">
        <v>10</v>
      </c>
      <c r="BX15" s="102">
        <v>4</v>
      </c>
      <c r="BY15" s="102">
        <v>8</v>
      </c>
      <c r="BZ15" s="103">
        <v>71</v>
      </c>
      <c r="CA15" s="104">
        <v>96</v>
      </c>
      <c r="CB15" s="101">
        <v>0</v>
      </c>
      <c r="CC15" s="102">
        <v>0</v>
      </c>
      <c r="CD15" s="103">
        <v>0</v>
      </c>
      <c r="CE15" s="413">
        <v>0</v>
      </c>
      <c r="CF15" s="102">
        <v>0</v>
      </c>
      <c r="CG15" s="102">
        <v>0</v>
      </c>
      <c r="CH15" s="102">
        <v>0</v>
      </c>
      <c r="CI15" s="102">
        <v>0</v>
      </c>
      <c r="CJ15" s="102">
        <v>0</v>
      </c>
      <c r="CK15" s="103">
        <v>0</v>
      </c>
      <c r="CL15" s="104">
        <v>0</v>
      </c>
      <c r="CM15" s="101">
        <v>57</v>
      </c>
      <c r="CN15" s="102">
        <v>41</v>
      </c>
      <c r="CO15" s="103">
        <v>98</v>
      </c>
      <c r="CP15" s="413">
        <v>0</v>
      </c>
      <c r="CQ15" s="102">
        <v>96</v>
      </c>
      <c r="CR15" s="102">
        <v>68</v>
      </c>
      <c r="CS15" s="102">
        <v>38</v>
      </c>
      <c r="CT15" s="102">
        <v>28</v>
      </c>
      <c r="CU15" s="102">
        <v>30</v>
      </c>
      <c r="CV15" s="103">
        <v>260</v>
      </c>
      <c r="CW15" s="104">
        <v>358</v>
      </c>
      <c r="CX15" s="105">
        <v>26</v>
      </c>
      <c r="CY15" s="97">
        <v>29</v>
      </c>
      <c r="CZ15" s="98">
        <v>55</v>
      </c>
      <c r="DA15" s="413">
        <v>0</v>
      </c>
      <c r="DB15" s="97">
        <v>44</v>
      </c>
      <c r="DC15" s="97">
        <v>31</v>
      </c>
      <c r="DD15" s="97">
        <v>18</v>
      </c>
      <c r="DE15" s="97">
        <v>29</v>
      </c>
      <c r="DF15" s="97">
        <v>14</v>
      </c>
      <c r="DG15" s="99">
        <v>136</v>
      </c>
      <c r="DH15" s="100">
        <v>191</v>
      </c>
      <c r="DI15" s="101">
        <v>0</v>
      </c>
      <c r="DJ15" s="102">
        <v>1</v>
      </c>
      <c r="DK15" s="103">
        <v>1</v>
      </c>
      <c r="DL15" s="413">
        <v>0</v>
      </c>
      <c r="DM15" s="102">
        <v>2</v>
      </c>
      <c r="DN15" s="102">
        <v>1</v>
      </c>
      <c r="DO15" s="102">
        <v>1</v>
      </c>
      <c r="DP15" s="102">
        <v>0</v>
      </c>
      <c r="DQ15" s="102">
        <v>0</v>
      </c>
      <c r="DR15" s="103">
        <v>4</v>
      </c>
      <c r="DS15" s="104">
        <v>5</v>
      </c>
      <c r="DT15" s="101">
        <v>0</v>
      </c>
      <c r="DU15" s="102">
        <v>1</v>
      </c>
      <c r="DV15" s="103">
        <v>1</v>
      </c>
      <c r="DW15" s="413">
        <v>0</v>
      </c>
      <c r="DX15" s="102">
        <v>2</v>
      </c>
      <c r="DY15" s="102">
        <v>2</v>
      </c>
      <c r="DZ15" s="102">
        <v>1</v>
      </c>
      <c r="EA15" s="102">
        <v>1</v>
      </c>
      <c r="EB15" s="102">
        <v>1</v>
      </c>
      <c r="EC15" s="103">
        <v>7</v>
      </c>
      <c r="ED15" s="104">
        <v>8</v>
      </c>
      <c r="EE15" s="101">
        <v>8</v>
      </c>
      <c r="EF15" s="102">
        <v>1</v>
      </c>
      <c r="EG15" s="103">
        <v>9</v>
      </c>
      <c r="EH15" s="413">
        <v>0</v>
      </c>
      <c r="EI15" s="102">
        <v>5</v>
      </c>
      <c r="EJ15" s="102">
        <v>2</v>
      </c>
      <c r="EK15" s="102">
        <v>0</v>
      </c>
      <c r="EL15" s="102">
        <v>2</v>
      </c>
      <c r="EM15" s="102">
        <v>1</v>
      </c>
      <c r="EN15" s="103">
        <v>10</v>
      </c>
      <c r="EO15" s="104">
        <v>19</v>
      </c>
      <c r="EP15" s="101">
        <v>6</v>
      </c>
      <c r="EQ15" s="102">
        <v>8</v>
      </c>
      <c r="ER15" s="103">
        <v>14</v>
      </c>
      <c r="ES15" s="413">
        <v>0</v>
      </c>
      <c r="ET15" s="102">
        <v>7</v>
      </c>
      <c r="EU15" s="102">
        <v>4</v>
      </c>
      <c r="EV15" s="102">
        <v>1</v>
      </c>
      <c r="EW15" s="102">
        <v>3</v>
      </c>
      <c r="EX15" s="102">
        <v>4</v>
      </c>
      <c r="EY15" s="103">
        <v>19</v>
      </c>
      <c r="EZ15" s="104">
        <v>33</v>
      </c>
      <c r="FA15" s="101">
        <v>9</v>
      </c>
      <c r="FB15" s="102">
        <v>10</v>
      </c>
      <c r="FC15" s="103">
        <v>19</v>
      </c>
      <c r="FD15" s="413">
        <v>0</v>
      </c>
      <c r="FE15" s="102">
        <v>13</v>
      </c>
      <c r="FF15" s="102">
        <v>7</v>
      </c>
      <c r="FG15" s="102">
        <v>4</v>
      </c>
      <c r="FH15" s="102">
        <v>1</v>
      </c>
      <c r="FI15" s="102">
        <v>3</v>
      </c>
      <c r="FJ15" s="103">
        <v>28</v>
      </c>
      <c r="FK15" s="104">
        <v>47</v>
      </c>
      <c r="FL15" s="101">
        <v>3</v>
      </c>
      <c r="FM15" s="102">
        <v>8</v>
      </c>
      <c r="FN15" s="103">
        <v>11</v>
      </c>
      <c r="FO15" s="413">
        <v>0</v>
      </c>
      <c r="FP15" s="102">
        <v>15</v>
      </c>
      <c r="FQ15" s="102">
        <v>15</v>
      </c>
      <c r="FR15" s="102">
        <v>11</v>
      </c>
      <c r="FS15" s="102">
        <v>22</v>
      </c>
      <c r="FT15" s="102">
        <v>5</v>
      </c>
      <c r="FU15" s="103">
        <v>68</v>
      </c>
      <c r="FV15" s="104">
        <v>79</v>
      </c>
      <c r="FW15" s="101">
        <v>0</v>
      </c>
      <c r="FX15" s="102">
        <v>0</v>
      </c>
      <c r="FY15" s="103">
        <v>0</v>
      </c>
      <c r="FZ15" s="413">
        <v>0</v>
      </c>
      <c r="GA15" s="102">
        <v>0</v>
      </c>
      <c r="GB15" s="102">
        <v>0</v>
      </c>
      <c r="GC15" s="102">
        <v>0</v>
      </c>
      <c r="GD15" s="102">
        <v>0</v>
      </c>
      <c r="GE15" s="102">
        <v>0</v>
      </c>
      <c r="GF15" s="103">
        <v>0</v>
      </c>
      <c r="GG15" s="104">
        <v>0</v>
      </c>
      <c r="GH15" s="101">
        <v>26</v>
      </c>
      <c r="GI15" s="102">
        <v>29</v>
      </c>
      <c r="GJ15" s="103">
        <v>55</v>
      </c>
      <c r="GK15" s="413">
        <v>0</v>
      </c>
      <c r="GL15" s="102">
        <v>44</v>
      </c>
      <c r="GM15" s="102">
        <v>31</v>
      </c>
      <c r="GN15" s="102">
        <v>18</v>
      </c>
      <c r="GO15" s="102">
        <v>29</v>
      </c>
      <c r="GP15" s="102">
        <v>14</v>
      </c>
      <c r="GQ15" s="103">
        <v>136</v>
      </c>
      <c r="GR15" s="104">
        <v>191</v>
      </c>
      <c r="GS15" s="105">
        <v>83</v>
      </c>
      <c r="GT15" s="97">
        <v>70</v>
      </c>
      <c r="GU15" s="98">
        <v>153</v>
      </c>
      <c r="GV15" s="413">
        <v>0</v>
      </c>
      <c r="GW15" s="97">
        <v>140</v>
      </c>
      <c r="GX15" s="97">
        <v>99</v>
      </c>
      <c r="GY15" s="97">
        <v>56</v>
      </c>
      <c r="GZ15" s="97">
        <v>57</v>
      </c>
      <c r="HA15" s="97">
        <v>44</v>
      </c>
      <c r="HB15" s="99">
        <v>396</v>
      </c>
      <c r="HC15" s="100">
        <v>549</v>
      </c>
      <c r="HD15" s="101">
        <v>1</v>
      </c>
      <c r="HE15" s="102">
        <v>1</v>
      </c>
      <c r="HF15" s="103">
        <v>2</v>
      </c>
      <c r="HG15" s="413">
        <v>0</v>
      </c>
      <c r="HH15" s="102">
        <v>4</v>
      </c>
      <c r="HI15" s="102">
        <v>8</v>
      </c>
      <c r="HJ15" s="102">
        <v>3</v>
      </c>
      <c r="HK15" s="102">
        <v>0</v>
      </c>
      <c r="HL15" s="102">
        <v>0</v>
      </c>
      <c r="HM15" s="103">
        <v>15</v>
      </c>
      <c r="HN15" s="104">
        <v>17</v>
      </c>
      <c r="HO15" s="101">
        <v>3</v>
      </c>
      <c r="HP15" s="102">
        <v>6</v>
      </c>
      <c r="HQ15" s="103">
        <v>9</v>
      </c>
      <c r="HR15" s="413">
        <v>0</v>
      </c>
      <c r="HS15" s="102">
        <v>11</v>
      </c>
      <c r="HT15" s="102">
        <v>6</v>
      </c>
      <c r="HU15" s="102">
        <v>3</v>
      </c>
      <c r="HV15" s="102">
        <v>3</v>
      </c>
      <c r="HW15" s="102">
        <v>3</v>
      </c>
      <c r="HX15" s="103">
        <v>26</v>
      </c>
      <c r="HY15" s="104">
        <v>35</v>
      </c>
      <c r="HZ15" s="101">
        <v>13</v>
      </c>
      <c r="IA15" s="102">
        <v>4</v>
      </c>
      <c r="IB15" s="103">
        <v>17</v>
      </c>
      <c r="IC15" s="413">
        <v>0</v>
      </c>
      <c r="ID15" s="102">
        <v>23</v>
      </c>
      <c r="IE15" s="102">
        <v>7</v>
      </c>
      <c r="IF15" s="102">
        <v>6</v>
      </c>
      <c r="IG15" s="102">
        <v>3</v>
      </c>
      <c r="IH15" s="102">
        <v>4</v>
      </c>
      <c r="II15" s="103">
        <v>43</v>
      </c>
      <c r="IJ15" s="104">
        <v>60</v>
      </c>
      <c r="IK15" s="101">
        <v>18</v>
      </c>
      <c r="IL15" s="102">
        <v>17</v>
      </c>
      <c r="IM15" s="103">
        <v>35</v>
      </c>
      <c r="IN15" s="413">
        <v>0</v>
      </c>
      <c r="IO15" s="102">
        <v>29</v>
      </c>
      <c r="IP15" s="102">
        <v>17</v>
      </c>
      <c r="IQ15" s="102">
        <v>10</v>
      </c>
      <c r="IR15" s="102">
        <v>10</v>
      </c>
      <c r="IS15" s="102">
        <v>17</v>
      </c>
      <c r="IT15" s="103">
        <v>83</v>
      </c>
      <c r="IU15" s="104">
        <v>118</v>
      </c>
      <c r="IV15" s="101">
        <v>31</v>
      </c>
      <c r="IW15" s="102">
        <v>23</v>
      </c>
      <c r="IX15" s="103">
        <v>54</v>
      </c>
      <c r="IY15" s="413">
        <v>0</v>
      </c>
      <c r="IZ15" s="102">
        <v>31</v>
      </c>
      <c r="JA15" s="102">
        <v>24</v>
      </c>
      <c r="JB15" s="102">
        <v>13</v>
      </c>
      <c r="JC15" s="102">
        <v>15</v>
      </c>
      <c r="JD15" s="102">
        <v>7</v>
      </c>
      <c r="JE15" s="103">
        <v>90</v>
      </c>
      <c r="JF15" s="104">
        <v>144</v>
      </c>
      <c r="JG15" s="101">
        <v>17</v>
      </c>
      <c r="JH15" s="102">
        <v>19</v>
      </c>
      <c r="JI15" s="103">
        <v>36</v>
      </c>
      <c r="JJ15" s="413">
        <v>0</v>
      </c>
      <c r="JK15" s="102">
        <v>42</v>
      </c>
      <c r="JL15" s="102">
        <v>37</v>
      </c>
      <c r="JM15" s="102">
        <v>21</v>
      </c>
      <c r="JN15" s="102">
        <v>26</v>
      </c>
      <c r="JO15" s="102">
        <v>13</v>
      </c>
      <c r="JP15" s="103">
        <v>139</v>
      </c>
      <c r="JQ15" s="104">
        <v>175</v>
      </c>
      <c r="JR15" s="101">
        <v>0</v>
      </c>
      <c r="JS15" s="102">
        <v>0</v>
      </c>
      <c r="JT15" s="103">
        <v>0</v>
      </c>
      <c r="JU15" s="413">
        <v>0</v>
      </c>
      <c r="JV15" s="102">
        <v>0</v>
      </c>
      <c r="JW15" s="102">
        <v>0</v>
      </c>
      <c r="JX15" s="102">
        <v>0</v>
      </c>
      <c r="JY15" s="102">
        <v>0</v>
      </c>
      <c r="JZ15" s="102">
        <v>0</v>
      </c>
      <c r="KA15" s="103">
        <v>0</v>
      </c>
      <c r="KB15" s="104">
        <v>0</v>
      </c>
      <c r="KC15" s="101">
        <v>83</v>
      </c>
      <c r="KD15" s="102">
        <v>70</v>
      </c>
      <c r="KE15" s="103">
        <v>153</v>
      </c>
      <c r="KF15" s="413">
        <v>0</v>
      </c>
      <c r="KG15" s="102">
        <v>140</v>
      </c>
      <c r="KH15" s="102">
        <v>99</v>
      </c>
      <c r="KI15" s="102">
        <v>56</v>
      </c>
      <c r="KJ15" s="102">
        <v>57</v>
      </c>
      <c r="KK15" s="102">
        <v>44</v>
      </c>
      <c r="KL15" s="103">
        <v>396</v>
      </c>
      <c r="KM15" s="104">
        <v>549</v>
      </c>
    </row>
    <row r="16" spans="2:299" s="70" customFormat="1" ht="21" customHeight="1" x14ac:dyDescent="0.2">
      <c r="B16" s="106" t="s">
        <v>12</v>
      </c>
      <c r="C16" s="96">
        <v>129</v>
      </c>
      <c r="D16" s="97">
        <v>112</v>
      </c>
      <c r="E16" s="98">
        <v>241</v>
      </c>
      <c r="F16" s="413">
        <v>0</v>
      </c>
      <c r="G16" s="97">
        <v>124</v>
      </c>
      <c r="H16" s="97">
        <v>105</v>
      </c>
      <c r="I16" s="97">
        <v>64</v>
      </c>
      <c r="J16" s="97">
        <v>69</v>
      </c>
      <c r="K16" s="97">
        <v>35</v>
      </c>
      <c r="L16" s="99">
        <v>397</v>
      </c>
      <c r="M16" s="100">
        <v>638</v>
      </c>
      <c r="N16" s="107">
        <v>3</v>
      </c>
      <c r="O16" s="102">
        <v>5</v>
      </c>
      <c r="P16" s="103">
        <v>8</v>
      </c>
      <c r="Q16" s="413">
        <v>0</v>
      </c>
      <c r="R16" s="102">
        <v>1</v>
      </c>
      <c r="S16" s="102">
        <v>2</v>
      </c>
      <c r="T16" s="102">
        <v>4</v>
      </c>
      <c r="U16" s="102">
        <v>1</v>
      </c>
      <c r="V16" s="102">
        <v>2</v>
      </c>
      <c r="W16" s="103">
        <v>10</v>
      </c>
      <c r="X16" s="104">
        <v>18</v>
      </c>
      <c r="Y16" s="101">
        <v>6</v>
      </c>
      <c r="Z16" s="102">
        <v>9</v>
      </c>
      <c r="AA16" s="103">
        <v>15</v>
      </c>
      <c r="AB16" s="413">
        <v>0</v>
      </c>
      <c r="AC16" s="102">
        <v>5</v>
      </c>
      <c r="AD16" s="102">
        <v>6</v>
      </c>
      <c r="AE16" s="102">
        <v>4</v>
      </c>
      <c r="AF16" s="102">
        <v>7</v>
      </c>
      <c r="AG16" s="102">
        <v>1</v>
      </c>
      <c r="AH16" s="103">
        <v>23</v>
      </c>
      <c r="AI16" s="104">
        <v>38</v>
      </c>
      <c r="AJ16" s="107">
        <v>12</v>
      </c>
      <c r="AK16" s="102">
        <v>11</v>
      </c>
      <c r="AL16" s="103">
        <v>23</v>
      </c>
      <c r="AM16" s="413">
        <v>0</v>
      </c>
      <c r="AN16" s="102">
        <v>16</v>
      </c>
      <c r="AO16" s="102">
        <v>16</v>
      </c>
      <c r="AP16" s="102">
        <v>8</v>
      </c>
      <c r="AQ16" s="102">
        <v>6</v>
      </c>
      <c r="AR16" s="102">
        <v>5</v>
      </c>
      <c r="AS16" s="103">
        <v>51</v>
      </c>
      <c r="AT16" s="104">
        <v>74</v>
      </c>
      <c r="AU16" s="101">
        <v>29</v>
      </c>
      <c r="AV16" s="102">
        <v>31</v>
      </c>
      <c r="AW16" s="103">
        <v>60</v>
      </c>
      <c r="AX16" s="413">
        <v>0</v>
      </c>
      <c r="AY16" s="102">
        <v>23</v>
      </c>
      <c r="AZ16" s="102">
        <v>25</v>
      </c>
      <c r="BA16" s="102">
        <v>14</v>
      </c>
      <c r="BB16" s="102">
        <v>12</v>
      </c>
      <c r="BC16" s="102">
        <v>11</v>
      </c>
      <c r="BD16" s="103">
        <v>85</v>
      </c>
      <c r="BE16" s="104">
        <v>145</v>
      </c>
      <c r="BF16" s="107">
        <v>40</v>
      </c>
      <c r="BG16" s="102">
        <v>22</v>
      </c>
      <c r="BH16" s="103">
        <v>62</v>
      </c>
      <c r="BI16" s="413">
        <v>0</v>
      </c>
      <c r="BJ16" s="102">
        <v>43</v>
      </c>
      <c r="BK16" s="102">
        <v>30</v>
      </c>
      <c r="BL16" s="102">
        <v>13</v>
      </c>
      <c r="BM16" s="102">
        <v>22</v>
      </c>
      <c r="BN16" s="102">
        <v>9</v>
      </c>
      <c r="BO16" s="103">
        <v>117</v>
      </c>
      <c r="BP16" s="104">
        <v>179</v>
      </c>
      <c r="BQ16" s="101">
        <v>39</v>
      </c>
      <c r="BR16" s="102">
        <v>34</v>
      </c>
      <c r="BS16" s="103">
        <v>73</v>
      </c>
      <c r="BT16" s="413">
        <v>0</v>
      </c>
      <c r="BU16" s="102">
        <v>36</v>
      </c>
      <c r="BV16" s="102">
        <v>26</v>
      </c>
      <c r="BW16" s="102">
        <v>21</v>
      </c>
      <c r="BX16" s="102">
        <v>21</v>
      </c>
      <c r="BY16" s="102">
        <v>7</v>
      </c>
      <c r="BZ16" s="103">
        <v>111</v>
      </c>
      <c r="CA16" s="104">
        <v>184</v>
      </c>
      <c r="CB16" s="101">
        <v>0</v>
      </c>
      <c r="CC16" s="102">
        <v>0</v>
      </c>
      <c r="CD16" s="103">
        <v>0</v>
      </c>
      <c r="CE16" s="413">
        <v>0</v>
      </c>
      <c r="CF16" s="102">
        <v>0</v>
      </c>
      <c r="CG16" s="102">
        <v>0</v>
      </c>
      <c r="CH16" s="102">
        <v>0</v>
      </c>
      <c r="CI16" s="102">
        <v>0</v>
      </c>
      <c r="CJ16" s="102">
        <v>0</v>
      </c>
      <c r="CK16" s="103">
        <v>0</v>
      </c>
      <c r="CL16" s="104">
        <v>0</v>
      </c>
      <c r="CM16" s="101">
        <v>129</v>
      </c>
      <c r="CN16" s="102">
        <v>112</v>
      </c>
      <c r="CO16" s="103">
        <v>241</v>
      </c>
      <c r="CP16" s="413">
        <v>0</v>
      </c>
      <c r="CQ16" s="102">
        <v>124</v>
      </c>
      <c r="CR16" s="102">
        <v>105</v>
      </c>
      <c r="CS16" s="102">
        <v>64</v>
      </c>
      <c r="CT16" s="102">
        <v>69</v>
      </c>
      <c r="CU16" s="102">
        <v>35</v>
      </c>
      <c r="CV16" s="103">
        <v>397</v>
      </c>
      <c r="CW16" s="104">
        <v>638</v>
      </c>
      <c r="CX16" s="105">
        <v>36</v>
      </c>
      <c r="CY16" s="97">
        <v>43</v>
      </c>
      <c r="CZ16" s="98">
        <v>79</v>
      </c>
      <c r="DA16" s="413">
        <v>0</v>
      </c>
      <c r="DB16" s="97">
        <v>36</v>
      </c>
      <c r="DC16" s="97">
        <v>34</v>
      </c>
      <c r="DD16" s="97">
        <v>20</v>
      </c>
      <c r="DE16" s="97">
        <v>36</v>
      </c>
      <c r="DF16" s="97">
        <v>15</v>
      </c>
      <c r="DG16" s="99">
        <v>141</v>
      </c>
      <c r="DH16" s="100">
        <v>220</v>
      </c>
      <c r="DI16" s="107">
        <v>1</v>
      </c>
      <c r="DJ16" s="102">
        <v>1</v>
      </c>
      <c r="DK16" s="103">
        <v>2</v>
      </c>
      <c r="DL16" s="413">
        <v>0</v>
      </c>
      <c r="DM16" s="102">
        <v>0</v>
      </c>
      <c r="DN16" s="102">
        <v>0</v>
      </c>
      <c r="DO16" s="102">
        <v>1</v>
      </c>
      <c r="DP16" s="102">
        <v>0</v>
      </c>
      <c r="DQ16" s="102">
        <v>0</v>
      </c>
      <c r="DR16" s="103">
        <v>1</v>
      </c>
      <c r="DS16" s="104">
        <v>3</v>
      </c>
      <c r="DT16" s="101">
        <v>2</v>
      </c>
      <c r="DU16" s="102">
        <v>1</v>
      </c>
      <c r="DV16" s="103">
        <v>3</v>
      </c>
      <c r="DW16" s="413">
        <v>0</v>
      </c>
      <c r="DX16" s="102">
        <v>0</v>
      </c>
      <c r="DY16" s="102">
        <v>1</v>
      </c>
      <c r="DZ16" s="102">
        <v>1</v>
      </c>
      <c r="EA16" s="102">
        <v>0</v>
      </c>
      <c r="EB16" s="102">
        <v>0</v>
      </c>
      <c r="EC16" s="103">
        <v>2</v>
      </c>
      <c r="ED16" s="104">
        <v>5</v>
      </c>
      <c r="EE16" s="107">
        <v>9</v>
      </c>
      <c r="EF16" s="102">
        <v>7</v>
      </c>
      <c r="EG16" s="103">
        <v>16</v>
      </c>
      <c r="EH16" s="413">
        <v>0</v>
      </c>
      <c r="EI16" s="102">
        <v>9</v>
      </c>
      <c r="EJ16" s="102">
        <v>3</v>
      </c>
      <c r="EK16" s="102">
        <v>0</v>
      </c>
      <c r="EL16" s="102">
        <v>1</v>
      </c>
      <c r="EM16" s="102">
        <v>1</v>
      </c>
      <c r="EN16" s="103">
        <v>14</v>
      </c>
      <c r="EO16" s="104">
        <v>30</v>
      </c>
      <c r="EP16" s="101">
        <v>9</v>
      </c>
      <c r="EQ16" s="102">
        <v>13</v>
      </c>
      <c r="ER16" s="103">
        <v>22</v>
      </c>
      <c r="ES16" s="413">
        <v>0</v>
      </c>
      <c r="ET16" s="102">
        <v>5</v>
      </c>
      <c r="EU16" s="102">
        <v>8</v>
      </c>
      <c r="EV16" s="102">
        <v>2</v>
      </c>
      <c r="EW16" s="102">
        <v>7</v>
      </c>
      <c r="EX16" s="102">
        <v>1</v>
      </c>
      <c r="EY16" s="103">
        <v>23</v>
      </c>
      <c r="EZ16" s="104">
        <v>45</v>
      </c>
      <c r="FA16" s="107">
        <v>11</v>
      </c>
      <c r="FB16" s="102">
        <v>7</v>
      </c>
      <c r="FC16" s="103">
        <v>18</v>
      </c>
      <c r="FD16" s="413">
        <v>0</v>
      </c>
      <c r="FE16" s="102">
        <v>13</v>
      </c>
      <c r="FF16" s="102">
        <v>8</v>
      </c>
      <c r="FG16" s="102">
        <v>7</v>
      </c>
      <c r="FH16" s="102">
        <v>10</v>
      </c>
      <c r="FI16" s="102">
        <v>7</v>
      </c>
      <c r="FJ16" s="103">
        <v>45</v>
      </c>
      <c r="FK16" s="104">
        <v>63</v>
      </c>
      <c r="FL16" s="101">
        <v>4</v>
      </c>
      <c r="FM16" s="102">
        <v>14</v>
      </c>
      <c r="FN16" s="103">
        <v>18</v>
      </c>
      <c r="FO16" s="413">
        <v>0</v>
      </c>
      <c r="FP16" s="102">
        <v>9</v>
      </c>
      <c r="FQ16" s="102">
        <v>14</v>
      </c>
      <c r="FR16" s="102">
        <v>9</v>
      </c>
      <c r="FS16" s="102">
        <v>18</v>
      </c>
      <c r="FT16" s="102">
        <v>6</v>
      </c>
      <c r="FU16" s="103">
        <v>56</v>
      </c>
      <c r="FV16" s="104">
        <v>74</v>
      </c>
      <c r="FW16" s="101">
        <v>0</v>
      </c>
      <c r="FX16" s="102">
        <v>0</v>
      </c>
      <c r="FY16" s="103">
        <v>0</v>
      </c>
      <c r="FZ16" s="413">
        <v>0</v>
      </c>
      <c r="GA16" s="102">
        <v>0</v>
      </c>
      <c r="GB16" s="102">
        <v>0</v>
      </c>
      <c r="GC16" s="102">
        <v>0</v>
      </c>
      <c r="GD16" s="102">
        <v>0</v>
      </c>
      <c r="GE16" s="102">
        <v>0</v>
      </c>
      <c r="GF16" s="103">
        <v>0</v>
      </c>
      <c r="GG16" s="104">
        <v>0</v>
      </c>
      <c r="GH16" s="101">
        <v>36</v>
      </c>
      <c r="GI16" s="102">
        <v>43</v>
      </c>
      <c r="GJ16" s="103">
        <v>79</v>
      </c>
      <c r="GK16" s="413">
        <v>0</v>
      </c>
      <c r="GL16" s="102">
        <v>36</v>
      </c>
      <c r="GM16" s="102">
        <v>34</v>
      </c>
      <c r="GN16" s="102">
        <v>20</v>
      </c>
      <c r="GO16" s="102">
        <v>36</v>
      </c>
      <c r="GP16" s="102">
        <v>15</v>
      </c>
      <c r="GQ16" s="103">
        <v>141</v>
      </c>
      <c r="GR16" s="104">
        <v>220</v>
      </c>
      <c r="GS16" s="105">
        <v>165</v>
      </c>
      <c r="GT16" s="97">
        <v>155</v>
      </c>
      <c r="GU16" s="98">
        <v>320</v>
      </c>
      <c r="GV16" s="413">
        <v>0</v>
      </c>
      <c r="GW16" s="97">
        <v>160</v>
      </c>
      <c r="GX16" s="97">
        <v>139</v>
      </c>
      <c r="GY16" s="97">
        <v>84</v>
      </c>
      <c r="GZ16" s="97">
        <v>105</v>
      </c>
      <c r="HA16" s="97">
        <v>50</v>
      </c>
      <c r="HB16" s="99">
        <v>538</v>
      </c>
      <c r="HC16" s="100">
        <v>858</v>
      </c>
      <c r="HD16" s="107">
        <v>4</v>
      </c>
      <c r="HE16" s="102">
        <v>6</v>
      </c>
      <c r="HF16" s="103">
        <v>10</v>
      </c>
      <c r="HG16" s="413">
        <v>0</v>
      </c>
      <c r="HH16" s="102">
        <v>1</v>
      </c>
      <c r="HI16" s="102">
        <v>2</v>
      </c>
      <c r="HJ16" s="102">
        <v>5</v>
      </c>
      <c r="HK16" s="102">
        <v>1</v>
      </c>
      <c r="HL16" s="102">
        <v>2</v>
      </c>
      <c r="HM16" s="103">
        <v>11</v>
      </c>
      <c r="HN16" s="104">
        <v>21</v>
      </c>
      <c r="HO16" s="101">
        <v>8</v>
      </c>
      <c r="HP16" s="102">
        <v>10</v>
      </c>
      <c r="HQ16" s="103">
        <v>18</v>
      </c>
      <c r="HR16" s="413">
        <v>0</v>
      </c>
      <c r="HS16" s="102">
        <v>5</v>
      </c>
      <c r="HT16" s="102">
        <v>7</v>
      </c>
      <c r="HU16" s="102">
        <v>5</v>
      </c>
      <c r="HV16" s="102">
        <v>7</v>
      </c>
      <c r="HW16" s="102">
        <v>1</v>
      </c>
      <c r="HX16" s="103">
        <v>25</v>
      </c>
      <c r="HY16" s="104">
        <v>43</v>
      </c>
      <c r="HZ16" s="107">
        <v>21</v>
      </c>
      <c r="IA16" s="102">
        <v>18</v>
      </c>
      <c r="IB16" s="103">
        <v>39</v>
      </c>
      <c r="IC16" s="413">
        <v>0</v>
      </c>
      <c r="ID16" s="102">
        <v>25</v>
      </c>
      <c r="IE16" s="102">
        <v>19</v>
      </c>
      <c r="IF16" s="102">
        <v>8</v>
      </c>
      <c r="IG16" s="102">
        <v>7</v>
      </c>
      <c r="IH16" s="102">
        <v>6</v>
      </c>
      <c r="II16" s="103">
        <v>65</v>
      </c>
      <c r="IJ16" s="104">
        <v>104</v>
      </c>
      <c r="IK16" s="101">
        <v>38</v>
      </c>
      <c r="IL16" s="102">
        <v>44</v>
      </c>
      <c r="IM16" s="103">
        <v>82</v>
      </c>
      <c r="IN16" s="413">
        <v>0</v>
      </c>
      <c r="IO16" s="102">
        <v>28</v>
      </c>
      <c r="IP16" s="102">
        <v>33</v>
      </c>
      <c r="IQ16" s="102">
        <v>16</v>
      </c>
      <c r="IR16" s="102">
        <v>19</v>
      </c>
      <c r="IS16" s="102">
        <v>12</v>
      </c>
      <c r="IT16" s="103">
        <v>108</v>
      </c>
      <c r="IU16" s="104">
        <v>190</v>
      </c>
      <c r="IV16" s="107">
        <v>51</v>
      </c>
      <c r="IW16" s="102">
        <v>29</v>
      </c>
      <c r="IX16" s="103">
        <v>80</v>
      </c>
      <c r="IY16" s="413">
        <v>0</v>
      </c>
      <c r="IZ16" s="102">
        <v>56</v>
      </c>
      <c r="JA16" s="102">
        <v>38</v>
      </c>
      <c r="JB16" s="102">
        <v>20</v>
      </c>
      <c r="JC16" s="102">
        <v>32</v>
      </c>
      <c r="JD16" s="102">
        <v>16</v>
      </c>
      <c r="JE16" s="103">
        <v>162</v>
      </c>
      <c r="JF16" s="104">
        <v>242</v>
      </c>
      <c r="JG16" s="101">
        <v>43</v>
      </c>
      <c r="JH16" s="102">
        <v>48</v>
      </c>
      <c r="JI16" s="103">
        <v>91</v>
      </c>
      <c r="JJ16" s="413">
        <v>0</v>
      </c>
      <c r="JK16" s="102">
        <v>45</v>
      </c>
      <c r="JL16" s="102">
        <v>40</v>
      </c>
      <c r="JM16" s="102">
        <v>30</v>
      </c>
      <c r="JN16" s="102">
        <v>39</v>
      </c>
      <c r="JO16" s="102">
        <v>13</v>
      </c>
      <c r="JP16" s="103">
        <v>167</v>
      </c>
      <c r="JQ16" s="104">
        <v>258</v>
      </c>
      <c r="JR16" s="101">
        <v>0</v>
      </c>
      <c r="JS16" s="102">
        <v>0</v>
      </c>
      <c r="JT16" s="103">
        <v>0</v>
      </c>
      <c r="JU16" s="413">
        <v>0</v>
      </c>
      <c r="JV16" s="102">
        <v>0</v>
      </c>
      <c r="JW16" s="102">
        <v>0</v>
      </c>
      <c r="JX16" s="102">
        <v>0</v>
      </c>
      <c r="JY16" s="102">
        <v>0</v>
      </c>
      <c r="JZ16" s="102">
        <v>0</v>
      </c>
      <c r="KA16" s="103">
        <v>0</v>
      </c>
      <c r="KB16" s="104">
        <v>0</v>
      </c>
      <c r="KC16" s="101">
        <v>165</v>
      </c>
      <c r="KD16" s="102">
        <v>155</v>
      </c>
      <c r="KE16" s="103">
        <v>320</v>
      </c>
      <c r="KF16" s="413">
        <v>0</v>
      </c>
      <c r="KG16" s="102">
        <v>160</v>
      </c>
      <c r="KH16" s="102">
        <v>139</v>
      </c>
      <c r="KI16" s="102">
        <v>84</v>
      </c>
      <c r="KJ16" s="102">
        <v>105</v>
      </c>
      <c r="KK16" s="102">
        <v>50</v>
      </c>
      <c r="KL16" s="103">
        <v>538</v>
      </c>
      <c r="KM16" s="104">
        <v>858</v>
      </c>
    </row>
    <row r="17" spans="2:299" s="70" customFormat="1" ht="21" customHeight="1" x14ac:dyDescent="0.2">
      <c r="B17" s="106" t="s">
        <v>13</v>
      </c>
      <c r="C17" s="96">
        <v>45</v>
      </c>
      <c r="D17" s="97">
        <v>43</v>
      </c>
      <c r="E17" s="98">
        <v>88</v>
      </c>
      <c r="F17" s="413">
        <v>0</v>
      </c>
      <c r="G17" s="97">
        <v>74</v>
      </c>
      <c r="H17" s="97">
        <v>66</v>
      </c>
      <c r="I17" s="97">
        <v>32</v>
      </c>
      <c r="J17" s="97">
        <v>20</v>
      </c>
      <c r="K17" s="97">
        <v>26</v>
      </c>
      <c r="L17" s="99">
        <v>218</v>
      </c>
      <c r="M17" s="100">
        <v>306</v>
      </c>
      <c r="N17" s="101">
        <v>1</v>
      </c>
      <c r="O17" s="102">
        <v>1</v>
      </c>
      <c r="P17" s="103">
        <v>2</v>
      </c>
      <c r="Q17" s="413">
        <v>0</v>
      </c>
      <c r="R17" s="102">
        <v>1</v>
      </c>
      <c r="S17" s="102">
        <v>1</v>
      </c>
      <c r="T17" s="102">
        <v>0</v>
      </c>
      <c r="U17" s="102">
        <v>1</v>
      </c>
      <c r="V17" s="102">
        <v>1</v>
      </c>
      <c r="W17" s="103">
        <v>4</v>
      </c>
      <c r="X17" s="104">
        <v>6</v>
      </c>
      <c r="Y17" s="101">
        <v>2</v>
      </c>
      <c r="Z17" s="102">
        <v>0</v>
      </c>
      <c r="AA17" s="103">
        <v>2</v>
      </c>
      <c r="AB17" s="413">
        <v>0</v>
      </c>
      <c r="AC17" s="102">
        <v>3</v>
      </c>
      <c r="AD17" s="102">
        <v>3</v>
      </c>
      <c r="AE17" s="102">
        <v>2</v>
      </c>
      <c r="AF17" s="102">
        <v>1</v>
      </c>
      <c r="AG17" s="102">
        <v>1</v>
      </c>
      <c r="AH17" s="103">
        <v>10</v>
      </c>
      <c r="AI17" s="104">
        <v>12</v>
      </c>
      <c r="AJ17" s="101">
        <v>1</v>
      </c>
      <c r="AK17" s="102">
        <v>3</v>
      </c>
      <c r="AL17" s="103">
        <v>4</v>
      </c>
      <c r="AM17" s="413">
        <v>0</v>
      </c>
      <c r="AN17" s="102">
        <v>2</v>
      </c>
      <c r="AO17" s="102">
        <v>8</v>
      </c>
      <c r="AP17" s="102">
        <v>4</v>
      </c>
      <c r="AQ17" s="102">
        <v>3</v>
      </c>
      <c r="AR17" s="102">
        <v>1</v>
      </c>
      <c r="AS17" s="103">
        <v>18</v>
      </c>
      <c r="AT17" s="104">
        <v>22</v>
      </c>
      <c r="AU17" s="101">
        <v>10</v>
      </c>
      <c r="AV17" s="102">
        <v>6</v>
      </c>
      <c r="AW17" s="103">
        <v>16</v>
      </c>
      <c r="AX17" s="413">
        <v>0</v>
      </c>
      <c r="AY17" s="102">
        <v>18</v>
      </c>
      <c r="AZ17" s="102">
        <v>11</v>
      </c>
      <c r="BA17" s="102">
        <v>6</v>
      </c>
      <c r="BB17" s="102">
        <v>2</v>
      </c>
      <c r="BC17" s="102">
        <v>5</v>
      </c>
      <c r="BD17" s="103">
        <v>42</v>
      </c>
      <c r="BE17" s="104">
        <v>58</v>
      </c>
      <c r="BF17" s="101">
        <v>14</v>
      </c>
      <c r="BG17" s="102">
        <v>17</v>
      </c>
      <c r="BH17" s="103">
        <v>31</v>
      </c>
      <c r="BI17" s="413">
        <v>0</v>
      </c>
      <c r="BJ17" s="102">
        <v>29</v>
      </c>
      <c r="BK17" s="102">
        <v>26</v>
      </c>
      <c r="BL17" s="102">
        <v>9</v>
      </c>
      <c r="BM17" s="102">
        <v>6</v>
      </c>
      <c r="BN17" s="102">
        <v>11</v>
      </c>
      <c r="BO17" s="103">
        <v>81</v>
      </c>
      <c r="BP17" s="104">
        <v>112</v>
      </c>
      <c r="BQ17" s="101">
        <v>17</v>
      </c>
      <c r="BR17" s="102">
        <v>16</v>
      </c>
      <c r="BS17" s="103">
        <v>33</v>
      </c>
      <c r="BT17" s="413">
        <v>0</v>
      </c>
      <c r="BU17" s="102">
        <v>21</v>
      </c>
      <c r="BV17" s="102">
        <v>17</v>
      </c>
      <c r="BW17" s="102">
        <v>11</v>
      </c>
      <c r="BX17" s="102">
        <v>7</v>
      </c>
      <c r="BY17" s="102">
        <v>7</v>
      </c>
      <c r="BZ17" s="103">
        <v>63</v>
      </c>
      <c r="CA17" s="104">
        <v>96</v>
      </c>
      <c r="CB17" s="101">
        <v>0</v>
      </c>
      <c r="CC17" s="102">
        <v>0</v>
      </c>
      <c r="CD17" s="103">
        <v>0</v>
      </c>
      <c r="CE17" s="413">
        <v>0</v>
      </c>
      <c r="CF17" s="102">
        <v>0</v>
      </c>
      <c r="CG17" s="102">
        <v>0</v>
      </c>
      <c r="CH17" s="102">
        <v>0</v>
      </c>
      <c r="CI17" s="102">
        <v>0</v>
      </c>
      <c r="CJ17" s="102">
        <v>0</v>
      </c>
      <c r="CK17" s="103">
        <v>0</v>
      </c>
      <c r="CL17" s="104">
        <v>0</v>
      </c>
      <c r="CM17" s="101">
        <v>45</v>
      </c>
      <c r="CN17" s="102">
        <v>43</v>
      </c>
      <c r="CO17" s="103">
        <v>88</v>
      </c>
      <c r="CP17" s="413">
        <v>0</v>
      </c>
      <c r="CQ17" s="102">
        <v>74</v>
      </c>
      <c r="CR17" s="102">
        <v>66</v>
      </c>
      <c r="CS17" s="102">
        <v>32</v>
      </c>
      <c r="CT17" s="102">
        <v>20</v>
      </c>
      <c r="CU17" s="102">
        <v>26</v>
      </c>
      <c r="CV17" s="103">
        <v>218</v>
      </c>
      <c r="CW17" s="104">
        <v>306</v>
      </c>
      <c r="CX17" s="105">
        <v>16</v>
      </c>
      <c r="CY17" s="97">
        <v>19</v>
      </c>
      <c r="CZ17" s="98">
        <v>35</v>
      </c>
      <c r="DA17" s="413">
        <v>0</v>
      </c>
      <c r="DB17" s="97">
        <v>22</v>
      </c>
      <c r="DC17" s="97">
        <v>20</v>
      </c>
      <c r="DD17" s="97">
        <v>12</v>
      </c>
      <c r="DE17" s="97">
        <v>7</v>
      </c>
      <c r="DF17" s="97">
        <v>8</v>
      </c>
      <c r="DG17" s="99">
        <v>69</v>
      </c>
      <c r="DH17" s="100">
        <v>104</v>
      </c>
      <c r="DI17" s="101">
        <v>0</v>
      </c>
      <c r="DJ17" s="102">
        <v>1</v>
      </c>
      <c r="DK17" s="103">
        <v>1</v>
      </c>
      <c r="DL17" s="413">
        <v>0</v>
      </c>
      <c r="DM17" s="102">
        <v>1</v>
      </c>
      <c r="DN17" s="102">
        <v>1</v>
      </c>
      <c r="DO17" s="102">
        <v>0</v>
      </c>
      <c r="DP17" s="102">
        <v>0</v>
      </c>
      <c r="DQ17" s="102">
        <v>0</v>
      </c>
      <c r="DR17" s="103">
        <v>2</v>
      </c>
      <c r="DS17" s="104">
        <v>3</v>
      </c>
      <c r="DT17" s="101">
        <v>2</v>
      </c>
      <c r="DU17" s="102">
        <v>0</v>
      </c>
      <c r="DV17" s="103">
        <v>2</v>
      </c>
      <c r="DW17" s="413">
        <v>0</v>
      </c>
      <c r="DX17" s="102">
        <v>2</v>
      </c>
      <c r="DY17" s="102">
        <v>1</v>
      </c>
      <c r="DZ17" s="102">
        <v>1</v>
      </c>
      <c r="EA17" s="102">
        <v>1</v>
      </c>
      <c r="EB17" s="102">
        <v>1</v>
      </c>
      <c r="EC17" s="103">
        <v>6</v>
      </c>
      <c r="ED17" s="104">
        <v>8</v>
      </c>
      <c r="EE17" s="101">
        <v>2</v>
      </c>
      <c r="EF17" s="102">
        <v>0</v>
      </c>
      <c r="EG17" s="103">
        <v>2</v>
      </c>
      <c r="EH17" s="413">
        <v>0</v>
      </c>
      <c r="EI17" s="102">
        <v>3</v>
      </c>
      <c r="EJ17" s="102">
        <v>4</v>
      </c>
      <c r="EK17" s="102">
        <v>3</v>
      </c>
      <c r="EL17" s="102">
        <v>0</v>
      </c>
      <c r="EM17" s="102">
        <v>1</v>
      </c>
      <c r="EN17" s="103">
        <v>11</v>
      </c>
      <c r="EO17" s="104">
        <v>13</v>
      </c>
      <c r="EP17" s="101">
        <v>5</v>
      </c>
      <c r="EQ17" s="102">
        <v>6</v>
      </c>
      <c r="ER17" s="103">
        <v>11</v>
      </c>
      <c r="ES17" s="413">
        <v>0</v>
      </c>
      <c r="ET17" s="102">
        <v>5</v>
      </c>
      <c r="EU17" s="102">
        <v>1</v>
      </c>
      <c r="EV17" s="102">
        <v>2</v>
      </c>
      <c r="EW17" s="102">
        <v>0</v>
      </c>
      <c r="EX17" s="102">
        <v>2</v>
      </c>
      <c r="EY17" s="103">
        <v>10</v>
      </c>
      <c r="EZ17" s="104">
        <v>21</v>
      </c>
      <c r="FA17" s="101">
        <v>3</v>
      </c>
      <c r="FB17" s="102">
        <v>9</v>
      </c>
      <c r="FC17" s="103">
        <v>12</v>
      </c>
      <c r="FD17" s="413">
        <v>0</v>
      </c>
      <c r="FE17" s="102">
        <v>4</v>
      </c>
      <c r="FF17" s="102">
        <v>4</v>
      </c>
      <c r="FG17" s="102">
        <v>1</v>
      </c>
      <c r="FH17" s="102">
        <v>1</v>
      </c>
      <c r="FI17" s="102">
        <v>1</v>
      </c>
      <c r="FJ17" s="103">
        <v>11</v>
      </c>
      <c r="FK17" s="104">
        <v>23</v>
      </c>
      <c r="FL17" s="101">
        <v>4</v>
      </c>
      <c r="FM17" s="102">
        <v>3</v>
      </c>
      <c r="FN17" s="103">
        <v>7</v>
      </c>
      <c r="FO17" s="413">
        <v>0</v>
      </c>
      <c r="FP17" s="102">
        <v>7</v>
      </c>
      <c r="FQ17" s="102">
        <v>9</v>
      </c>
      <c r="FR17" s="102">
        <v>5</v>
      </c>
      <c r="FS17" s="102">
        <v>5</v>
      </c>
      <c r="FT17" s="102">
        <v>3</v>
      </c>
      <c r="FU17" s="103">
        <v>29</v>
      </c>
      <c r="FV17" s="104">
        <v>36</v>
      </c>
      <c r="FW17" s="101">
        <v>0</v>
      </c>
      <c r="FX17" s="102">
        <v>0</v>
      </c>
      <c r="FY17" s="103">
        <v>0</v>
      </c>
      <c r="FZ17" s="413">
        <v>0</v>
      </c>
      <c r="GA17" s="102">
        <v>0</v>
      </c>
      <c r="GB17" s="102">
        <v>0</v>
      </c>
      <c r="GC17" s="102">
        <v>0</v>
      </c>
      <c r="GD17" s="102">
        <v>0</v>
      </c>
      <c r="GE17" s="102">
        <v>0</v>
      </c>
      <c r="GF17" s="103">
        <v>0</v>
      </c>
      <c r="GG17" s="104">
        <v>0</v>
      </c>
      <c r="GH17" s="101">
        <v>16</v>
      </c>
      <c r="GI17" s="102">
        <v>19</v>
      </c>
      <c r="GJ17" s="103">
        <v>35</v>
      </c>
      <c r="GK17" s="413">
        <v>0</v>
      </c>
      <c r="GL17" s="102">
        <v>22</v>
      </c>
      <c r="GM17" s="102">
        <v>20</v>
      </c>
      <c r="GN17" s="102">
        <v>12</v>
      </c>
      <c r="GO17" s="102">
        <v>7</v>
      </c>
      <c r="GP17" s="102">
        <v>8</v>
      </c>
      <c r="GQ17" s="103">
        <v>69</v>
      </c>
      <c r="GR17" s="104">
        <v>104</v>
      </c>
      <c r="GS17" s="105">
        <v>61</v>
      </c>
      <c r="GT17" s="97">
        <v>62</v>
      </c>
      <c r="GU17" s="98">
        <v>123</v>
      </c>
      <c r="GV17" s="413">
        <v>0</v>
      </c>
      <c r="GW17" s="97">
        <v>96</v>
      </c>
      <c r="GX17" s="97">
        <v>86</v>
      </c>
      <c r="GY17" s="97">
        <v>44</v>
      </c>
      <c r="GZ17" s="97">
        <v>27</v>
      </c>
      <c r="HA17" s="97">
        <v>34</v>
      </c>
      <c r="HB17" s="99">
        <v>287</v>
      </c>
      <c r="HC17" s="100">
        <v>410</v>
      </c>
      <c r="HD17" s="101">
        <v>1</v>
      </c>
      <c r="HE17" s="102">
        <v>2</v>
      </c>
      <c r="HF17" s="103">
        <v>3</v>
      </c>
      <c r="HG17" s="413">
        <v>0</v>
      </c>
      <c r="HH17" s="102">
        <v>2</v>
      </c>
      <c r="HI17" s="102">
        <v>2</v>
      </c>
      <c r="HJ17" s="102">
        <v>0</v>
      </c>
      <c r="HK17" s="102">
        <v>1</v>
      </c>
      <c r="HL17" s="102">
        <v>1</v>
      </c>
      <c r="HM17" s="103">
        <v>6</v>
      </c>
      <c r="HN17" s="104">
        <v>9</v>
      </c>
      <c r="HO17" s="101">
        <v>4</v>
      </c>
      <c r="HP17" s="102">
        <v>0</v>
      </c>
      <c r="HQ17" s="103">
        <v>4</v>
      </c>
      <c r="HR17" s="413">
        <v>0</v>
      </c>
      <c r="HS17" s="102">
        <v>5</v>
      </c>
      <c r="HT17" s="102">
        <v>4</v>
      </c>
      <c r="HU17" s="102">
        <v>3</v>
      </c>
      <c r="HV17" s="102">
        <v>2</v>
      </c>
      <c r="HW17" s="102">
        <v>2</v>
      </c>
      <c r="HX17" s="103">
        <v>16</v>
      </c>
      <c r="HY17" s="104">
        <v>20</v>
      </c>
      <c r="HZ17" s="101">
        <v>3</v>
      </c>
      <c r="IA17" s="102">
        <v>3</v>
      </c>
      <c r="IB17" s="103">
        <v>6</v>
      </c>
      <c r="IC17" s="413">
        <v>0</v>
      </c>
      <c r="ID17" s="102">
        <v>5</v>
      </c>
      <c r="IE17" s="102">
        <v>12</v>
      </c>
      <c r="IF17" s="102">
        <v>7</v>
      </c>
      <c r="IG17" s="102">
        <v>3</v>
      </c>
      <c r="IH17" s="102">
        <v>2</v>
      </c>
      <c r="II17" s="103">
        <v>29</v>
      </c>
      <c r="IJ17" s="104">
        <v>35</v>
      </c>
      <c r="IK17" s="101">
        <v>15</v>
      </c>
      <c r="IL17" s="102">
        <v>12</v>
      </c>
      <c r="IM17" s="103">
        <v>27</v>
      </c>
      <c r="IN17" s="413">
        <v>0</v>
      </c>
      <c r="IO17" s="102">
        <v>23</v>
      </c>
      <c r="IP17" s="102">
        <v>12</v>
      </c>
      <c r="IQ17" s="102">
        <v>8</v>
      </c>
      <c r="IR17" s="102">
        <v>2</v>
      </c>
      <c r="IS17" s="102">
        <v>7</v>
      </c>
      <c r="IT17" s="103">
        <v>52</v>
      </c>
      <c r="IU17" s="104">
        <v>79</v>
      </c>
      <c r="IV17" s="101">
        <v>17</v>
      </c>
      <c r="IW17" s="102">
        <v>26</v>
      </c>
      <c r="IX17" s="103">
        <v>43</v>
      </c>
      <c r="IY17" s="413">
        <v>0</v>
      </c>
      <c r="IZ17" s="102">
        <v>33</v>
      </c>
      <c r="JA17" s="102">
        <v>30</v>
      </c>
      <c r="JB17" s="102">
        <v>10</v>
      </c>
      <c r="JC17" s="102">
        <v>7</v>
      </c>
      <c r="JD17" s="102">
        <v>12</v>
      </c>
      <c r="JE17" s="103">
        <v>92</v>
      </c>
      <c r="JF17" s="104">
        <v>135</v>
      </c>
      <c r="JG17" s="101">
        <v>21</v>
      </c>
      <c r="JH17" s="102">
        <v>19</v>
      </c>
      <c r="JI17" s="103">
        <v>40</v>
      </c>
      <c r="JJ17" s="413">
        <v>0</v>
      </c>
      <c r="JK17" s="102">
        <v>28</v>
      </c>
      <c r="JL17" s="102">
        <v>26</v>
      </c>
      <c r="JM17" s="102">
        <v>16</v>
      </c>
      <c r="JN17" s="102">
        <v>12</v>
      </c>
      <c r="JO17" s="102">
        <v>10</v>
      </c>
      <c r="JP17" s="103">
        <v>92</v>
      </c>
      <c r="JQ17" s="104">
        <v>132</v>
      </c>
      <c r="JR17" s="101">
        <v>0</v>
      </c>
      <c r="JS17" s="102">
        <v>0</v>
      </c>
      <c r="JT17" s="103">
        <v>0</v>
      </c>
      <c r="JU17" s="413">
        <v>0</v>
      </c>
      <c r="JV17" s="102">
        <v>0</v>
      </c>
      <c r="JW17" s="102">
        <v>0</v>
      </c>
      <c r="JX17" s="102">
        <v>0</v>
      </c>
      <c r="JY17" s="102">
        <v>0</v>
      </c>
      <c r="JZ17" s="102">
        <v>0</v>
      </c>
      <c r="KA17" s="103">
        <v>0</v>
      </c>
      <c r="KB17" s="104">
        <v>0</v>
      </c>
      <c r="KC17" s="101">
        <v>61</v>
      </c>
      <c r="KD17" s="102">
        <v>62</v>
      </c>
      <c r="KE17" s="103">
        <v>123</v>
      </c>
      <c r="KF17" s="413">
        <v>0</v>
      </c>
      <c r="KG17" s="102">
        <v>96</v>
      </c>
      <c r="KH17" s="102">
        <v>86</v>
      </c>
      <c r="KI17" s="102">
        <v>44</v>
      </c>
      <c r="KJ17" s="102">
        <v>27</v>
      </c>
      <c r="KK17" s="102">
        <v>34</v>
      </c>
      <c r="KL17" s="103">
        <v>287</v>
      </c>
      <c r="KM17" s="104">
        <v>410</v>
      </c>
    </row>
    <row r="18" spans="2:299" s="70" customFormat="1" ht="21" customHeight="1" x14ac:dyDescent="0.2">
      <c r="B18" s="106" t="s">
        <v>15</v>
      </c>
      <c r="C18" s="96">
        <v>10</v>
      </c>
      <c r="D18" s="97">
        <v>15</v>
      </c>
      <c r="E18" s="98">
        <v>25</v>
      </c>
      <c r="F18" s="413">
        <v>0</v>
      </c>
      <c r="G18" s="97">
        <v>10</v>
      </c>
      <c r="H18" s="97">
        <v>11</v>
      </c>
      <c r="I18" s="97">
        <v>7</v>
      </c>
      <c r="J18" s="97">
        <v>4</v>
      </c>
      <c r="K18" s="97">
        <v>5</v>
      </c>
      <c r="L18" s="99">
        <v>37</v>
      </c>
      <c r="M18" s="100">
        <v>62</v>
      </c>
      <c r="N18" s="101">
        <v>0</v>
      </c>
      <c r="O18" s="102">
        <v>3</v>
      </c>
      <c r="P18" s="103">
        <v>3</v>
      </c>
      <c r="Q18" s="413">
        <v>0</v>
      </c>
      <c r="R18" s="102">
        <v>0</v>
      </c>
      <c r="S18" s="102">
        <v>0</v>
      </c>
      <c r="T18" s="102">
        <v>0</v>
      </c>
      <c r="U18" s="102">
        <v>0</v>
      </c>
      <c r="V18" s="102">
        <v>1</v>
      </c>
      <c r="W18" s="103">
        <v>1</v>
      </c>
      <c r="X18" s="104">
        <v>4</v>
      </c>
      <c r="Y18" s="101">
        <v>2</v>
      </c>
      <c r="Z18" s="102">
        <v>0</v>
      </c>
      <c r="AA18" s="103">
        <v>2</v>
      </c>
      <c r="AB18" s="413">
        <v>0</v>
      </c>
      <c r="AC18" s="102">
        <v>3</v>
      </c>
      <c r="AD18" s="102">
        <v>1</v>
      </c>
      <c r="AE18" s="102">
        <v>1</v>
      </c>
      <c r="AF18" s="102">
        <v>1</v>
      </c>
      <c r="AG18" s="102">
        <v>1</v>
      </c>
      <c r="AH18" s="103">
        <v>7</v>
      </c>
      <c r="AI18" s="104">
        <v>9</v>
      </c>
      <c r="AJ18" s="101">
        <v>3</v>
      </c>
      <c r="AK18" s="102">
        <v>1</v>
      </c>
      <c r="AL18" s="103">
        <v>4</v>
      </c>
      <c r="AM18" s="413">
        <v>0</v>
      </c>
      <c r="AN18" s="102">
        <v>0</v>
      </c>
      <c r="AO18" s="102">
        <v>1</v>
      </c>
      <c r="AP18" s="102">
        <v>1</v>
      </c>
      <c r="AQ18" s="102">
        <v>1</v>
      </c>
      <c r="AR18" s="102">
        <v>1</v>
      </c>
      <c r="AS18" s="103">
        <v>4</v>
      </c>
      <c r="AT18" s="104">
        <v>8</v>
      </c>
      <c r="AU18" s="101">
        <v>2</v>
      </c>
      <c r="AV18" s="102">
        <v>2</v>
      </c>
      <c r="AW18" s="103">
        <v>4</v>
      </c>
      <c r="AX18" s="413">
        <v>0</v>
      </c>
      <c r="AY18" s="102">
        <v>2</v>
      </c>
      <c r="AZ18" s="102">
        <v>2</v>
      </c>
      <c r="BA18" s="102">
        <v>2</v>
      </c>
      <c r="BB18" s="102">
        <v>1</v>
      </c>
      <c r="BC18" s="102">
        <v>2</v>
      </c>
      <c r="BD18" s="103">
        <v>9</v>
      </c>
      <c r="BE18" s="104">
        <v>13</v>
      </c>
      <c r="BF18" s="101">
        <v>1</v>
      </c>
      <c r="BG18" s="102">
        <v>6</v>
      </c>
      <c r="BH18" s="103">
        <v>7</v>
      </c>
      <c r="BI18" s="413">
        <v>0</v>
      </c>
      <c r="BJ18" s="102">
        <v>2</v>
      </c>
      <c r="BK18" s="102">
        <v>2</v>
      </c>
      <c r="BL18" s="102">
        <v>2</v>
      </c>
      <c r="BM18" s="102">
        <v>1</v>
      </c>
      <c r="BN18" s="102">
        <v>0</v>
      </c>
      <c r="BO18" s="103">
        <v>7</v>
      </c>
      <c r="BP18" s="104">
        <v>14</v>
      </c>
      <c r="BQ18" s="101">
        <v>2</v>
      </c>
      <c r="BR18" s="102">
        <v>3</v>
      </c>
      <c r="BS18" s="103">
        <v>5</v>
      </c>
      <c r="BT18" s="413">
        <v>0</v>
      </c>
      <c r="BU18" s="102">
        <v>3</v>
      </c>
      <c r="BV18" s="102">
        <v>5</v>
      </c>
      <c r="BW18" s="102">
        <v>1</v>
      </c>
      <c r="BX18" s="102">
        <v>0</v>
      </c>
      <c r="BY18" s="102">
        <v>0</v>
      </c>
      <c r="BZ18" s="103">
        <v>9</v>
      </c>
      <c r="CA18" s="104">
        <v>14</v>
      </c>
      <c r="CB18" s="101">
        <v>0</v>
      </c>
      <c r="CC18" s="102">
        <v>0</v>
      </c>
      <c r="CD18" s="103">
        <v>0</v>
      </c>
      <c r="CE18" s="413">
        <v>0</v>
      </c>
      <c r="CF18" s="102">
        <v>0</v>
      </c>
      <c r="CG18" s="102">
        <v>0</v>
      </c>
      <c r="CH18" s="102">
        <v>0</v>
      </c>
      <c r="CI18" s="102">
        <v>0</v>
      </c>
      <c r="CJ18" s="102">
        <v>0</v>
      </c>
      <c r="CK18" s="103">
        <v>0</v>
      </c>
      <c r="CL18" s="104">
        <v>0</v>
      </c>
      <c r="CM18" s="101">
        <v>10</v>
      </c>
      <c r="CN18" s="102">
        <v>15</v>
      </c>
      <c r="CO18" s="103">
        <v>25</v>
      </c>
      <c r="CP18" s="413">
        <v>0</v>
      </c>
      <c r="CQ18" s="102">
        <v>10</v>
      </c>
      <c r="CR18" s="102">
        <v>11</v>
      </c>
      <c r="CS18" s="102">
        <v>7</v>
      </c>
      <c r="CT18" s="102">
        <v>4</v>
      </c>
      <c r="CU18" s="102">
        <v>5</v>
      </c>
      <c r="CV18" s="103">
        <v>37</v>
      </c>
      <c r="CW18" s="104">
        <v>62</v>
      </c>
      <c r="CX18" s="105">
        <v>6</v>
      </c>
      <c r="CY18" s="97">
        <v>8</v>
      </c>
      <c r="CZ18" s="98">
        <v>14</v>
      </c>
      <c r="DA18" s="413">
        <v>0</v>
      </c>
      <c r="DB18" s="97">
        <v>6</v>
      </c>
      <c r="DC18" s="97">
        <v>11</v>
      </c>
      <c r="DD18" s="97">
        <v>2</v>
      </c>
      <c r="DE18" s="97">
        <v>1</v>
      </c>
      <c r="DF18" s="97">
        <v>2</v>
      </c>
      <c r="DG18" s="99">
        <v>22</v>
      </c>
      <c r="DH18" s="100">
        <v>36</v>
      </c>
      <c r="DI18" s="101">
        <v>1</v>
      </c>
      <c r="DJ18" s="102">
        <v>0</v>
      </c>
      <c r="DK18" s="103">
        <v>1</v>
      </c>
      <c r="DL18" s="413">
        <v>0</v>
      </c>
      <c r="DM18" s="102">
        <v>0</v>
      </c>
      <c r="DN18" s="102">
        <v>1</v>
      </c>
      <c r="DO18" s="102">
        <v>0</v>
      </c>
      <c r="DP18" s="102">
        <v>0</v>
      </c>
      <c r="DQ18" s="102">
        <v>0</v>
      </c>
      <c r="DR18" s="103">
        <v>1</v>
      </c>
      <c r="DS18" s="104">
        <v>2</v>
      </c>
      <c r="DT18" s="101">
        <v>0</v>
      </c>
      <c r="DU18" s="102">
        <v>1</v>
      </c>
      <c r="DV18" s="103">
        <v>1</v>
      </c>
      <c r="DW18" s="413">
        <v>0</v>
      </c>
      <c r="DX18" s="102">
        <v>0</v>
      </c>
      <c r="DY18" s="102">
        <v>1</v>
      </c>
      <c r="DZ18" s="102">
        <v>0</v>
      </c>
      <c r="EA18" s="102">
        <v>0</v>
      </c>
      <c r="EB18" s="102">
        <v>0</v>
      </c>
      <c r="EC18" s="103">
        <v>1</v>
      </c>
      <c r="ED18" s="104">
        <v>2</v>
      </c>
      <c r="EE18" s="101">
        <v>1</v>
      </c>
      <c r="EF18" s="102">
        <v>2</v>
      </c>
      <c r="EG18" s="103">
        <v>3</v>
      </c>
      <c r="EH18" s="413">
        <v>0</v>
      </c>
      <c r="EI18" s="102">
        <v>1</v>
      </c>
      <c r="EJ18" s="102">
        <v>2</v>
      </c>
      <c r="EK18" s="102">
        <v>1</v>
      </c>
      <c r="EL18" s="102">
        <v>0</v>
      </c>
      <c r="EM18" s="102">
        <v>1</v>
      </c>
      <c r="EN18" s="103">
        <v>5</v>
      </c>
      <c r="EO18" s="104">
        <v>8</v>
      </c>
      <c r="EP18" s="101">
        <v>1</v>
      </c>
      <c r="EQ18" s="102">
        <v>3</v>
      </c>
      <c r="ER18" s="103">
        <v>4</v>
      </c>
      <c r="ES18" s="413">
        <v>0</v>
      </c>
      <c r="ET18" s="102">
        <v>0</v>
      </c>
      <c r="EU18" s="102">
        <v>1</v>
      </c>
      <c r="EV18" s="102">
        <v>0</v>
      </c>
      <c r="EW18" s="102">
        <v>0</v>
      </c>
      <c r="EX18" s="102">
        <v>0</v>
      </c>
      <c r="EY18" s="103">
        <v>1</v>
      </c>
      <c r="EZ18" s="104">
        <v>5</v>
      </c>
      <c r="FA18" s="101">
        <v>1</v>
      </c>
      <c r="FB18" s="102">
        <v>1</v>
      </c>
      <c r="FC18" s="103">
        <v>2</v>
      </c>
      <c r="FD18" s="413">
        <v>0</v>
      </c>
      <c r="FE18" s="102">
        <v>3</v>
      </c>
      <c r="FF18" s="102">
        <v>1</v>
      </c>
      <c r="FG18" s="102">
        <v>0</v>
      </c>
      <c r="FH18" s="102">
        <v>0</v>
      </c>
      <c r="FI18" s="102">
        <v>1</v>
      </c>
      <c r="FJ18" s="103">
        <v>5</v>
      </c>
      <c r="FK18" s="104">
        <v>7</v>
      </c>
      <c r="FL18" s="101">
        <v>2</v>
      </c>
      <c r="FM18" s="102">
        <v>1</v>
      </c>
      <c r="FN18" s="103">
        <v>3</v>
      </c>
      <c r="FO18" s="413">
        <v>0</v>
      </c>
      <c r="FP18" s="102">
        <v>2</v>
      </c>
      <c r="FQ18" s="102">
        <v>5</v>
      </c>
      <c r="FR18" s="102">
        <v>1</v>
      </c>
      <c r="FS18" s="102">
        <v>1</v>
      </c>
      <c r="FT18" s="102">
        <v>0</v>
      </c>
      <c r="FU18" s="103">
        <v>9</v>
      </c>
      <c r="FV18" s="104">
        <v>12</v>
      </c>
      <c r="FW18" s="101">
        <v>0</v>
      </c>
      <c r="FX18" s="102">
        <v>0</v>
      </c>
      <c r="FY18" s="103">
        <v>0</v>
      </c>
      <c r="FZ18" s="413">
        <v>0</v>
      </c>
      <c r="GA18" s="102">
        <v>0</v>
      </c>
      <c r="GB18" s="102">
        <v>0</v>
      </c>
      <c r="GC18" s="102">
        <v>0</v>
      </c>
      <c r="GD18" s="102">
        <v>0</v>
      </c>
      <c r="GE18" s="102">
        <v>0</v>
      </c>
      <c r="GF18" s="103">
        <v>0</v>
      </c>
      <c r="GG18" s="104">
        <v>0</v>
      </c>
      <c r="GH18" s="101">
        <v>6</v>
      </c>
      <c r="GI18" s="102">
        <v>8</v>
      </c>
      <c r="GJ18" s="103">
        <v>14</v>
      </c>
      <c r="GK18" s="413">
        <v>0</v>
      </c>
      <c r="GL18" s="102">
        <v>6</v>
      </c>
      <c r="GM18" s="102">
        <v>11</v>
      </c>
      <c r="GN18" s="102">
        <v>2</v>
      </c>
      <c r="GO18" s="102">
        <v>1</v>
      </c>
      <c r="GP18" s="102">
        <v>2</v>
      </c>
      <c r="GQ18" s="103">
        <v>22</v>
      </c>
      <c r="GR18" s="104">
        <v>36</v>
      </c>
      <c r="GS18" s="105">
        <v>16</v>
      </c>
      <c r="GT18" s="97">
        <v>23</v>
      </c>
      <c r="GU18" s="98">
        <v>39</v>
      </c>
      <c r="GV18" s="413">
        <v>0</v>
      </c>
      <c r="GW18" s="97">
        <v>16</v>
      </c>
      <c r="GX18" s="97">
        <v>22</v>
      </c>
      <c r="GY18" s="97">
        <v>9</v>
      </c>
      <c r="GZ18" s="97">
        <v>5</v>
      </c>
      <c r="HA18" s="97">
        <v>7</v>
      </c>
      <c r="HB18" s="99">
        <v>59</v>
      </c>
      <c r="HC18" s="100">
        <v>98</v>
      </c>
      <c r="HD18" s="101">
        <v>1</v>
      </c>
      <c r="HE18" s="102">
        <v>3</v>
      </c>
      <c r="HF18" s="103">
        <v>4</v>
      </c>
      <c r="HG18" s="413">
        <v>0</v>
      </c>
      <c r="HH18" s="102">
        <v>0</v>
      </c>
      <c r="HI18" s="102">
        <v>1</v>
      </c>
      <c r="HJ18" s="102">
        <v>0</v>
      </c>
      <c r="HK18" s="102">
        <v>0</v>
      </c>
      <c r="HL18" s="102">
        <v>1</v>
      </c>
      <c r="HM18" s="103">
        <v>2</v>
      </c>
      <c r="HN18" s="104">
        <v>6</v>
      </c>
      <c r="HO18" s="101">
        <v>2</v>
      </c>
      <c r="HP18" s="102">
        <v>1</v>
      </c>
      <c r="HQ18" s="103">
        <v>3</v>
      </c>
      <c r="HR18" s="413">
        <v>0</v>
      </c>
      <c r="HS18" s="102">
        <v>3</v>
      </c>
      <c r="HT18" s="102">
        <v>2</v>
      </c>
      <c r="HU18" s="102">
        <v>1</v>
      </c>
      <c r="HV18" s="102">
        <v>1</v>
      </c>
      <c r="HW18" s="102">
        <v>1</v>
      </c>
      <c r="HX18" s="103">
        <v>8</v>
      </c>
      <c r="HY18" s="104">
        <v>11</v>
      </c>
      <c r="HZ18" s="101">
        <v>4</v>
      </c>
      <c r="IA18" s="102">
        <v>3</v>
      </c>
      <c r="IB18" s="103">
        <v>7</v>
      </c>
      <c r="IC18" s="413">
        <v>0</v>
      </c>
      <c r="ID18" s="102">
        <v>1</v>
      </c>
      <c r="IE18" s="102">
        <v>3</v>
      </c>
      <c r="IF18" s="102">
        <v>2</v>
      </c>
      <c r="IG18" s="102">
        <v>1</v>
      </c>
      <c r="IH18" s="102">
        <v>2</v>
      </c>
      <c r="II18" s="103">
        <v>9</v>
      </c>
      <c r="IJ18" s="104">
        <v>16</v>
      </c>
      <c r="IK18" s="101">
        <v>3</v>
      </c>
      <c r="IL18" s="102">
        <v>5</v>
      </c>
      <c r="IM18" s="103">
        <v>8</v>
      </c>
      <c r="IN18" s="413">
        <v>0</v>
      </c>
      <c r="IO18" s="102">
        <v>2</v>
      </c>
      <c r="IP18" s="102">
        <v>3</v>
      </c>
      <c r="IQ18" s="102">
        <v>2</v>
      </c>
      <c r="IR18" s="102">
        <v>1</v>
      </c>
      <c r="IS18" s="102">
        <v>2</v>
      </c>
      <c r="IT18" s="103">
        <v>10</v>
      </c>
      <c r="IU18" s="104">
        <v>18</v>
      </c>
      <c r="IV18" s="101">
        <v>2</v>
      </c>
      <c r="IW18" s="102">
        <v>7</v>
      </c>
      <c r="IX18" s="103">
        <v>9</v>
      </c>
      <c r="IY18" s="413">
        <v>0</v>
      </c>
      <c r="IZ18" s="102">
        <v>5</v>
      </c>
      <c r="JA18" s="102">
        <v>3</v>
      </c>
      <c r="JB18" s="102">
        <v>2</v>
      </c>
      <c r="JC18" s="102">
        <v>1</v>
      </c>
      <c r="JD18" s="102">
        <v>1</v>
      </c>
      <c r="JE18" s="103">
        <v>12</v>
      </c>
      <c r="JF18" s="104">
        <v>21</v>
      </c>
      <c r="JG18" s="101">
        <v>4</v>
      </c>
      <c r="JH18" s="102">
        <v>4</v>
      </c>
      <c r="JI18" s="103">
        <v>8</v>
      </c>
      <c r="JJ18" s="413">
        <v>0</v>
      </c>
      <c r="JK18" s="102">
        <v>5</v>
      </c>
      <c r="JL18" s="102">
        <v>10</v>
      </c>
      <c r="JM18" s="102">
        <v>2</v>
      </c>
      <c r="JN18" s="102">
        <v>1</v>
      </c>
      <c r="JO18" s="102">
        <v>0</v>
      </c>
      <c r="JP18" s="103">
        <v>18</v>
      </c>
      <c r="JQ18" s="104">
        <v>26</v>
      </c>
      <c r="JR18" s="101">
        <v>0</v>
      </c>
      <c r="JS18" s="102">
        <v>0</v>
      </c>
      <c r="JT18" s="103">
        <v>0</v>
      </c>
      <c r="JU18" s="413">
        <v>0</v>
      </c>
      <c r="JV18" s="102">
        <v>0</v>
      </c>
      <c r="JW18" s="102">
        <v>0</v>
      </c>
      <c r="JX18" s="102">
        <v>0</v>
      </c>
      <c r="JY18" s="102">
        <v>0</v>
      </c>
      <c r="JZ18" s="102">
        <v>0</v>
      </c>
      <c r="KA18" s="103">
        <v>0</v>
      </c>
      <c r="KB18" s="104">
        <v>0</v>
      </c>
      <c r="KC18" s="101">
        <v>16</v>
      </c>
      <c r="KD18" s="102">
        <v>23</v>
      </c>
      <c r="KE18" s="103">
        <v>39</v>
      </c>
      <c r="KF18" s="413">
        <v>0</v>
      </c>
      <c r="KG18" s="102">
        <v>16</v>
      </c>
      <c r="KH18" s="102">
        <v>22</v>
      </c>
      <c r="KI18" s="102">
        <v>9</v>
      </c>
      <c r="KJ18" s="102">
        <v>5</v>
      </c>
      <c r="KK18" s="102">
        <v>7</v>
      </c>
      <c r="KL18" s="103">
        <v>59</v>
      </c>
      <c r="KM18" s="104">
        <v>98</v>
      </c>
    </row>
    <row r="19" spans="2:299" s="70" customFormat="1" ht="21" customHeight="1" x14ac:dyDescent="0.2">
      <c r="B19" s="106" t="s">
        <v>16</v>
      </c>
      <c r="C19" s="96">
        <v>21</v>
      </c>
      <c r="D19" s="97">
        <v>29</v>
      </c>
      <c r="E19" s="98">
        <v>50</v>
      </c>
      <c r="F19" s="413">
        <v>0</v>
      </c>
      <c r="G19" s="97">
        <v>59</v>
      </c>
      <c r="H19" s="97">
        <v>67</v>
      </c>
      <c r="I19" s="97">
        <v>43</v>
      </c>
      <c r="J19" s="97">
        <v>27</v>
      </c>
      <c r="K19" s="97">
        <v>22</v>
      </c>
      <c r="L19" s="99">
        <v>218</v>
      </c>
      <c r="M19" s="100">
        <v>268</v>
      </c>
      <c r="N19" s="101">
        <v>1</v>
      </c>
      <c r="O19" s="102">
        <v>0</v>
      </c>
      <c r="P19" s="103">
        <v>1</v>
      </c>
      <c r="Q19" s="413">
        <v>0</v>
      </c>
      <c r="R19" s="102">
        <v>2</v>
      </c>
      <c r="S19" s="102">
        <v>1</v>
      </c>
      <c r="T19" s="102">
        <v>1</v>
      </c>
      <c r="U19" s="102">
        <v>1</v>
      </c>
      <c r="V19" s="102">
        <v>1</v>
      </c>
      <c r="W19" s="103">
        <v>6</v>
      </c>
      <c r="X19" s="104">
        <v>7</v>
      </c>
      <c r="Y19" s="101">
        <v>3</v>
      </c>
      <c r="Z19" s="102">
        <v>2</v>
      </c>
      <c r="AA19" s="103">
        <v>5</v>
      </c>
      <c r="AB19" s="413">
        <v>0</v>
      </c>
      <c r="AC19" s="102">
        <v>5</v>
      </c>
      <c r="AD19" s="102">
        <v>6</v>
      </c>
      <c r="AE19" s="102">
        <v>5</v>
      </c>
      <c r="AF19" s="102">
        <v>3</v>
      </c>
      <c r="AG19" s="102">
        <v>3</v>
      </c>
      <c r="AH19" s="103">
        <v>22</v>
      </c>
      <c r="AI19" s="104">
        <v>27</v>
      </c>
      <c r="AJ19" s="101">
        <v>5</v>
      </c>
      <c r="AK19" s="102">
        <v>7</v>
      </c>
      <c r="AL19" s="103">
        <v>12</v>
      </c>
      <c r="AM19" s="413">
        <v>0</v>
      </c>
      <c r="AN19" s="102">
        <v>10</v>
      </c>
      <c r="AO19" s="102">
        <v>10</v>
      </c>
      <c r="AP19" s="102">
        <v>4</v>
      </c>
      <c r="AQ19" s="102">
        <v>6</v>
      </c>
      <c r="AR19" s="102">
        <v>5</v>
      </c>
      <c r="AS19" s="103">
        <v>35</v>
      </c>
      <c r="AT19" s="104">
        <v>47</v>
      </c>
      <c r="AU19" s="101">
        <v>5</v>
      </c>
      <c r="AV19" s="102">
        <v>6</v>
      </c>
      <c r="AW19" s="103">
        <v>11</v>
      </c>
      <c r="AX19" s="413">
        <v>0</v>
      </c>
      <c r="AY19" s="102">
        <v>12</v>
      </c>
      <c r="AZ19" s="102">
        <v>16</v>
      </c>
      <c r="BA19" s="102">
        <v>15</v>
      </c>
      <c r="BB19" s="102">
        <v>5</v>
      </c>
      <c r="BC19" s="102">
        <v>3</v>
      </c>
      <c r="BD19" s="103">
        <v>51</v>
      </c>
      <c r="BE19" s="104">
        <v>62</v>
      </c>
      <c r="BF19" s="101">
        <v>5</v>
      </c>
      <c r="BG19" s="102">
        <v>7</v>
      </c>
      <c r="BH19" s="103">
        <v>12</v>
      </c>
      <c r="BI19" s="413">
        <v>0</v>
      </c>
      <c r="BJ19" s="102">
        <v>19</v>
      </c>
      <c r="BK19" s="102">
        <v>19</v>
      </c>
      <c r="BL19" s="102">
        <v>12</v>
      </c>
      <c r="BM19" s="102">
        <v>6</v>
      </c>
      <c r="BN19" s="102">
        <v>6</v>
      </c>
      <c r="BO19" s="103">
        <v>62</v>
      </c>
      <c r="BP19" s="104">
        <v>74</v>
      </c>
      <c r="BQ19" s="101">
        <v>2</v>
      </c>
      <c r="BR19" s="102">
        <v>7</v>
      </c>
      <c r="BS19" s="103">
        <v>9</v>
      </c>
      <c r="BT19" s="413">
        <v>0</v>
      </c>
      <c r="BU19" s="102">
        <v>11</v>
      </c>
      <c r="BV19" s="102">
        <v>15</v>
      </c>
      <c r="BW19" s="102">
        <v>6</v>
      </c>
      <c r="BX19" s="102">
        <v>6</v>
      </c>
      <c r="BY19" s="102">
        <v>4</v>
      </c>
      <c r="BZ19" s="103">
        <v>42</v>
      </c>
      <c r="CA19" s="104">
        <v>51</v>
      </c>
      <c r="CB19" s="101">
        <v>0</v>
      </c>
      <c r="CC19" s="102">
        <v>0</v>
      </c>
      <c r="CD19" s="103">
        <v>0</v>
      </c>
      <c r="CE19" s="413">
        <v>0</v>
      </c>
      <c r="CF19" s="102">
        <v>0</v>
      </c>
      <c r="CG19" s="102">
        <v>0</v>
      </c>
      <c r="CH19" s="102">
        <v>0</v>
      </c>
      <c r="CI19" s="102">
        <v>0</v>
      </c>
      <c r="CJ19" s="102">
        <v>0</v>
      </c>
      <c r="CK19" s="103">
        <v>0</v>
      </c>
      <c r="CL19" s="104">
        <v>0</v>
      </c>
      <c r="CM19" s="101">
        <v>21</v>
      </c>
      <c r="CN19" s="102">
        <v>29</v>
      </c>
      <c r="CO19" s="103">
        <v>50</v>
      </c>
      <c r="CP19" s="413">
        <v>0</v>
      </c>
      <c r="CQ19" s="102">
        <v>59</v>
      </c>
      <c r="CR19" s="102">
        <v>67</v>
      </c>
      <c r="CS19" s="102">
        <v>43</v>
      </c>
      <c r="CT19" s="102">
        <v>27</v>
      </c>
      <c r="CU19" s="102">
        <v>22</v>
      </c>
      <c r="CV19" s="103">
        <v>218</v>
      </c>
      <c r="CW19" s="104">
        <v>268</v>
      </c>
      <c r="CX19" s="105">
        <v>20</v>
      </c>
      <c r="CY19" s="97">
        <v>24</v>
      </c>
      <c r="CZ19" s="98">
        <v>44</v>
      </c>
      <c r="DA19" s="413">
        <v>0</v>
      </c>
      <c r="DB19" s="97">
        <v>18</v>
      </c>
      <c r="DC19" s="97">
        <v>29</v>
      </c>
      <c r="DD19" s="97">
        <v>12</v>
      </c>
      <c r="DE19" s="97">
        <v>15</v>
      </c>
      <c r="DF19" s="97">
        <v>7</v>
      </c>
      <c r="DG19" s="99">
        <v>81</v>
      </c>
      <c r="DH19" s="100">
        <v>125</v>
      </c>
      <c r="DI19" s="101">
        <v>0</v>
      </c>
      <c r="DJ19" s="102">
        <v>2</v>
      </c>
      <c r="DK19" s="103">
        <v>2</v>
      </c>
      <c r="DL19" s="413">
        <v>0</v>
      </c>
      <c r="DM19" s="102">
        <v>0</v>
      </c>
      <c r="DN19" s="102">
        <v>2</v>
      </c>
      <c r="DO19" s="102">
        <v>0</v>
      </c>
      <c r="DP19" s="102">
        <v>0</v>
      </c>
      <c r="DQ19" s="102">
        <v>0</v>
      </c>
      <c r="DR19" s="103">
        <v>2</v>
      </c>
      <c r="DS19" s="104">
        <v>4</v>
      </c>
      <c r="DT19" s="101">
        <v>1</v>
      </c>
      <c r="DU19" s="102">
        <v>4</v>
      </c>
      <c r="DV19" s="103">
        <v>5</v>
      </c>
      <c r="DW19" s="413">
        <v>0</v>
      </c>
      <c r="DX19" s="102">
        <v>0</v>
      </c>
      <c r="DY19" s="102">
        <v>1</v>
      </c>
      <c r="DZ19" s="102">
        <v>1</v>
      </c>
      <c r="EA19" s="102">
        <v>1</v>
      </c>
      <c r="EB19" s="102">
        <v>0</v>
      </c>
      <c r="EC19" s="103">
        <v>3</v>
      </c>
      <c r="ED19" s="104">
        <v>8</v>
      </c>
      <c r="EE19" s="101">
        <v>3</v>
      </c>
      <c r="EF19" s="102">
        <v>1</v>
      </c>
      <c r="EG19" s="103">
        <v>4</v>
      </c>
      <c r="EH19" s="413">
        <v>0</v>
      </c>
      <c r="EI19" s="102">
        <v>1</v>
      </c>
      <c r="EJ19" s="102">
        <v>2</v>
      </c>
      <c r="EK19" s="102">
        <v>0</v>
      </c>
      <c r="EL19" s="102">
        <v>2</v>
      </c>
      <c r="EM19" s="102">
        <v>2</v>
      </c>
      <c r="EN19" s="103">
        <v>7</v>
      </c>
      <c r="EO19" s="104">
        <v>11</v>
      </c>
      <c r="EP19" s="101">
        <v>6</v>
      </c>
      <c r="EQ19" s="102">
        <v>8</v>
      </c>
      <c r="ER19" s="103">
        <v>14</v>
      </c>
      <c r="ES19" s="413">
        <v>0</v>
      </c>
      <c r="ET19" s="102">
        <v>3</v>
      </c>
      <c r="EU19" s="102">
        <v>4</v>
      </c>
      <c r="EV19" s="102">
        <v>3</v>
      </c>
      <c r="EW19" s="102">
        <v>0</v>
      </c>
      <c r="EX19" s="102">
        <v>0</v>
      </c>
      <c r="EY19" s="103">
        <v>10</v>
      </c>
      <c r="EZ19" s="104">
        <v>24</v>
      </c>
      <c r="FA19" s="101">
        <v>7</v>
      </c>
      <c r="FB19" s="102">
        <v>5</v>
      </c>
      <c r="FC19" s="103">
        <v>12</v>
      </c>
      <c r="FD19" s="413">
        <v>0</v>
      </c>
      <c r="FE19" s="102">
        <v>9</v>
      </c>
      <c r="FF19" s="102">
        <v>10</v>
      </c>
      <c r="FG19" s="102">
        <v>2</v>
      </c>
      <c r="FH19" s="102">
        <v>4</v>
      </c>
      <c r="FI19" s="102">
        <v>0</v>
      </c>
      <c r="FJ19" s="103">
        <v>25</v>
      </c>
      <c r="FK19" s="104">
        <v>37</v>
      </c>
      <c r="FL19" s="101">
        <v>3</v>
      </c>
      <c r="FM19" s="102">
        <v>4</v>
      </c>
      <c r="FN19" s="103">
        <v>7</v>
      </c>
      <c r="FO19" s="413">
        <v>0</v>
      </c>
      <c r="FP19" s="102">
        <v>5</v>
      </c>
      <c r="FQ19" s="102">
        <v>10</v>
      </c>
      <c r="FR19" s="102">
        <v>6</v>
      </c>
      <c r="FS19" s="102">
        <v>8</v>
      </c>
      <c r="FT19" s="102">
        <v>5</v>
      </c>
      <c r="FU19" s="103">
        <v>34</v>
      </c>
      <c r="FV19" s="104">
        <v>41</v>
      </c>
      <c r="FW19" s="101">
        <v>0</v>
      </c>
      <c r="FX19" s="102">
        <v>0</v>
      </c>
      <c r="FY19" s="103">
        <v>0</v>
      </c>
      <c r="FZ19" s="413">
        <v>0</v>
      </c>
      <c r="GA19" s="102">
        <v>0</v>
      </c>
      <c r="GB19" s="102">
        <v>0</v>
      </c>
      <c r="GC19" s="102">
        <v>0</v>
      </c>
      <c r="GD19" s="102">
        <v>0</v>
      </c>
      <c r="GE19" s="102">
        <v>0</v>
      </c>
      <c r="GF19" s="103">
        <v>0</v>
      </c>
      <c r="GG19" s="104">
        <v>0</v>
      </c>
      <c r="GH19" s="101">
        <v>20</v>
      </c>
      <c r="GI19" s="102">
        <v>24</v>
      </c>
      <c r="GJ19" s="103">
        <v>44</v>
      </c>
      <c r="GK19" s="413">
        <v>0</v>
      </c>
      <c r="GL19" s="102">
        <v>18</v>
      </c>
      <c r="GM19" s="102">
        <v>29</v>
      </c>
      <c r="GN19" s="102">
        <v>12</v>
      </c>
      <c r="GO19" s="102">
        <v>15</v>
      </c>
      <c r="GP19" s="102">
        <v>7</v>
      </c>
      <c r="GQ19" s="103">
        <v>81</v>
      </c>
      <c r="GR19" s="104">
        <v>125</v>
      </c>
      <c r="GS19" s="105">
        <v>41</v>
      </c>
      <c r="GT19" s="97">
        <v>53</v>
      </c>
      <c r="GU19" s="98">
        <v>94</v>
      </c>
      <c r="GV19" s="413">
        <v>0</v>
      </c>
      <c r="GW19" s="97">
        <v>77</v>
      </c>
      <c r="GX19" s="97">
        <v>96</v>
      </c>
      <c r="GY19" s="97">
        <v>55</v>
      </c>
      <c r="GZ19" s="97">
        <v>42</v>
      </c>
      <c r="HA19" s="97">
        <v>29</v>
      </c>
      <c r="HB19" s="99">
        <v>299</v>
      </c>
      <c r="HC19" s="100">
        <v>393</v>
      </c>
      <c r="HD19" s="101">
        <v>1</v>
      </c>
      <c r="HE19" s="102">
        <v>2</v>
      </c>
      <c r="HF19" s="103">
        <v>3</v>
      </c>
      <c r="HG19" s="413">
        <v>0</v>
      </c>
      <c r="HH19" s="102">
        <v>2</v>
      </c>
      <c r="HI19" s="102">
        <v>3</v>
      </c>
      <c r="HJ19" s="102">
        <v>1</v>
      </c>
      <c r="HK19" s="102">
        <v>1</v>
      </c>
      <c r="HL19" s="102">
        <v>1</v>
      </c>
      <c r="HM19" s="103">
        <v>8</v>
      </c>
      <c r="HN19" s="104">
        <v>11</v>
      </c>
      <c r="HO19" s="101">
        <v>4</v>
      </c>
      <c r="HP19" s="102">
        <v>6</v>
      </c>
      <c r="HQ19" s="103">
        <v>10</v>
      </c>
      <c r="HR19" s="413">
        <v>0</v>
      </c>
      <c r="HS19" s="102">
        <v>5</v>
      </c>
      <c r="HT19" s="102">
        <v>7</v>
      </c>
      <c r="HU19" s="102">
        <v>6</v>
      </c>
      <c r="HV19" s="102">
        <v>4</v>
      </c>
      <c r="HW19" s="102">
        <v>3</v>
      </c>
      <c r="HX19" s="103">
        <v>25</v>
      </c>
      <c r="HY19" s="104">
        <v>35</v>
      </c>
      <c r="HZ19" s="101">
        <v>8</v>
      </c>
      <c r="IA19" s="102">
        <v>8</v>
      </c>
      <c r="IB19" s="103">
        <v>16</v>
      </c>
      <c r="IC19" s="413">
        <v>0</v>
      </c>
      <c r="ID19" s="102">
        <v>11</v>
      </c>
      <c r="IE19" s="102">
        <v>12</v>
      </c>
      <c r="IF19" s="102">
        <v>4</v>
      </c>
      <c r="IG19" s="102">
        <v>8</v>
      </c>
      <c r="IH19" s="102">
        <v>7</v>
      </c>
      <c r="II19" s="103">
        <v>42</v>
      </c>
      <c r="IJ19" s="104">
        <v>58</v>
      </c>
      <c r="IK19" s="101">
        <v>11</v>
      </c>
      <c r="IL19" s="102">
        <v>14</v>
      </c>
      <c r="IM19" s="103">
        <v>25</v>
      </c>
      <c r="IN19" s="413">
        <v>0</v>
      </c>
      <c r="IO19" s="102">
        <v>15</v>
      </c>
      <c r="IP19" s="102">
        <v>20</v>
      </c>
      <c r="IQ19" s="102">
        <v>18</v>
      </c>
      <c r="IR19" s="102">
        <v>5</v>
      </c>
      <c r="IS19" s="102">
        <v>3</v>
      </c>
      <c r="IT19" s="103">
        <v>61</v>
      </c>
      <c r="IU19" s="104">
        <v>86</v>
      </c>
      <c r="IV19" s="101">
        <v>12</v>
      </c>
      <c r="IW19" s="102">
        <v>12</v>
      </c>
      <c r="IX19" s="103">
        <v>24</v>
      </c>
      <c r="IY19" s="413">
        <v>0</v>
      </c>
      <c r="IZ19" s="102">
        <v>28</v>
      </c>
      <c r="JA19" s="102">
        <v>29</v>
      </c>
      <c r="JB19" s="102">
        <v>14</v>
      </c>
      <c r="JC19" s="102">
        <v>10</v>
      </c>
      <c r="JD19" s="102">
        <v>6</v>
      </c>
      <c r="JE19" s="103">
        <v>87</v>
      </c>
      <c r="JF19" s="104">
        <v>111</v>
      </c>
      <c r="JG19" s="101">
        <v>5</v>
      </c>
      <c r="JH19" s="102">
        <v>11</v>
      </c>
      <c r="JI19" s="103">
        <v>16</v>
      </c>
      <c r="JJ19" s="413">
        <v>0</v>
      </c>
      <c r="JK19" s="102">
        <v>16</v>
      </c>
      <c r="JL19" s="102">
        <v>25</v>
      </c>
      <c r="JM19" s="102">
        <v>12</v>
      </c>
      <c r="JN19" s="102">
        <v>14</v>
      </c>
      <c r="JO19" s="102">
        <v>9</v>
      </c>
      <c r="JP19" s="103">
        <v>76</v>
      </c>
      <c r="JQ19" s="104">
        <v>92</v>
      </c>
      <c r="JR19" s="101">
        <v>0</v>
      </c>
      <c r="JS19" s="102">
        <v>0</v>
      </c>
      <c r="JT19" s="103">
        <v>0</v>
      </c>
      <c r="JU19" s="413">
        <v>0</v>
      </c>
      <c r="JV19" s="102">
        <v>0</v>
      </c>
      <c r="JW19" s="102">
        <v>0</v>
      </c>
      <c r="JX19" s="102">
        <v>0</v>
      </c>
      <c r="JY19" s="102">
        <v>0</v>
      </c>
      <c r="JZ19" s="102">
        <v>0</v>
      </c>
      <c r="KA19" s="103">
        <v>0</v>
      </c>
      <c r="KB19" s="104">
        <v>0</v>
      </c>
      <c r="KC19" s="101">
        <v>41</v>
      </c>
      <c r="KD19" s="102">
        <v>53</v>
      </c>
      <c r="KE19" s="103">
        <v>94</v>
      </c>
      <c r="KF19" s="413">
        <v>0</v>
      </c>
      <c r="KG19" s="102">
        <v>77</v>
      </c>
      <c r="KH19" s="102">
        <v>96</v>
      </c>
      <c r="KI19" s="102">
        <v>55</v>
      </c>
      <c r="KJ19" s="102">
        <v>42</v>
      </c>
      <c r="KK19" s="102">
        <v>29</v>
      </c>
      <c r="KL19" s="103">
        <v>299</v>
      </c>
      <c r="KM19" s="104">
        <v>393</v>
      </c>
    </row>
    <row r="20" spans="2:299" s="70" customFormat="1" ht="21" customHeight="1" x14ac:dyDescent="0.2">
      <c r="B20" s="106" t="s">
        <v>17</v>
      </c>
      <c r="C20" s="96">
        <v>61</v>
      </c>
      <c r="D20" s="97">
        <v>65</v>
      </c>
      <c r="E20" s="98">
        <v>126</v>
      </c>
      <c r="F20" s="413">
        <v>0</v>
      </c>
      <c r="G20" s="97">
        <v>70</v>
      </c>
      <c r="H20" s="97">
        <v>99</v>
      </c>
      <c r="I20" s="97">
        <v>69</v>
      </c>
      <c r="J20" s="97">
        <v>47</v>
      </c>
      <c r="K20" s="97">
        <v>18</v>
      </c>
      <c r="L20" s="99">
        <v>303</v>
      </c>
      <c r="M20" s="100">
        <v>429</v>
      </c>
      <c r="N20" s="101">
        <v>3</v>
      </c>
      <c r="O20" s="102">
        <v>2</v>
      </c>
      <c r="P20" s="103">
        <v>5</v>
      </c>
      <c r="Q20" s="413">
        <v>0</v>
      </c>
      <c r="R20" s="102">
        <v>6</v>
      </c>
      <c r="S20" s="102">
        <v>4</v>
      </c>
      <c r="T20" s="102">
        <v>4</v>
      </c>
      <c r="U20" s="102">
        <v>4</v>
      </c>
      <c r="V20" s="102">
        <v>1</v>
      </c>
      <c r="W20" s="103">
        <v>19</v>
      </c>
      <c r="X20" s="104">
        <v>24</v>
      </c>
      <c r="Y20" s="101">
        <v>5</v>
      </c>
      <c r="Z20" s="102">
        <v>8</v>
      </c>
      <c r="AA20" s="103">
        <v>13</v>
      </c>
      <c r="AB20" s="413">
        <v>0</v>
      </c>
      <c r="AC20" s="102">
        <v>4</v>
      </c>
      <c r="AD20" s="102">
        <v>15</v>
      </c>
      <c r="AE20" s="102">
        <v>8</v>
      </c>
      <c r="AF20" s="102">
        <v>1</v>
      </c>
      <c r="AG20" s="102">
        <v>4</v>
      </c>
      <c r="AH20" s="103">
        <v>32</v>
      </c>
      <c r="AI20" s="104">
        <v>45</v>
      </c>
      <c r="AJ20" s="101">
        <v>9</v>
      </c>
      <c r="AK20" s="102">
        <v>7</v>
      </c>
      <c r="AL20" s="103">
        <v>16</v>
      </c>
      <c r="AM20" s="413">
        <v>0</v>
      </c>
      <c r="AN20" s="102">
        <v>9</v>
      </c>
      <c r="AO20" s="102">
        <v>12</v>
      </c>
      <c r="AP20" s="102">
        <v>8</v>
      </c>
      <c r="AQ20" s="102">
        <v>5</v>
      </c>
      <c r="AR20" s="102">
        <v>3</v>
      </c>
      <c r="AS20" s="103">
        <v>37</v>
      </c>
      <c r="AT20" s="104">
        <v>53</v>
      </c>
      <c r="AU20" s="101">
        <v>12</v>
      </c>
      <c r="AV20" s="102">
        <v>11</v>
      </c>
      <c r="AW20" s="103">
        <v>23</v>
      </c>
      <c r="AX20" s="413">
        <v>0</v>
      </c>
      <c r="AY20" s="102">
        <v>16</v>
      </c>
      <c r="AZ20" s="102">
        <v>29</v>
      </c>
      <c r="BA20" s="102">
        <v>9</v>
      </c>
      <c r="BB20" s="102">
        <v>13</v>
      </c>
      <c r="BC20" s="102">
        <v>8</v>
      </c>
      <c r="BD20" s="103">
        <v>75</v>
      </c>
      <c r="BE20" s="104">
        <v>98</v>
      </c>
      <c r="BF20" s="101">
        <v>24</v>
      </c>
      <c r="BG20" s="102">
        <v>21</v>
      </c>
      <c r="BH20" s="103">
        <v>45</v>
      </c>
      <c r="BI20" s="413">
        <v>0</v>
      </c>
      <c r="BJ20" s="102">
        <v>22</v>
      </c>
      <c r="BK20" s="102">
        <v>18</v>
      </c>
      <c r="BL20" s="102">
        <v>20</v>
      </c>
      <c r="BM20" s="102">
        <v>12</v>
      </c>
      <c r="BN20" s="102">
        <v>1</v>
      </c>
      <c r="BO20" s="103">
        <v>73</v>
      </c>
      <c r="BP20" s="104">
        <v>118</v>
      </c>
      <c r="BQ20" s="101">
        <v>8</v>
      </c>
      <c r="BR20" s="102">
        <v>16</v>
      </c>
      <c r="BS20" s="103">
        <v>24</v>
      </c>
      <c r="BT20" s="413">
        <v>0</v>
      </c>
      <c r="BU20" s="102">
        <v>13</v>
      </c>
      <c r="BV20" s="102">
        <v>21</v>
      </c>
      <c r="BW20" s="102">
        <v>20</v>
      </c>
      <c r="BX20" s="102">
        <v>12</v>
      </c>
      <c r="BY20" s="102">
        <v>1</v>
      </c>
      <c r="BZ20" s="103">
        <v>67</v>
      </c>
      <c r="CA20" s="104">
        <v>91</v>
      </c>
      <c r="CB20" s="101">
        <v>0</v>
      </c>
      <c r="CC20" s="102">
        <v>0</v>
      </c>
      <c r="CD20" s="103">
        <v>0</v>
      </c>
      <c r="CE20" s="413">
        <v>0</v>
      </c>
      <c r="CF20" s="102">
        <v>0</v>
      </c>
      <c r="CG20" s="102">
        <v>0</v>
      </c>
      <c r="CH20" s="102">
        <v>0</v>
      </c>
      <c r="CI20" s="102">
        <v>0</v>
      </c>
      <c r="CJ20" s="102">
        <v>0</v>
      </c>
      <c r="CK20" s="103">
        <v>0</v>
      </c>
      <c r="CL20" s="104">
        <v>0</v>
      </c>
      <c r="CM20" s="101">
        <v>61</v>
      </c>
      <c r="CN20" s="102">
        <v>65</v>
      </c>
      <c r="CO20" s="103">
        <v>126</v>
      </c>
      <c r="CP20" s="413">
        <v>0</v>
      </c>
      <c r="CQ20" s="102">
        <v>70</v>
      </c>
      <c r="CR20" s="102">
        <v>99</v>
      </c>
      <c r="CS20" s="102">
        <v>69</v>
      </c>
      <c r="CT20" s="102">
        <v>47</v>
      </c>
      <c r="CU20" s="102">
        <v>18</v>
      </c>
      <c r="CV20" s="103">
        <v>303</v>
      </c>
      <c r="CW20" s="104">
        <v>429</v>
      </c>
      <c r="CX20" s="105">
        <v>15</v>
      </c>
      <c r="CY20" s="97">
        <v>25</v>
      </c>
      <c r="CZ20" s="98">
        <v>40</v>
      </c>
      <c r="DA20" s="413">
        <v>0</v>
      </c>
      <c r="DB20" s="97">
        <v>38</v>
      </c>
      <c r="DC20" s="97">
        <v>44</v>
      </c>
      <c r="DD20" s="97">
        <v>32</v>
      </c>
      <c r="DE20" s="97">
        <v>27</v>
      </c>
      <c r="DF20" s="97">
        <v>23</v>
      </c>
      <c r="DG20" s="99">
        <v>164</v>
      </c>
      <c r="DH20" s="100">
        <v>204</v>
      </c>
      <c r="DI20" s="101">
        <v>1</v>
      </c>
      <c r="DJ20" s="102">
        <v>1</v>
      </c>
      <c r="DK20" s="103">
        <v>2</v>
      </c>
      <c r="DL20" s="413">
        <v>0</v>
      </c>
      <c r="DM20" s="102">
        <v>0</v>
      </c>
      <c r="DN20" s="102">
        <v>0</v>
      </c>
      <c r="DO20" s="102">
        <v>1</v>
      </c>
      <c r="DP20" s="102">
        <v>0</v>
      </c>
      <c r="DQ20" s="102">
        <v>0</v>
      </c>
      <c r="DR20" s="103">
        <v>1</v>
      </c>
      <c r="DS20" s="104">
        <v>3</v>
      </c>
      <c r="DT20" s="101">
        <v>4</v>
      </c>
      <c r="DU20" s="102">
        <v>1</v>
      </c>
      <c r="DV20" s="103">
        <v>5</v>
      </c>
      <c r="DW20" s="413">
        <v>0</v>
      </c>
      <c r="DX20" s="102">
        <v>1</v>
      </c>
      <c r="DY20" s="102">
        <v>0</v>
      </c>
      <c r="DZ20" s="102">
        <v>0</v>
      </c>
      <c r="EA20" s="102">
        <v>3</v>
      </c>
      <c r="EB20" s="102">
        <v>0</v>
      </c>
      <c r="EC20" s="103">
        <v>4</v>
      </c>
      <c r="ED20" s="104">
        <v>9</v>
      </c>
      <c r="EE20" s="101">
        <v>3</v>
      </c>
      <c r="EF20" s="102">
        <v>1</v>
      </c>
      <c r="EG20" s="103">
        <v>4</v>
      </c>
      <c r="EH20" s="413">
        <v>0</v>
      </c>
      <c r="EI20" s="102">
        <v>6</v>
      </c>
      <c r="EJ20" s="102">
        <v>4</v>
      </c>
      <c r="EK20" s="102">
        <v>8</v>
      </c>
      <c r="EL20" s="102">
        <v>4</v>
      </c>
      <c r="EM20" s="102">
        <v>2</v>
      </c>
      <c r="EN20" s="103">
        <v>24</v>
      </c>
      <c r="EO20" s="104">
        <v>28</v>
      </c>
      <c r="EP20" s="101">
        <v>1</v>
      </c>
      <c r="EQ20" s="102">
        <v>8</v>
      </c>
      <c r="ER20" s="103">
        <v>9</v>
      </c>
      <c r="ES20" s="413">
        <v>0</v>
      </c>
      <c r="ET20" s="102">
        <v>8</v>
      </c>
      <c r="EU20" s="102">
        <v>7</v>
      </c>
      <c r="EV20" s="102">
        <v>5</v>
      </c>
      <c r="EW20" s="102">
        <v>7</v>
      </c>
      <c r="EX20" s="102">
        <v>6</v>
      </c>
      <c r="EY20" s="103">
        <v>33</v>
      </c>
      <c r="EZ20" s="104">
        <v>42</v>
      </c>
      <c r="FA20" s="101">
        <v>6</v>
      </c>
      <c r="FB20" s="102">
        <v>10</v>
      </c>
      <c r="FC20" s="103">
        <v>16</v>
      </c>
      <c r="FD20" s="413">
        <v>0</v>
      </c>
      <c r="FE20" s="102">
        <v>12</v>
      </c>
      <c r="FF20" s="102">
        <v>15</v>
      </c>
      <c r="FG20" s="102">
        <v>5</v>
      </c>
      <c r="FH20" s="102">
        <v>3</v>
      </c>
      <c r="FI20" s="102">
        <v>8</v>
      </c>
      <c r="FJ20" s="103">
        <v>43</v>
      </c>
      <c r="FK20" s="104">
        <v>59</v>
      </c>
      <c r="FL20" s="101">
        <v>0</v>
      </c>
      <c r="FM20" s="102">
        <v>4</v>
      </c>
      <c r="FN20" s="103">
        <v>4</v>
      </c>
      <c r="FO20" s="413">
        <v>0</v>
      </c>
      <c r="FP20" s="102">
        <v>11</v>
      </c>
      <c r="FQ20" s="102">
        <v>18</v>
      </c>
      <c r="FR20" s="102">
        <v>13</v>
      </c>
      <c r="FS20" s="102">
        <v>10</v>
      </c>
      <c r="FT20" s="102">
        <v>7</v>
      </c>
      <c r="FU20" s="103">
        <v>59</v>
      </c>
      <c r="FV20" s="104">
        <v>63</v>
      </c>
      <c r="FW20" s="101">
        <v>0</v>
      </c>
      <c r="FX20" s="102">
        <v>0</v>
      </c>
      <c r="FY20" s="103">
        <v>0</v>
      </c>
      <c r="FZ20" s="413">
        <v>0</v>
      </c>
      <c r="GA20" s="102">
        <v>0</v>
      </c>
      <c r="GB20" s="102">
        <v>0</v>
      </c>
      <c r="GC20" s="102">
        <v>0</v>
      </c>
      <c r="GD20" s="102">
        <v>0</v>
      </c>
      <c r="GE20" s="102">
        <v>0</v>
      </c>
      <c r="GF20" s="103">
        <v>0</v>
      </c>
      <c r="GG20" s="104">
        <v>0</v>
      </c>
      <c r="GH20" s="101">
        <v>15</v>
      </c>
      <c r="GI20" s="102">
        <v>25</v>
      </c>
      <c r="GJ20" s="103">
        <v>40</v>
      </c>
      <c r="GK20" s="413">
        <v>0</v>
      </c>
      <c r="GL20" s="102">
        <v>38</v>
      </c>
      <c r="GM20" s="102">
        <v>44</v>
      </c>
      <c r="GN20" s="102">
        <v>32</v>
      </c>
      <c r="GO20" s="102">
        <v>27</v>
      </c>
      <c r="GP20" s="102">
        <v>23</v>
      </c>
      <c r="GQ20" s="103">
        <v>164</v>
      </c>
      <c r="GR20" s="104">
        <v>204</v>
      </c>
      <c r="GS20" s="105">
        <v>76</v>
      </c>
      <c r="GT20" s="97">
        <v>90</v>
      </c>
      <c r="GU20" s="98">
        <v>166</v>
      </c>
      <c r="GV20" s="413">
        <v>0</v>
      </c>
      <c r="GW20" s="97">
        <v>108</v>
      </c>
      <c r="GX20" s="97">
        <v>143</v>
      </c>
      <c r="GY20" s="97">
        <v>101</v>
      </c>
      <c r="GZ20" s="97">
        <v>74</v>
      </c>
      <c r="HA20" s="97">
        <v>41</v>
      </c>
      <c r="HB20" s="99">
        <v>467</v>
      </c>
      <c r="HC20" s="100">
        <v>633</v>
      </c>
      <c r="HD20" s="101">
        <v>4</v>
      </c>
      <c r="HE20" s="102">
        <v>3</v>
      </c>
      <c r="HF20" s="103">
        <v>7</v>
      </c>
      <c r="HG20" s="413">
        <v>0</v>
      </c>
      <c r="HH20" s="102">
        <v>6</v>
      </c>
      <c r="HI20" s="102">
        <v>4</v>
      </c>
      <c r="HJ20" s="102">
        <v>5</v>
      </c>
      <c r="HK20" s="102">
        <v>4</v>
      </c>
      <c r="HL20" s="102">
        <v>1</v>
      </c>
      <c r="HM20" s="103">
        <v>20</v>
      </c>
      <c r="HN20" s="104">
        <v>27</v>
      </c>
      <c r="HO20" s="101">
        <v>9</v>
      </c>
      <c r="HP20" s="102">
        <v>9</v>
      </c>
      <c r="HQ20" s="103">
        <v>18</v>
      </c>
      <c r="HR20" s="413">
        <v>0</v>
      </c>
      <c r="HS20" s="102">
        <v>5</v>
      </c>
      <c r="HT20" s="102">
        <v>15</v>
      </c>
      <c r="HU20" s="102">
        <v>8</v>
      </c>
      <c r="HV20" s="102">
        <v>4</v>
      </c>
      <c r="HW20" s="102">
        <v>4</v>
      </c>
      <c r="HX20" s="103">
        <v>36</v>
      </c>
      <c r="HY20" s="104">
        <v>54</v>
      </c>
      <c r="HZ20" s="101">
        <v>12</v>
      </c>
      <c r="IA20" s="102">
        <v>8</v>
      </c>
      <c r="IB20" s="103">
        <v>20</v>
      </c>
      <c r="IC20" s="413">
        <v>0</v>
      </c>
      <c r="ID20" s="102">
        <v>15</v>
      </c>
      <c r="IE20" s="102">
        <v>16</v>
      </c>
      <c r="IF20" s="102">
        <v>16</v>
      </c>
      <c r="IG20" s="102">
        <v>9</v>
      </c>
      <c r="IH20" s="102">
        <v>5</v>
      </c>
      <c r="II20" s="103">
        <v>61</v>
      </c>
      <c r="IJ20" s="104">
        <v>81</v>
      </c>
      <c r="IK20" s="101">
        <v>13</v>
      </c>
      <c r="IL20" s="102">
        <v>19</v>
      </c>
      <c r="IM20" s="103">
        <v>32</v>
      </c>
      <c r="IN20" s="413">
        <v>0</v>
      </c>
      <c r="IO20" s="102">
        <v>24</v>
      </c>
      <c r="IP20" s="102">
        <v>36</v>
      </c>
      <c r="IQ20" s="102">
        <v>14</v>
      </c>
      <c r="IR20" s="102">
        <v>20</v>
      </c>
      <c r="IS20" s="102">
        <v>14</v>
      </c>
      <c r="IT20" s="103">
        <v>108</v>
      </c>
      <c r="IU20" s="104">
        <v>140</v>
      </c>
      <c r="IV20" s="101">
        <v>30</v>
      </c>
      <c r="IW20" s="102">
        <v>31</v>
      </c>
      <c r="IX20" s="103">
        <v>61</v>
      </c>
      <c r="IY20" s="413">
        <v>0</v>
      </c>
      <c r="IZ20" s="102">
        <v>34</v>
      </c>
      <c r="JA20" s="102">
        <v>33</v>
      </c>
      <c r="JB20" s="102">
        <v>25</v>
      </c>
      <c r="JC20" s="102">
        <v>15</v>
      </c>
      <c r="JD20" s="102">
        <v>9</v>
      </c>
      <c r="JE20" s="103">
        <v>116</v>
      </c>
      <c r="JF20" s="104">
        <v>177</v>
      </c>
      <c r="JG20" s="101">
        <v>8</v>
      </c>
      <c r="JH20" s="102">
        <v>20</v>
      </c>
      <c r="JI20" s="103">
        <v>28</v>
      </c>
      <c r="JJ20" s="413">
        <v>0</v>
      </c>
      <c r="JK20" s="102">
        <v>24</v>
      </c>
      <c r="JL20" s="102">
        <v>39</v>
      </c>
      <c r="JM20" s="102">
        <v>33</v>
      </c>
      <c r="JN20" s="102">
        <v>22</v>
      </c>
      <c r="JO20" s="102">
        <v>8</v>
      </c>
      <c r="JP20" s="103">
        <v>126</v>
      </c>
      <c r="JQ20" s="104">
        <v>154</v>
      </c>
      <c r="JR20" s="101">
        <v>0</v>
      </c>
      <c r="JS20" s="102">
        <v>0</v>
      </c>
      <c r="JT20" s="103">
        <v>0</v>
      </c>
      <c r="JU20" s="413">
        <v>0</v>
      </c>
      <c r="JV20" s="102">
        <v>0</v>
      </c>
      <c r="JW20" s="102">
        <v>0</v>
      </c>
      <c r="JX20" s="102">
        <v>0</v>
      </c>
      <c r="JY20" s="102">
        <v>0</v>
      </c>
      <c r="JZ20" s="102">
        <v>0</v>
      </c>
      <c r="KA20" s="103">
        <v>0</v>
      </c>
      <c r="KB20" s="104">
        <v>0</v>
      </c>
      <c r="KC20" s="101">
        <v>76</v>
      </c>
      <c r="KD20" s="102">
        <v>90</v>
      </c>
      <c r="KE20" s="103">
        <v>166</v>
      </c>
      <c r="KF20" s="413">
        <v>0</v>
      </c>
      <c r="KG20" s="102">
        <v>108</v>
      </c>
      <c r="KH20" s="102">
        <v>143</v>
      </c>
      <c r="KI20" s="102">
        <v>101</v>
      </c>
      <c r="KJ20" s="102">
        <v>74</v>
      </c>
      <c r="KK20" s="102">
        <v>41</v>
      </c>
      <c r="KL20" s="103">
        <v>467</v>
      </c>
      <c r="KM20" s="104">
        <v>633</v>
      </c>
    </row>
    <row r="21" spans="2:299" s="70" customFormat="1" ht="21" customHeight="1" x14ac:dyDescent="0.2">
      <c r="B21" s="106" t="s">
        <v>18</v>
      </c>
      <c r="C21" s="96">
        <v>68</v>
      </c>
      <c r="D21" s="97">
        <v>69</v>
      </c>
      <c r="E21" s="98">
        <v>137</v>
      </c>
      <c r="F21" s="413">
        <v>0</v>
      </c>
      <c r="G21" s="97">
        <v>131</v>
      </c>
      <c r="H21" s="97">
        <v>104</v>
      </c>
      <c r="I21" s="97">
        <v>64</v>
      </c>
      <c r="J21" s="97">
        <v>41</v>
      </c>
      <c r="K21" s="97">
        <v>34</v>
      </c>
      <c r="L21" s="99">
        <v>374</v>
      </c>
      <c r="M21" s="100">
        <v>511</v>
      </c>
      <c r="N21" s="101">
        <v>5</v>
      </c>
      <c r="O21" s="102">
        <v>2</v>
      </c>
      <c r="P21" s="103">
        <v>7</v>
      </c>
      <c r="Q21" s="413">
        <v>0</v>
      </c>
      <c r="R21" s="102">
        <v>8</v>
      </c>
      <c r="S21" s="102">
        <v>6</v>
      </c>
      <c r="T21" s="102">
        <v>6</v>
      </c>
      <c r="U21" s="102">
        <v>2</v>
      </c>
      <c r="V21" s="102">
        <v>2</v>
      </c>
      <c r="W21" s="103">
        <v>24</v>
      </c>
      <c r="X21" s="104">
        <v>31</v>
      </c>
      <c r="Y21" s="101">
        <v>4</v>
      </c>
      <c r="Z21" s="102">
        <v>8</v>
      </c>
      <c r="AA21" s="103">
        <v>12</v>
      </c>
      <c r="AB21" s="413">
        <v>0</v>
      </c>
      <c r="AC21" s="102">
        <v>9</v>
      </c>
      <c r="AD21" s="102">
        <v>4</v>
      </c>
      <c r="AE21" s="102">
        <v>4</v>
      </c>
      <c r="AF21" s="102">
        <v>3</v>
      </c>
      <c r="AG21" s="102">
        <v>2</v>
      </c>
      <c r="AH21" s="103">
        <v>22</v>
      </c>
      <c r="AI21" s="104">
        <v>34</v>
      </c>
      <c r="AJ21" s="101">
        <v>9</v>
      </c>
      <c r="AK21" s="102">
        <v>9</v>
      </c>
      <c r="AL21" s="103">
        <v>18</v>
      </c>
      <c r="AM21" s="413">
        <v>0</v>
      </c>
      <c r="AN21" s="102">
        <v>21</v>
      </c>
      <c r="AO21" s="102">
        <v>12</v>
      </c>
      <c r="AP21" s="102">
        <v>7</v>
      </c>
      <c r="AQ21" s="102">
        <v>4</v>
      </c>
      <c r="AR21" s="102">
        <v>7</v>
      </c>
      <c r="AS21" s="103">
        <v>51</v>
      </c>
      <c r="AT21" s="104">
        <v>69</v>
      </c>
      <c r="AU21" s="101">
        <v>19</v>
      </c>
      <c r="AV21" s="102">
        <v>10</v>
      </c>
      <c r="AW21" s="103">
        <v>29</v>
      </c>
      <c r="AX21" s="413">
        <v>0</v>
      </c>
      <c r="AY21" s="102">
        <v>35</v>
      </c>
      <c r="AZ21" s="102">
        <v>24</v>
      </c>
      <c r="BA21" s="102">
        <v>11</v>
      </c>
      <c r="BB21" s="102">
        <v>10</v>
      </c>
      <c r="BC21" s="102">
        <v>12</v>
      </c>
      <c r="BD21" s="103">
        <v>92</v>
      </c>
      <c r="BE21" s="104">
        <v>121</v>
      </c>
      <c r="BF21" s="101">
        <v>20</v>
      </c>
      <c r="BG21" s="102">
        <v>26</v>
      </c>
      <c r="BH21" s="103">
        <v>46</v>
      </c>
      <c r="BI21" s="413">
        <v>0</v>
      </c>
      <c r="BJ21" s="102">
        <v>37</v>
      </c>
      <c r="BK21" s="102">
        <v>28</v>
      </c>
      <c r="BL21" s="102">
        <v>19</v>
      </c>
      <c r="BM21" s="102">
        <v>13</v>
      </c>
      <c r="BN21" s="102">
        <v>10</v>
      </c>
      <c r="BO21" s="103">
        <v>107</v>
      </c>
      <c r="BP21" s="104">
        <v>153</v>
      </c>
      <c r="BQ21" s="101">
        <v>11</v>
      </c>
      <c r="BR21" s="102">
        <v>14</v>
      </c>
      <c r="BS21" s="103">
        <v>25</v>
      </c>
      <c r="BT21" s="413">
        <v>0</v>
      </c>
      <c r="BU21" s="102">
        <v>21</v>
      </c>
      <c r="BV21" s="102">
        <v>30</v>
      </c>
      <c r="BW21" s="102">
        <v>17</v>
      </c>
      <c r="BX21" s="102">
        <v>9</v>
      </c>
      <c r="BY21" s="102">
        <v>1</v>
      </c>
      <c r="BZ21" s="103">
        <v>78</v>
      </c>
      <c r="CA21" s="104">
        <v>103</v>
      </c>
      <c r="CB21" s="101">
        <v>0</v>
      </c>
      <c r="CC21" s="102">
        <v>0</v>
      </c>
      <c r="CD21" s="103">
        <v>0</v>
      </c>
      <c r="CE21" s="413">
        <v>0</v>
      </c>
      <c r="CF21" s="102">
        <v>0</v>
      </c>
      <c r="CG21" s="102">
        <v>0</v>
      </c>
      <c r="CH21" s="102">
        <v>0</v>
      </c>
      <c r="CI21" s="102">
        <v>0</v>
      </c>
      <c r="CJ21" s="102">
        <v>0</v>
      </c>
      <c r="CK21" s="103">
        <v>0</v>
      </c>
      <c r="CL21" s="104">
        <v>0</v>
      </c>
      <c r="CM21" s="101">
        <v>68</v>
      </c>
      <c r="CN21" s="102">
        <v>69</v>
      </c>
      <c r="CO21" s="103">
        <v>137</v>
      </c>
      <c r="CP21" s="413">
        <v>0</v>
      </c>
      <c r="CQ21" s="102">
        <v>131</v>
      </c>
      <c r="CR21" s="102">
        <v>104</v>
      </c>
      <c r="CS21" s="102">
        <v>64</v>
      </c>
      <c r="CT21" s="102">
        <v>41</v>
      </c>
      <c r="CU21" s="102">
        <v>34</v>
      </c>
      <c r="CV21" s="103">
        <v>374</v>
      </c>
      <c r="CW21" s="104">
        <v>511</v>
      </c>
      <c r="CX21" s="105">
        <v>17</v>
      </c>
      <c r="CY21" s="97">
        <v>34</v>
      </c>
      <c r="CZ21" s="98">
        <v>51</v>
      </c>
      <c r="DA21" s="413">
        <v>0</v>
      </c>
      <c r="DB21" s="97">
        <v>45</v>
      </c>
      <c r="DC21" s="97">
        <v>37</v>
      </c>
      <c r="DD21" s="97">
        <v>39</v>
      </c>
      <c r="DE21" s="97">
        <v>24</v>
      </c>
      <c r="DF21" s="97">
        <v>20</v>
      </c>
      <c r="DG21" s="99">
        <v>165</v>
      </c>
      <c r="DH21" s="100">
        <v>216</v>
      </c>
      <c r="DI21" s="101">
        <v>0</v>
      </c>
      <c r="DJ21" s="102">
        <v>0</v>
      </c>
      <c r="DK21" s="103">
        <v>0</v>
      </c>
      <c r="DL21" s="413">
        <v>0</v>
      </c>
      <c r="DM21" s="102">
        <v>0</v>
      </c>
      <c r="DN21" s="102">
        <v>3</v>
      </c>
      <c r="DO21" s="102">
        <v>1</v>
      </c>
      <c r="DP21" s="102">
        <v>1</v>
      </c>
      <c r="DQ21" s="102">
        <v>1</v>
      </c>
      <c r="DR21" s="103">
        <v>6</v>
      </c>
      <c r="DS21" s="104">
        <v>6</v>
      </c>
      <c r="DT21" s="101">
        <v>1</v>
      </c>
      <c r="DU21" s="102">
        <v>4</v>
      </c>
      <c r="DV21" s="103">
        <v>5</v>
      </c>
      <c r="DW21" s="413">
        <v>0</v>
      </c>
      <c r="DX21" s="102">
        <v>2</v>
      </c>
      <c r="DY21" s="102">
        <v>2</v>
      </c>
      <c r="DZ21" s="102">
        <v>1</v>
      </c>
      <c r="EA21" s="102">
        <v>3</v>
      </c>
      <c r="EB21" s="102">
        <v>1</v>
      </c>
      <c r="EC21" s="103">
        <v>9</v>
      </c>
      <c r="ED21" s="104">
        <v>14</v>
      </c>
      <c r="EE21" s="101">
        <v>2</v>
      </c>
      <c r="EF21" s="102">
        <v>7</v>
      </c>
      <c r="EG21" s="103">
        <v>9</v>
      </c>
      <c r="EH21" s="413">
        <v>0</v>
      </c>
      <c r="EI21" s="102">
        <v>7</v>
      </c>
      <c r="EJ21" s="102">
        <v>5</v>
      </c>
      <c r="EK21" s="102">
        <v>5</v>
      </c>
      <c r="EL21" s="102">
        <v>2</v>
      </c>
      <c r="EM21" s="102">
        <v>1</v>
      </c>
      <c r="EN21" s="103">
        <v>20</v>
      </c>
      <c r="EO21" s="104">
        <v>29</v>
      </c>
      <c r="EP21" s="101">
        <v>5</v>
      </c>
      <c r="EQ21" s="102">
        <v>9</v>
      </c>
      <c r="ER21" s="103">
        <v>14</v>
      </c>
      <c r="ES21" s="413">
        <v>0</v>
      </c>
      <c r="ET21" s="102">
        <v>8</v>
      </c>
      <c r="EU21" s="102">
        <v>5</v>
      </c>
      <c r="EV21" s="102">
        <v>4</v>
      </c>
      <c r="EW21" s="102">
        <v>1</v>
      </c>
      <c r="EX21" s="102">
        <v>4</v>
      </c>
      <c r="EY21" s="103">
        <v>22</v>
      </c>
      <c r="EZ21" s="104">
        <v>36</v>
      </c>
      <c r="FA21" s="101">
        <v>9</v>
      </c>
      <c r="FB21" s="102">
        <v>12</v>
      </c>
      <c r="FC21" s="103">
        <v>21</v>
      </c>
      <c r="FD21" s="413">
        <v>0</v>
      </c>
      <c r="FE21" s="102">
        <v>12</v>
      </c>
      <c r="FF21" s="102">
        <v>14</v>
      </c>
      <c r="FG21" s="102">
        <v>11</v>
      </c>
      <c r="FH21" s="102">
        <v>11</v>
      </c>
      <c r="FI21" s="102">
        <v>6</v>
      </c>
      <c r="FJ21" s="103">
        <v>54</v>
      </c>
      <c r="FK21" s="104">
        <v>75</v>
      </c>
      <c r="FL21" s="101">
        <v>0</v>
      </c>
      <c r="FM21" s="102">
        <v>2</v>
      </c>
      <c r="FN21" s="103">
        <v>2</v>
      </c>
      <c r="FO21" s="413">
        <v>0</v>
      </c>
      <c r="FP21" s="102">
        <v>16</v>
      </c>
      <c r="FQ21" s="102">
        <v>8</v>
      </c>
      <c r="FR21" s="102">
        <v>17</v>
      </c>
      <c r="FS21" s="102">
        <v>6</v>
      </c>
      <c r="FT21" s="102">
        <v>7</v>
      </c>
      <c r="FU21" s="103">
        <v>54</v>
      </c>
      <c r="FV21" s="104">
        <v>56</v>
      </c>
      <c r="FW21" s="101">
        <v>0</v>
      </c>
      <c r="FX21" s="102">
        <v>0</v>
      </c>
      <c r="FY21" s="103">
        <v>0</v>
      </c>
      <c r="FZ21" s="413">
        <v>0</v>
      </c>
      <c r="GA21" s="102">
        <v>0</v>
      </c>
      <c r="GB21" s="102">
        <v>0</v>
      </c>
      <c r="GC21" s="102">
        <v>0</v>
      </c>
      <c r="GD21" s="102">
        <v>0</v>
      </c>
      <c r="GE21" s="102">
        <v>0</v>
      </c>
      <c r="GF21" s="103">
        <v>0</v>
      </c>
      <c r="GG21" s="104">
        <v>0</v>
      </c>
      <c r="GH21" s="101">
        <v>17</v>
      </c>
      <c r="GI21" s="102">
        <v>34</v>
      </c>
      <c r="GJ21" s="103">
        <v>51</v>
      </c>
      <c r="GK21" s="413">
        <v>0</v>
      </c>
      <c r="GL21" s="102">
        <v>45</v>
      </c>
      <c r="GM21" s="102">
        <v>37</v>
      </c>
      <c r="GN21" s="102">
        <v>39</v>
      </c>
      <c r="GO21" s="102">
        <v>24</v>
      </c>
      <c r="GP21" s="102">
        <v>20</v>
      </c>
      <c r="GQ21" s="103">
        <v>165</v>
      </c>
      <c r="GR21" s="104">
        <v>216</v>
      </c>
      <c r="GS21" s="105">
        <v>85</v>
      </c>
      <c r="GT21" s="97">
        <v>103</v>
      </c>
      <c r="GU21" s="98">
        <v>188</v>
      </c>
      <c r="GV21" s="413">
        <v>0</v>
      </c>
      <c r="GW21" s="97">
        <v>176</v>
      </c>
      <c r="GX21" s="97">
        <v>141</v>
      </c>
      <c r="GY21" s="97">
        <v>103</v>
      </c>
      <c r="GZ21" s="97">
        <v>65</v>
      </c>
      <c r="HA21" s="97">
        <v>54</v>
      </c>
      <c r="HB21" s="99">
        <v>539</v>
      </c>
      <c r="HC21" s="100">
        <v>727</v>
      </c>
      <c r="HD21" s="101">
        <v>5</v>
      </c>
      <c r="HE21" s="102">
        <v>2</v>
      </c>
      <c r="HF21" s="103">
        <v>7</v>
      </c>
      <c r="HG21" s="413">
        <v>0</v>
      </c>
      <c r="HH21" s="102">
        <v>8</v>
      </c>
      <c r="HI21" s="102">
        <v>9</v>
      </c>
      <c r="HJ21" s="102">
        <v>7</v>
      </c>
      <c r="HK21" s="102">
        <v>3</v>
      </c>
      <c r="HL21" s="102">
        <v>3</v>
      </c>
      <c r="HM21" s="103">
        <v>30</v>
      </c>
      <c r="HN21" s="104">
        <v>37</v>
      </c>
      <c r="HO21" s="101">
        <v>5</v>
      </c>
      <c r="HP21" s="102">
        <v>12</v>
      </c>
      <c r="HQ21" s="103">
        <v>17</v>
      </c>
      <c r="HR21" s="413">
        <v>0</v>
      </c>
      <c r="HS21" s="102">
        <v>11</v>
      </c>
      <c r="HT21" s="102">
        <v>6</v>
      </c>
      <c r="HU21" s="102">
        <v>5</v>
      </c>
      <c r="HV21" s="102">
        <v>6</v>
      </c>
      <c r="HW21" s="102">
        <v>3</v>
      </c>
      <c r="HX21" s="103">
        <v>31</v>
      </c>
      <c r="HY21" s="104">
        <v>48</v>
      </c>
      <c r="HZ21" s="101">
        <v>11</v>
      </c>
      <c r="IA21" s="102">
        <v>16</v>
      </c>
      <c r="IB21" s="103">
        <v>27</v>
      </c>
      <c r="IC21" s="413">
        <v>0</v>
      </c>
      <c r="ID21" s="102">
        <v>28</v>
      </c>
      <c r="IE21" s="102">
        <v>17</v>
      </c>
      <c r="IF21" s="102">
        <v>12</v>
      </c>
      <c r="IG21" s="102">
        <v>6</v>
      </c>
      <c r="IH21" s="102">
        <v>8</v>
      </c>
      <c r="II21" s="103">
        <v>71</v>
      </c>
      <c r="IJ21" s="104">
        <v>98</v>
      </c>
      <c r="IK21" s="101">
        <v>24</v>
      </c>
      <c r="IL21" s="102">
        <v>19</v>
      </c>
      <c r="IM21" s="103">
        <v>43</v>
      </c>
      <c r="IN21" s="413">
        <v>0</v>
      </c>
      <c r="IO21" s="102">
        <v>43</v>
      </c>
      <c r="IP21" s="102">
        <v>29</v>
      </c>
      <c r="IQ21" s="102">
        <v>15</v>
      </c>
      <c r="IR21" s="102">
        <v>11</v>
      </c>
      <c r="IS21" s="102">
        <v>16</v>
      </c>
      <c r="IT21" s="103">
        <v>114</v>
      </c>
      <c r="IU21" s="104">
        <v>157</v>
      </c>
      <c r="IV21" s="101">
        <v>29</v>
      </c>
      <c r="IW21" s="102">
        <v>38</v>
      </c>
      <c r="IX21" s="103">
        <v>67</v>
      </c>
      <c r="IY21" s="413">
        <v>0</v>
      </c>
      <c r="IZ21" s="102">
        <v>49</v>
      </c>
      <c r="JA21" s="102">
        <v>42</v>
      </c>
      <c r="JB21" s="102">
        <v>30</v>
      </c>
      <c r="JC21" s="102">
        <v>24</v>
      </c>
      <c r="JD21" s="102">
        <v>16</v>
      </c>
      <c r="JE21" s="103">
        <v>161</v>
      </c>
      <c r="JF21" s="104">
        <v>228</v>
      </c>
      <c r="JG21" s="101">
        <v>11</v>
      </c>
      <c r="JH21" s="102">
        <v>16</v>
      </c>
      <c r="JI21" s="103">
        <v>27</v>
      </c>
      <c r="JJ21" s="413">
        <v>0</v>
      </c>
      <c r="JK21" s="102">
        <v>37</v>
      </c>
      <c r="JL21" s="102">
        <v>38</v>
      </c>
      <c r="JM21" s="102">
        <v>34</v>
      </c>
      <c r="JN21" s="102">
        <v>15</v>
      </c>
      <c r="JO21" s="102">
        <v>8</v>
      </c>
      <c r="JP21" s="103">
        <v>132</v>
      </c>
      <c r="JQ21" s="104">
        <v>159</v>
      </c>
      <c r="JR21" s="101">
        <v>0</v>
      </c>
      <c r="JS21" s="102">
        <v>0</v>
      </c>
      <c r="JT21" s="103">
        <v>0</v>
      </c>
      <c r="JU21" s="413">
        <v>0</v>
      </c>
      <c r="JV21" s="102">
        <v>0</v>
      </c>
      <c r="JW21" s="102">
        <v>0</v>
      </c>
      <c r="JX21" s="102">
        <v>0</v>
      </c>
      <c r="JY21" s="102">
        <v>0</v>
      </c>
      <c r="JZ21" s="102">
        <v>0</v>
      </c>
      <c r="KA21" s="103">
        <v>0</v>
      </c>
      <c r="KB21" s="104">
        <v>0</v>
      </c>
      <c r="KC21" s="101">
        <v>85</v>
      </c>
      <c r="KD21" s="102">
        <v>103</v>
      </c>
      <c r="KE21" s="103">
        <v>188</v>
      </c>
      <c r="KF21" s="413">
        <v>0</v>
      </c>
      <c r="KG21" s="102">
        <v>176</v>
      </c>
      <c r="KH21" s="102">
        <v>141</v>
      </c>
      <c r="KI21" s="102">
        <v>103</v>
      </c>
      <c r="KJ21" s="102">
        <v>65</v>
      </c>
      <c r="KK21" s="102">
        <v>54</v>
      </c>
      <c r="KL21" s="103">
        <v>539</v>
      </c>
      <c r="KM21" s="104">
        <v>727</v>
      </c>
    </row>
    <row r="22" spans="2:299" s="70" customFormat="1" ht="21" customHeight="1" x14ac:dyDescent="0.2">
      <c r="B22" s="106" t="s">
        <v>19</v>
      </c>
      <c r="C22" s="96">
        <v>40</v>
      </c>
      <c r="D22" s="97">
        <v>26</v>
      </c>
      <c r="E22" s="98">
        <v>66</v>
      </c>
      <c r="F22" s="413">
        <v>0</v>
      </c>
      <c r="G22" s="97">
        <v>53</v>
      </c>
      <c r="H22" s="97">
        <v>41</v>
      </c>
      <c r="I22" s="97">
        <v>24</v>
      </c>
      <c r="J22" s="97">
        <v>14</v>
      </c>
      <c r="K22" s="97">
        <v>8</v>
      </c>
      <c r="L22" s="99">
        <v>140</v>
      </c>
      <c r="M22" s="100">
        <v>206</v>
      </c>
      <c r="N22" s="107">
        <v>0</v>
      </c>
      <c r="O22" s="102">
        <v>2</v>
      </c>
      <c r="P22" s="103">
        <v>2</v>
      </c>
      <c r="Q22" s="413">
        <v>0</v>
      </c>
      <c r="R22" s="102">
        <v>2</v>
      </c>
      <c r="S22" s="102">
        <v>0</v>
      </c>
      <c r="T22" s="102">
        <v>0</v>
      </c>
      <c r="U22" s="102">
        <v>1</v>
      </c>
      <c r="V22" s="102">
        <v>0</v>
      </c>
      <c r="W22" s="103">
        <v>3</v>
      </c>
      <c r="X22" s="104">
        <v>5</v>
      </c>
      <c r="Y22" s="101">
        <v>2</v>
      </c>
      <c r="Z22" s="102">
        <v>3</v>
      </c>
      <c r="AA22" s="103">
        <v>5</v>
      </c>
      <c r="AB22" s="413">
        <v>0</v>
      </c>
      <c r="AC22" s="102">
        <v>4</v>
      </c>
      <c r="AD22" s="102">
        <v>3</v>
      </c>
      <c r="AE22" s="102">
        <v>3</v>
      </c>
      <c r="AF22" s="102">
        <v>4</v>
      </c>
      <c r="AG22" s="102">
        <v>0</v>
      </c>
      <c r="AH22" s="103">
        <v>14</v>
      </c>
      <c r="AI22" s="104">
        <v>19</v>
      </c>
      <c r="AJ22" s="107">
        <v>4</v>
      </c>
      <c r="AK22" s="102">
        <v>6</v>
      </c>
      <c r="AL22" s="103">
        <v>10</v>
      </c>
      <c r="AM22" s="413">
        <v>0</v>
      </c>
      <c r="AN22" s="102">
        <v>7</v>
      </c>
      <c r="AO22" s="102">
        <v>5</v>
      </c>
      <c r="AP22" s="102">
        <v>4</v>
      </c>
      <c r="AQ22" s="102">
        <v>3</v>
      </c>
      <c r="AR22" s="102">
        <v>3</v>
      </c>
      <c r="AS22" s="103">
        <v>22</v>
      </c>
      <c r="AT22" s="104">
        <v>32</v>
      </c>
      <c r="AU22" s="101">
        <v>11</v>
      </c>
      <c r="AV22" s="102">
        <v>5</v>
      </c>
      <c r="AW22" s="103">
        <v>16</v>
      </c>
      <c r="AX22" s="413">
        <v>0</v>
      </c>
      <c r="AY22" s="102">
        <v>11</v>
      </c>
      <c r="AZ22" s="102">
        <v>8</v>
      </c>
      <c r="BA22" s="102">
        <v>5</v>
      </c>
      <c r="BB22" s="102">
        <v>2</v>
      </c>
      <c r="BC22" s="102">
        <v>2</v>
      </c>
      <c r="BD22" s="103">
        <v>28</v>
      </c>
      <c r="BE22" s="104">
        <v>44</v>
      </c>
      <c r="BF22" s="107">
        <v>11</v>
      </c>
      <c r="BG22" s="102">
        <v>4</v>
      </c>
      <c r="BH22" s="103">
        <v>15</v>
      </c>
      <c r="BI22" s="413">
        <v>0</v>
      </c>
      <c r="BJ22" s="102">
        <v>13</v>
      </c>
      <c r="BK22" s="102">
        <v>13</v>
      </c>
      <c r="BL22" s="102">
        <v>2</v>
      </c>
      <c r="BM22" s="102">
        <v>4</v>
      </c>
      <c r="BN22" s="102">
        <v>3</v>
      </c>
      <c r="BO22" s="103">
        <v>35</v>
      </c>
      <c r="BP22" s="104">
        <v>50</v>
      </c>
      <c r="BQ22" s="101">
        <v>12</v>
      </c>
      <c r="BR22" s="102">
        <v>6</v>
      </c>
      <c r="BS22" s="103">
        <v>18</v>
      </c>
      <c r="BT22" s="413">
        <v>0</v>
      </c>
      <c r="BU22" s="102">
        <v>16</v>
      </c>
      <c r="BV22" s="102">
        <v>12</v>
      </c>
      <c r="BW22" s="102">
        <v>10</v>
      </c>
      <c r="BX22" s="102">
        <v>0</v>
      </c>
      <c r="BY22" s="102">
        <v>0</v>
      </c>
      <c r="BZ22" s="103">
        <v>38</v>
      </c>
      <c r="CA22" s="104">
        <v>56</v>
      </c>
      <c r="CB22" s="101">
        <v>0</v>
      </c>
      <c r="CC22" s="102">
        <v>0</v>
      </c>
      <c r="CD22" s="103">
        <v>0</v>
      </c>
      <c r="CE22" s="413">
        <v>0</v>
      </c>
      <c r="CF22" s="102">
        <v>0</v>
      </c>
      <c r="CG22" s="102">
        <v>0</v>
      </c>
      <c r="CH22" s="102">
        <v>0</v>
      </c>
      <c r="CI22" s="102">
        <v>0</v>
      </c>
      <c r="CJ22" s="102">
        <v>0</v>
      </c>
      <c r="CK22" s="103">
        <v>0</v>
      </c>
      <c r="CL22" s="104">
        <v>0</v>
      </c>
      <c r="CM22" s="101">
        <v>40</v>
      </c>
      <c r="CN22" s="102">
        <v>26</v>
      </c>
      <c r="CO22" s="103">
        <v>66</v>
      </c>
      <c r="CP22" s="413">
        <v>0</v>
      </c>
      <c r="CQ22" s="102">
        <v>53</v>
      </c>
      <c r="CR22" s="102">
        <v>41</v>
      </c>
      <c r="CS22" s="102">
        <v>24</v>
      </c>
      <c r="CT22" s="102">
        <v>14</v>
      </c>
      <c r="CU22" s="102">
        <v>8</v>
      </c>
      <c r="CV22" s="103">
        <v>140</v>
      </c>
      <c r="CW22" s="104">
        <v>206</v>
      </c>
      <c r="CX22" s="105">
        <v>11</v>
      </c>
      <c r="CY22" s="97">
        <v>7</v>
      </c>
      <c r="CZ22" s="98">
        <v>18</v>
      </c>
      <c r="DA22" s="413">
        <v>0</v>
      </c>
      <c r="DB22" s="97">
        <v>21</v>
      </c>
      <c r="DC22" s="97">
        <v>9</v>
      </c>
      <c r="DD22" s="97">
        <v>11</v>
      </c>
      <c r="DE22" s="97">
        <v>5</v>
      </c>
      <c r="DF22" s="97">
        <v>4</v>
      </c>
      <c r="DG22" s="99">
        <v>50</v>
      </c>
      <c r="DH22" s="100">
        <v>68</v>
      </c>
      <c r="DI22" s="107">
        <v>1</v>
      </c>
      <c r="DJ22" s="102">
        <v>0</v>
      </c>
      <c r="DK22" s="103">
        <v>1</v>
      </c>
      <c r="DL22" s="413">
        <v>0</v>
      </c>
      <c r="DM22" s="102">
        <v>0</v>
      </c>
      <c r="DN22" s="102">
        <v>0</v>
      </c>
      <c r="DO22" s="102">
        <v>1</v>
      </c>
      <c r="DP22" s="102">
        <v>0</v>
      </c>
      <c r="DQ22" s="102">
        <v>0</v>
      </c>
      <c r="DR22" s="103">
        <v>1</v>
      </c>
      <c r="DS22" s="104">
        <v>2</v>
      </c>
      <c r="DT22" s="101">
        <v>0</v>
      </c>
      <c r="DU22" s="102">
        <v>0</v>
      </c>
      <c r="DV22" s="103">
        <v>0</v>
      </c>
      <c r="DW22" s="413">
        <v>0</v>
      </c>
      <c r="DX22" s="102">
        <v>1</v>
      </c>
      <c r="DY22" s="102">
        <v>1</v>
      </c>
      <c r="DZ22" s="102">
        <v>0</v>
      </c>
      <c r="EA22" s="102">
        <v>1</v>
      </c>
      <c r="EB22" s="102">
        <v>0</v>
      </c>
      <c r="EC22" s="103">
        <v>3</v>
      </c>
      <c r="ED22" s="104">
        <v>3</v>
      </c>
      <c r="EE22" s="107">
        <v>1</v>
      </c>
      <c r="EF22" s="102">
        <v>2</v>
      </c>
      <c r="EG22" s="103">
        <v>3</v>
      </c>
      <c r="EH22" s="413">
        <v>0</v>
      </c>
      <c r="EI22" s="102">
        <v>3</v>
      </c>
      <c r="EJ22" s="102">
        <v>1</v>
      </c>
      <c r="EK22" s="102">
        <v>0</v>
      </c>
      <c r="EL22" s="102">
        <v>2</v>
      </c>
      <c r="EM22" s="102">
        <v>0</v>
      </c>
      <c r="EN22" s="103">
        <v>6</v>
      </c>
      <c r="EO22" s="104">
        <v>9</v>
      </c>
      <c r="EP22" s="101">
        <v>6</v>
      </c>
      <c r="EQ22" s="102">
        <v>1</v>
      </c>
      <c r="ER22" s="103">
        <v>7</v>
      </c>
      <c r="ES22" s="413">
        <v>0</v>
      </c>
      <c r="ET22" s="102">
        <v>3</v>
      </c>
      <c r="EU22" s="102">
        <v>0</v>
      </c>
      <c r="EV22" s="102">
        <v>3</v>
      </c>
      <c r="EW22" s="102">
        <v>1</v>
      </c>
      <c r="EX22" s="102">
        <v>1</v>
      </c>
      <c r="EY22" s="103">
        <v>8</v>
      </c>
      <c r="EZ22" s="104">
        <v>15</v>
      </c>
      <c r="FA22" s="107">
        <v>2</v>
      </c>
      <c r="FB22" s="102">
        <v>2</v>
      </c>
      <c r="FC22" s="103">
        <v>4</v>
      </c>
      <c r="FD22" s="413">
        <v>0</v>
      </c>
      <c r="FE22" s="102">
        <v>6</v>
      </c>
      <c r="FF22" s="102">
        <v>2</v>
      </c>
      <c r="FG22" s="102">
        <v>3</v>
      </c>
      <c r="FH22" s="102">
        <v>0</v>
      </c>
      <c r="FI22" s="102">
        <v>1</v>
      </c>
      <c r="FJ22" s="103">
        <v>12</v>
      </c>
      <c r="FK22" s="104">
        <v>16</v>
      </c>
      <c r="FL22" s="101">
        <v>1</v>
      </c>
      <c r="FM22" s="102">
        <v>2</v>
      </c>
      <c r="FN22" s="103">
        <v>3</v>
      </c>
      <c r="FO22" s="413">
        <v>0</v>
      </c>
      <c r="FP22" s="102">
        <v>8</v>
      </c>
      <c r="FQ22" s="102">
        <v>5</v>
      </c>
      <c r="FR22" s="102">
        <v>4</v>
      </c>
      <c r="FS22" s="102">
        <v>1</v>
      </c>
      <c r="FT22" s="102">
        <v>2</v>
      </c>
      <c r="FU22" s="103">
        <v>20</v>
      </c>
      <c r="FV22" s="104">
        <v>23</v>
      </c>
      <c r="FW22" s="101">
        <v>0</v>
      </c>
      <c r="FX22" s="102">
        <v>0</v>
      </c>
      <c r="FY22" s="103">
        <v>0</v>
      </c>
      <c r="FZ22" s="413">
        <v>0</v>
      </c>
      <c r="GA22" s="102">
        <v>0</v>
      </c>
      <c r="GB22" s="102">
        <v>0</v>
      </c>
      <c r="GC22" s="102">
        <v>0</v>
      </c>
      <c r="GD22" s="102">
        <v>0</v>
      </c>
      <c r="GE22" s="102">
        <v>0</v>
      </c>
      <c r="GF22" s="103">
        <v>0</v>
      </c>
      <c r="GG22" s="104">
        <v>0</v>
      </c>
      <c r="GH22" s="101">
        <v>11</v>
      </c>
      <c r="GI22" s="102">
        <v>7</v>
      </c>
      <c r="GJ22" s="103">
        <v>18</v>
      </c>
      <c r="GK22" s="413">
        <v>0</v>
      </c>
      <c r="GL22" s="102">
        <v>21</v>
      </c>
      <c r="GM22" s="102">
        <v>9</v>
      </c>
      <c r="GN22" s="102">
        <v>11</v>
      </c>
      <c r="GO22" s="102">
        <v>5</v>
      </c>
      <c r="GP22" s="102">
        <v>4</v>
      </c>
      <c r="GQ22" s="103">
        <v>50</v>
      </c>
      <c r="GR22" s="104">
        <v>68</v>
      </c>
      <c r="GS22" s="105">
        <v>51</v>
      </c>
      <c r="GT22" s="97">
        <v>33</v>
      </c>
      <c r="GU22" s="98">
        <v>84</v>
      </c>
      <c r="GV22" s="413">
        <v>0</v>
      </c>
      <c r="GW22" s="97">
        <v>74</v>
      </c>
      <c r="GX22" s="97">
        <v>50</v>
      </c>
      <c r="GY22" s="97">
        <v>35</v>
      </c>
      <c r="GZ22" s="97">
        <v>19</v>
      </c>
      <c r="HA22" s="97">
        <v>12</v>
      </c>
      <c r="HB22" s="99">
        <v>190</v>
      </c>
      <c r="HC22" s="100">
        <v>274</v>
      </c>
      <c r="HD22" s="107">
        <v>1</v>
      </c>
      <c r="HE22" s="102">
        <v>2</v>
      </c>
      <c r="HF22" s="103">
        <v>3</v>
      </c>
      <c r="HG22" s="413">
        <v>0</v>
      </c>
      <c r="HH22" s="102">
        <v>2</v>
      </c>
      <c r="HI22" s="102">
        <v>0</v>
      </c>
      <c r="HJ22" s="102">
        <v>1</v>
      </c>
      <c r="HK22" s="102">
        <v>1</v>
      </c>
      <c r="HL22" s="102">
        <v>0</v>
      </c>
      <c r="HM22" s="103">
        <v>4</v>
      </c>
      <c r="HN22" s="104">
        <v>7</v>
      </c>
      <c r="HO22" s="101">
        <v>2</v>
      </c>
      <c r="HP22" s="102">
        <v>3</v>
      </c>
      <c r="HQ22" s="103">
        <v>5</v>
      </c>
      <c r="HR22" s="413">
        <v>0</v>
      </c>
      <c r="HS22" s="102">
        <v>5</v>
      </c>
      <c r="HT22" s="102">
        <v>4</v>
      </c>
      <c r="HU22" s="102">
        <v>3</v>
      </c>
      <c r="HV22" s="102">
        <v>5</v>
      </c>
      <c r="HW22" s="102">
        <v>0</v>
      </c>
      <c r="HX22" s="103">
        <v>17</v>
      </c>
      <c r="HY22" s="104">
        <v>22</v>
      </c>
      <c r="HZ22" s="107">
        <v>5</v>
      </c>
      <c r="IA22" s="102">
        <v>8</v>
      </c>
      <c r="IB22" s="103">
        <v>13</v>
      </c>
      <c r="IC22" s="413">
        <v>0</v>
      </c>
      <c r="ID22" s="102">
        <v>10</v>
      </c>
      <c r="IE22" s="102">
        <v>6</v>
      </c>
      <c r="IF22" s="102">
        <v>4</v>
      </c>
      <c r="IG22" s="102">
        <v>5</v>
      </c>
      <c r="IH22" s="102">
        <v>3</v>
      </c>
      <c r="II22" s="103">
        <v>28</v>
      </c>
      <c r="IJ22" s="104">
        <v>41</v>
      </c>
      <c r="IK22" s="101">
        <v>17</v>
      </c>
      <c r="IL22" s="102">
        <v>6</v>
      </c>
      <c r="IM22" s="103">
        <v>23</v>
      </c>
      <c r="IN22" s="413">
        <v>0</v>
      </c>
      <c r="IO22" s="102">
        <v>14</v>
      </c>
      <c r="IP22" s="102">
        <v>8</v>
      </c>
      <c r="IQ22" s="102">
        <v>8</v>
      </c>
      <c r="IR22" s="102">
        <v>3</v>
      </c>
      <c r="IS22" s="102">
        <v>3</v>
      </c>
      <c r="IT22" s="103">
        <v>36</v>
      </c>
      <c r="IU22" s="104">
        <v>59</v>
      </c>
      <c r="IV22" s="107">
        <v>13</v>
      </c>
      <c r="IW22" s="102">
        <v>6</v>
      </c>
      <c r="IX22" s="103">
        <v>19</v>
      </c>
      <c r="IY22" s="413">
        <v>0</v>
      </c>
      <c r="IZ22" s="102">
        <v>19</v>
      </c>
      <c r="JA22" s="102">
        <v>15</v>
      </c>
      <c r="JB22" s="102">
        <v>5</v>
      </c>
      <c r="JC22" s="102">
        <v>4</v>
      </c>
      <c r="JD22" s="102">
        <v>4</v>
      </c>
      <c r="JE22" s="103">
        <v>47</v>
      </c>
      <c r="JF22" s="104">
        <v>66</v>
      </c>
      <c r="JG22" s="101">
        <v>13</v>
      </c>
      <c r="JH22" s="102">
        <v>8</v>
      </c>
      <c r="JI22" s="103">
        <v>21</v>
      </c>
      <c r="JJ22" s="413">
        <v>0</v>
      </c>
      <c r="JK22" s="102">
        <v>24</v>
      </c>
      <c r="JL22" s="102">
        <v>17</v>
      </c>
      <c r="JM22" s="102">
        <v>14</v>
      </c>
      <c r="JN22" s="102">
        <v>1</v>
      </c>
      <c r="JO22" s="102">
        <v>2</v>
      </c>
      <c r="JP22" s="103">
        <v>58</v>
      </c>
      <c r="JQ22" s="104">
        <v>79</v>
      </c>
      <c r="JR22" s="101">
        <v>0</v>
      </c>
      <c r="JS22" s="102">
        <v>0</v>
      </c>
      <c r="JT22" s="103">
        <v>0</v>
      </c>
      <c r="JU22" s="413">
        <v>0</v>
      </c>
      <c r="JV22" s="102">
        <v>0</v>
      </c>
      <c r="JW22" s="102">
        <v>0</v>
      </c>
      <c r="JX22" s="102">
        <v>0</v>
      </c>
      <c r="JY22" s="102">
        <v>0</v>
      </c>
      <c r="JZ22" s="102">
        <v>0</v>
      </c>
      <c r="KA22" s="103">
        <v>0</v>
      </c>
      <c r="KB22" s="104">
        <v>0</v>
      </c>
      <c r="KC22" s="101">
        <v>51</v>
      </c>
      <c r="KD22" s="102">
        <v>33</v>
      </c>
      <c r="KE22" s="103">
        <v>84</v>
      </c>
      <c r="KF22" s="413">
        <v>0</v>
      </c>
      <c r="KG22" s="102">
        <v>74</v>
      </c>
      <c r="KH22" s="102">
        <v>50</v>
      </c>
      <c r="KI22" s="102">
        <v>35</v>
      </c>
      <c r="KJ22" s="102">
        <v>19</v>
      </c>
      <c r="KK22" s="102">
        <v>12</v>
      </c>
      <c r="KL22" s="103">
        <v>190</v>
      </c>
      <c r="KM22" s="104">
        <v>274</v>
      </c>
    </row>
    <row r="23" spans="2:299" s="70" customFormat="1" ht="21" customHeight="1" x14ac:dyDescent="0.2">
      <c r="B23" s="106" t="s">
        <v>20</v>
      </c>
      <c r="C23" s="96">
        <v>35</v>
      </c>
      <c r="D23" s="97">
        <v>46</v>
      </c>
      <c r="E23" s="98">
        <v>81</v>
      </c>
      <c r="F23" s="413">
        <v>0</v>
      </c>
      <c r="G23" s="97">
        <v>77</v>
      </c>
      <c r="H23" s="97">
        <v>51</v>
      </c>
      <c r="I23" s="97">
        <v>35</v>
      </c>
      <c r="J23" s="97">
        <v>31</v>
      </c>
      <c r="K23" s="97">
        <v>18</v>
      </c>
      <c r="L23" s="99">
        <v>212</v>
      </c>
      <c r="M23" s="100">
        <v>293</v>
      </c>
      <c r="N23" s="101">
        <v>0</v>
      </c>
      <c r="O23" s="102">
        <v>1</v>
      </c>
      <c r="P23" s="103">
        <v>1</v>
      </c>
      <c r="Q23" s="413">
        <v>0</v>
      </c>
      <c r="R23" s="102">
        <v>2</v>
      </c>
      <c r="S23" s="102">
        <v>0</v>
      </c>
      <c r="T23" s="102">
        <v>0</v>
      </c>
      <c r="U23" s="102">
        <v>1</v>
      </c>
      <c r="V23" s="102">
        <v>1</v>
      </c>
      <c r="W23" s="103">
        <v>4</v>
      </c>
      <c r="X23" s="104">
        <v>5</v>
      </c>
      <c r="Y23" s="101">
        <v>4</v>
      </c>
      <c r="Z23" s="102">
        <v>3</v>
      </c>
      <c r="AA23" s="103">
        <v>7</v>
      </c>
      <c r="AB23" s="413">
        <v>0</v>
      </c>
      <c r="AC23" s="102">
        <v>8</v>
      </c>
      <c r="AD23" s="102">
        <v>6</v>
      </c>
      <c r="AE23" s="102">
        <v>3</v>
      </c>
      <c r="AF23" s="102">
        <v>4</v>
      </c>
      <c r="AG23" s="102">
        <v>2</v>
      </c>
      <c r="AH23" s="103">
        <v>23</v>
      </c>
      <c r="AI23" s="104">
        <v>30</v>
      </c>
      <c r="AJ23" s="101">
        <v>6</v>
      </c>
      <c r="AK23" s="102">
        <v>7</v>
      </c>
      <c r="AL23" s="103">
        <v>13</v>
      </c>
      <c r="AM23" s="413">
        <v>0</v>
      </c>
      <c r="AN23" s="102">
        <v>11</v>
      </c>
      <c r="AO23" s="102">
        <v>6</v>
      </c>
      <c r="AP23" s="102">
        <v>6</v>
      </c>
      <c r="AQ23" s="102">
        <v>4</v>
      </c>
      <c r="AR23" s="102">
        <v>2</v>
      </c>
      <c r="AS23" s="103">
        <v>29</v>
      </c>
      <c r="AT23" s="104">
        <v>42</v>
      </c>
      <c r="AU23" s="101">
        <v>10</v>
      </c>
      <c r="AV23" s="102">
        <v>7</v>
      </c>
      <c r="AW23" s="103">
        <v>17</v>
      </c>
      <c r="AX23" s="413">
        <v>0</v>
      </c>
      <c r="AY23" s="102">
        <v>19</v>
      </c>
      <c r="AZ23" s="102">
        <v>5</v>
      </c>
      <c r="BA23" s="102">
        <v>7</v>
      </c>
      <c r="BB23" s="102">
        <v>11</v>
      </c>
      <c r="BC23" s="102">
        <v>5</v>
      </c>
      <c r="BD23" s="103">
        <v>47</v>
      </c>
      <c r="BE23" s="104">
        <v>64</v>
      </c>
      <c r="BF23" s="101">
        <v>10</v>
      </c>
      <c r="BG23" s="102">
        <v>17</v>
      </c>
      <c r="BH23" s="103">
        <v>27</v>
      </c>
      <c r="BI23" s="413">
        <v>0</v>
      </c>
      <c r="BJ23" s="102">
        <v>22</v>
      </c>
      <c r="BK23" s="102">
        <v>21</v>
      </c>
      <c r="BL23" s="102">
        <v>13</v>
      </c>
      <c r="BM23" s="102">
        <v>5</v>
      </c>
      <c r="BN23" s="102">
        <v>3</v>
      </c>
      <c r="BO23" s="103">
        <v>64</v>
      </c>
      <c r="BP23" s="104">
        <v>91</v>
      </c>
      <c r="BQ23" s="101">
        <v>5</v>
      </c>
      <c r="BR23" s="102">
        <v>11</v>
      </c>
      <c r="BS23" s="103">
        <v>16</v>
      </c>
      <c r="BT23" s="413">
        <v>0</v>
      </c>
      <c r="BU23" s="102">
        <v>15</v>
      </c>
      <c r="BV23" s="102">
        <v>13</v>
      </c>
      <c r="BW23" s="102">
        <v>6</v>
      </c>
      <c r="BX23" s="102">
        <v>6</v>
      </c>
      <c r="BY23" s="102">
        <v>5</v>
      </c>
      <c r="BZ23" s="103">
        <v>45</v>
      </c>
      <c r="CA23" s="104">
        <v>61</v>
      </c>
      <c r="CB23" s="101">
        <v>0</v>
      </c>
      <c r="CC23" s="102">
        <v>0</v>
      </c>
      <c r="CD23" s="103">
        <v>0</v>
      </c>
      <c r="CE23" s="413">
        <v>0</v>
      </c>
      <c r="CF23" s="102">
        <v>0</v>
      </c>
      <c r="CG23" s="102">
        <v>0</v>
      </c>
      <c r="CH23" s="102">
        <v>0</v>
      </c>
      <c r="CI23" s="102">
        <v>0</v>
      </c>
      <c r="CJ23" s="102">
        <v>0</v>
      </c>
      <c r="CK23" s="103">
        <v>0</v>
      </c>
      <c r="CL23" s="104">
        <v>0</v>
      </c>
      <c r="CM23" s="101">
        <v>35</v>
      </c>
      <c r="CN23" s="102">
        <v>46</v>
      </c>
      <c r="CO23" s="103">
        <v>81</v>
      </c>
      <c r="CP23" s="413">
        <v>0</v>
      </c>
      <c r="CQ23" s="102">
        <v>77</v>
      </c>
      <c r="CR23" s="102">
        <v>51</v>
      </c>
      <c r="CS23" s="102">
        <v>35</v>
      </c>
      <c r="CT23" s="102">
        <v>31</v>
      </c>
      <c r="CU23" s="102">
        <v>18</v>
      </c>
      <c r="CV23" s="103">
        <v>212</v>
      </c>
      <c r="CW23" s="104">
        <v>293</v>
      </c>
      <c r="CX23" s="105">
        <v>18</v>
      </c>
      <c r="CY23" s="97">
        <v>16</v>
      </c>
      <c r="CZ23" s="98">
        <v>34</v>
      </c>
      <c r="DA23" s="413">
        <v>0</v>
      </c>
      <c r="DB23" s="97">
        <v>21</v>
      </c>
      <c r="DC23" s="97">
        <v>26</v>
      </c>
      <c r="DD23" s="97">
        <v>12</v>
      </c>
      <c r="DE23" s="97">
        <v>11</v>
      </c>
      <c r="DF23" s="97">
        <v>6</v>
      </c>
      <c r="DG23" s="99">
        <v>76</v>
      </c>
      <c r="DH23" s="100">
        <v>110</v>
      </c>
      <c r="DI23" s="101">
        <v>1</v>
      </c>
      <c r="DJ23" s="102">
        <v>0</v>
      </c>
      <c r="DK23" s="103">
        <v>1</v>
      </c>
      <c r="DL23" s="413">
        <v>0</v>
      </c>
      <c r="DM23" s="102">
        <v>0</v>
      </c>
      <c r="DN23" s="102">
        <v>1</v>
      </c>
      <c r="DO23" s="102">
        <v>0</v>
      </c>
      <c r="DP23" s="102">
        <v>0</v>
      </c>
      <c r="DQ23" s="102">
        <v>0</v>
      </c>
      <c r="DR23" s="103">
        <v>1</v>
      </c>
      <c r="DS23" s="104">
        <v>2</v>
      </c>
      <c r="DT23" s="101">
        <v>2</v>
      </c>
      <c r="DU23" s="102">
        <v>2</v>
      </c>
      <c r="DV23" s="103">
        <v>4</v>
      </c>
      <c r="DW23" s="413">
        <v>0</v>
      </c>
      <c r="DX23" s="102">
        <v>1</v>
      </c>
      <c r="DY23" s="102">
        <v>0</v>
      </c>
      <c r="DZ23" s="102">
        <v>0</v>
      </c>
      <c r="EA23" s="102">
        <v>0</v>
      </c>
      <c r="EB23" s="102">
        <v>0</v>
      </c>
      <c r="EC23" s="103">
        <v>1</v>
      </c>
      <c r="ED23" s="104">
        <v>5</v>
      </c>
      <c r="EE23" s="101">
        <v>3</v>
      </c>
      <c r="EF23" s="102">
        <v>1</v>
      </c>
      <c r="EG23" s="103">
        <v>4</v>
      </c>
      <c r="EH23" s="413">
        <v>0</v>
      </c>
      <c r="EI23" s="102">
        <v>2</v>
      </c>
      <c r="EJ23" s="102">
        <v>2</v>
      </c>
      <c r="EK23" s="102">
        <v>3</v>
      </c>
      <c r="EL23" s="102">
        <v>3</v>
      </c>
      <c r="EM23" s="102">
        <v>0</v>
      </c>
      <c r="EN23" s="103">
        <v>10</v>
      </c>
      <c r="EO23" s="104">
        <v>14</v>
      </c>
      <c r="EP23" s="101">
        <v>3</v>
      </c>
      <c r="EQ23" s="102">
        <v>6</v>
      </c>
      <c r="ER23" s="103">
        <v>9</v>
      </c>
      <c r="ES23" s="413">
        <v>0</v>
      </c>
      <c r="ET23" s="102">
        <v>4</v>
      </c>
      <c r="EU23" s="102">
        <v>7</v>
      </c>
      <c r="EV23" s="102">
        <v>3</v>
      </c>
      <c r="EW23" s="102">
        <v>1</v>
      </c>
      <c r="EX23" s="102">
        <v>1</v>
      </c>
      <c r="EY23" s="103">
        <v>16</v>
      </c>
      <c r="EZ23" s="104">
        <v>25</v>
      </c>
      <c r="FA23" s="101">
        <v>4</v>
      </c>
      <c r="FB23" s="102">
        <v>2</v>
      </c>
      <c r="FC23" s="103">
        <v>6</v>
      </c>
      <c r="FD23" s="413">
        <v>0</v>
      </c>
      <c r="FE23" s="102">
        <v>9</v>
      </c>
      <c r="FF23" s="102">
        <v>9</v>
      </c>
      <c r="FG23" s="102">
        <v>2</v>
      </c>
      <c r="FH23" s="102">
        <v>0</v>
      </c>
      <c r="FI23" s="102">
        <v>2</v>
      </c>
      <c r="FJ23" s="103">
        <v>22</v>
      </c>
      <c r="FK23" s="104">
        <v>28</v>
      </c>
      <c r="FL23" s="101">
        <v>5</v>
      </c>
      <c r="FM23" s="102">
        <v>5</v>
      </c>
      <c r="FN23" s="103">
        <v>10</v>
      </c>
      <c r="FO23" s="413">
        <v>0</v>
      </c>
      <c r="FP23" s="102">
        <v>5</v>
      </c>
      <c r="FQ23" s="102">
        <v>7</v>
      </c>
      <c r="FR23" s="102">
        <v>4</v>
      </c>
      <c r="FS23" s="102">
        <v>7</v>
      </c>
      <c r="FT23" s="102">
        <v>3</v>
      </c>
      <c r="FU23" s="103">
        <v>26</v>
      </c>
      <c r="FV23" s="104">
        <v>36</v>
      </c>
      <c r="FW23" s="101">
        <v>0</v>
      </c>
      <c r="FX23" s="102">
        <v>0</v>
      </c>
      <c r="FY23" s="103">
        <v>0</v>
      </c>
      <c r="FZ23" s="413">
        <v>0</v>
      </c>
      <c r="GA23" s="102">
        <v>0</v>
      </c>
      <c r="GB23" s="102">
        <v>0</v>
      </c>
      <c r="GC23" s="102">
        <v>0</v>
      </c>
      <c r="GD23" s="102">
        <v>0</v>
      </c>
      <c r="GE23" s="102">
        <v>0</v>
      </c>
      <c r="GF23" s="103">
        <v>0</v>
      </c>
      <c r="GG23" s="104">
        <v>0</v>
      </c>
      <c r="GH23" s="101">
        <v>18</v>
      </c>
      <c r="GI23" s="102">
        <v>16</v>
      </c>
      <c r="GJ23" s="103">
        <v>34</v>
      </c>
      <c r="GK23" s="413">
        <v>0</v>
      </c>
      <c r="GL23" s="102">
        <v>21</v>
      </c>
      <c r="GM23" s="102">
        <v>26</v>
      </c>
      <c r="GN23" s="102">
        <v>12</v>
      </c>
      <c r="GO23" s="102">
        <v>11</v>
      </c>
      <c r="GP23" s="102">
        <v>6</v>
      </c>
      <c r="GQ23" s="103">
        <v>76</v>
      </c>
      <c r="GR23" s="104">
        <v>110</v>
      </c>
      <c r="GS23" s="105">
        <v>53</v>
      </c>
      <c r="GT23" s="97">
        <v>62</v>
      </c>
      <c r="GU23" s="98">
        <v>115</v>
      </c>
      <c r="GV23" s="413">
        <v>0</v>
      </c>
      <c r="GW23" s="97">
        <v>98</v>
      </c>
      <c r="GX23" s="97">
        <v>77</v>
      </c>
      <c r="GY23" s="97">
        <v>47</v>
      </c>
      <c r="GZ23" s="97">
        <v>42</v>
      </c>
      <c r="HA23" s="97">
        <v>24</v>
      </c>
      <c r="HB23" s="99">
        <v>288</v>
      </c>
      <c r="HC23" s="100">
        <v>403</v>
      </c>
      <c r="HD23" s="101">
        <v>1</v>
      </c>
      <c r="HE23" s="102">
        <v>1</v>
      </c>
      <c r="HF23" s="103">
        <v>2</v>
      </c>
      <c r="HG23" s="413">
        <v>0</v>
      </c>
      <c r="HH23" s="102">
        <v>2</v>
      </c>
      <c r="HI23" s="102">
        <v>1</v>
      </c>
      <c r="HJ23" s="102">
        <v>0</v>
      </c>
      <c r="HK23" s="102">
        <v>1</v>
      </c>
      <c r="HL23" s="102">
        <v>1</v>
      </c>
      <c r="HM23" s="103">
        <v>5</v>
      </c>
      <c r="HN23" s="104">
        <v>7</v>
      </c>
      <c r="HO23" s="101">
        <v>6</v>
      </c>
      <c r="HP23" s="102">
        <v>5</v>
      </c>
      <c r="HQ23" s="103">
        <v>11</v>
      </c>
      <c r="HR23" s="413">
        <v>0</v>
      </c>
      <c r="HS23" s="102">
        <v>9</v>
      </c>
      <c r="HT23" s="102">
        <v>6</v>
      </c>
      <c r="HU23" s="102">
        <v>3</v>
      </c>
      <c r="HV23" s="102">
        <v>4</v>
      </c>
      <c r="HW23" s="102">
        <v>2</v>
      </c>
      <c r="HX23" s="103">
        <v>24</v>
      </c>
      <c r="HY23" s="104">
        <v>35</v>
      </c>
      <c r="HZ23" s="101">
        <v>9</v>
      </c>
      <c r="IA23" s="102">
        <v>8</v>
      </c>
      <c r="IB23" s="103">
        <v>17</v>
      </c>
      <c r="IC23" s="413">
        <v>0</v>
      </c>
      <c r="ID23" s="102">
        <v>13</v>
      </c>
      <c r="IE23" s="102">
        <v>8</v>
      </c>
      <c r="IF23" s="102">
        <v>9</v>
      </c>
      <c r="IG23" s="102">
        <v>7</v>
      </c>
      <c r="IH23" s="102">
        <v>2</v>
      </c>
      <c r="II23" s="103">
        <v>39</v>
      </c>
      <c r="IJ23" s="104">
        <v>56</v>
      </c>
      <c r="IK23" s="101">
        <v>13</v>
      </c>
      <c r="IL23" s="102">
        <v>13</v>
      </c>
      <c r="IM23" s="103">
        <v>26</v>
      </c>
      <c r="IN23" s="413">
        <v>0</v>
      </c>
      <c r="IO23" s="102">
        <v>23</v>
      </c>
      <c r="IP23" s="102">
        <v>12</v>
      </c>
      <c r="IQ23" s="102">
        <v>10</v>
      </c>
      <c r="IR23" s="102">
        <v>12</v>
      </c>
      <c r="IS23" s="102">
        <v>6</v>
      </c>
      <c r="IT23" s="103">
        <v>63</v>
      </c>
      <c r="IU23" s="104">
        <v>89</v>
      </c>
      <c r="IV23" s="101">
        <v>14</v>
      </c>
      <c r="IW23" s="102">
        <v>19</v>
      </c>
      <c r="IX23" s="103">
        <v>33</v>
      </c>
      <c r="IY23" s="413">
        <v>0</v>
      </c>
      <c r="IZ23" s="102">
        <v>31</v>
      </c>
      <c r="JA23" s="102">
        <v>30</v>
      </c>
      <c r="JB23" s="102">
        <v>15</v>
      </c>
      <c r="JC23" s="102">
        <v>5</v>
      </c>
      <c r="JD23" s="102">
        <v>5</v>
      </c>
      <c r="JE23" s="103">
        <v>86</v>
      </c>
      <c r="JF23" s="104">
        <v>119</v>
      </c>
      <c r="JG23" s="101">
        <v>10</v>
      </c>
      <c r="JH23" s="102">
        <v>16</v>
      </c>
      <c r="JI23" s="103">
        <v>26</v>
      </c>
      <c r="JJ23" s="413">
        <v>0</v>
      </c>
      <c r="JK23" s="102">
        <v>20</v>
      </c>
      <c r="JL23" s="102">
        <v>20</v>
      </c>
      <c r="JM23" s="102">
        <v>10</v>
      </c>
      <c r="JN23" s="102">
        <v>13</v>
      </c>
      <c r="JO23" s="102">
        <v>8</v>
      </c>
      <c r="JP23" s="103">
        <v>71</v>
      </c>
      <c r="JQ23" s="104">
        <v>97</v>
      </c>
      <c r="JR23" s="101">
        <v>0</v>
      </c>
      <c r="JS23" s="102">
        <v>0</v>
      </c>
      <c r="JT23" s="103">
        <v>0</v>
      </c>
      <c r="JU23" s="413">
        <v>0</v>
      </c>
      <c r="JV23" s="102">
        <v>0</v>
      </c>
      <c r="JW23" s="102">
        <v>0</v>
      </c>
      <c r="JX23" s="102">
        <v>0</v>
      </c>
      <c r="JY23" s="102">
        <v>0</v>
      </c>
      <c r="JZ23" s="102">
        <v>0</v>
      </c>
      <c r="KA23" s="103">
        <v>0</v>
      </c>
      <c r="KB23" s="104">
        <v>0</v>
      </c>
      <c r="KC23" s="101">
        <v>53</v>
      </c>
      <c r="KD23" s="102">
        <v>62</v>
      </c>
      <c r="KE23" s="103">
        <v>115</v>
      </c>
      <c r="KF23" s="413">
        <v>0</v>
      </c>
      <c r="KG23" s="102">
        <v>98</v>
      </c>
      <c r="KH23" s="102">
        <v>77</v>
      </c>
      <c r="KI23" s="102">
        <v>47</v>
      </c>
      <c r="KJ23" s="102">
        <v>42</v>
      </c>
      <c r="KK23" s="102">
        <v>24</v>
      </c>
      <c r="KL23" s="103">
        <v>288</v>
      </c>
      <c r="KM23" s="104">
        <v>403</v>
      </c>
    </row>
    <row r="24" spans="2:299" s="70" customFormat="1" ht="21" customHeight="1" x14ac:dyDescent="0.2">
      <c r="B24" s="106" t="s">
        <v>21</v>
      </c>
      <c r="C24" s="96">
        <v>39</v>
      </c>
      <c r="D24" s="97">
        <v>25</v>
      </c>
      <c r="E24" s="98">
        <v>64</v>
      </c>
      <c r="F24" s="413">
        <v>0</v>
      </c>
      <c r="G24" s="97">
        <v>51</v>
      </c>
      <c r="H24" s="97">
        <v>33</v>
      </c>
      <c r="I24" s="97">
        <v>24</v>
      </c>
      <c r="J24" s="97">
        <v>18</v>
      </c>
      <c r="K24" s="97">
        <v>11</v>
      </c>
      <c r="L24" s="99">
        <v>137</v>
      </c>
      <c r="M24" s="100">
        <v>201</v>
      </c>
      <c r="N24" s="101">
        <v>0</v>
      </c>
      <c r="O24" s="102">
        <v>1</v>
      </c>
      <c r="P24" s="103">
        <v>1</v>
      </c>
      <c r="Q24" s="413">
        <v>0</v>
      </c>
      <c r="R24" s="102">
        <v>2</v>
      </c>
      <c r="S24" s="102">
        <v>1</v>
      </c>
      <c r="T24" s="102">
        <v>2</v>
      </c>
      <c r="U24" s="102">
        <v>0</v>
      </c>
      <c r="V24" s="102">
        <v>1</v>
      </c>
      <c r="W24" s="103">
        <v>6</v>
      </c>
      <c r="X24" s="104">
        <v>7</v>
      </c>
      <c r="Y24" s="101">
        <v>0</v>
      </c>
      <c r="Z24" s="102">
        <v>5</v>
      </c>
      <c r="AA24" s="103">
        <v>5</v>
      </c>
      <c r="AB24" s="413">
        <v>0</v>
      </c>
      <c r="AC24" s="102">
        <v>4</v>
      </c>
      <c r="AD24" s="102">
        <v>8</v>
      </c>
      <c r="AE24" s="102">
        <v>1</v>
      </c>
      <c r="AF24" s="102">
        <v>1</v>
      </c>
      <c r="AG24" s="102">
        <v>0</v>
      </c>
      <c r="AH24" s="103">
        <v>14</v>
      </c>
      <c r="AI24" s="104">
        <v>19</v>
      </c>
      <c r="AJ24" s="101">
        <v>9</v>
      </c>
      <c r="AK24" s="102">
        <v>3</v>
      </c>
      <c r="AL24" s="103">
        <v>12</v>
      </c>
      <c r="AM24" s="413">
        <v>0</v>
      </c>
      <c r="AN24" s="102">
        <v>12</v>
      </c>
      <c r="AO24" s="102">
        <v>3</v>
      </c>
      <c r="AP24" s="102">
        <v>6</v>
      </c>
      <c r="AQ24" s="102">
        <v>3</v>
      </c>
      <c r="AR24" s="102">
        <v>1</v>
      </c>
      <c r="AS24" s="103">
        <v>25</v>
      </c>
      <c r="AT24" s="104">
        <v>37</v>
      </c>
      <c r="AU24" s="101">
        <v>8</v>
      </c>
      <c r="AV24" s="102">
        <v>6</v>
      </c>
      <c r="AW24" s="103">
        <v>14</v>
      </c>
      <c r="AX24" s="413">
        <v>0</v>
      </c>
      <c r="AY24" s="102">
        <v>10</v>
      </c>
      <c r="AZ24" s="102">
        <v>6</v>
      </c>
      <c r="BA24" s="102">
        <v>3</v>
      </c>
      <c r="BB24" s="102">
        <v>4</v>
      </c>
      <c r="BC24" s="102">
        <v>5</v>
      </c>
      <c r="BD24" s="103">
        <v>28</v>
      </c>
      <c r="BE24" s="104">
        <v>42</v>
      </c>
      <c r="BF24" s="101">
        <v>13</v>
      </c>
      <c r="BG24" s="102">
        <v>6</v>
      </c>
      <c r="BH24" s="103">
        <v>19</v>
      </c>
      <c r="BI24" s="413">
        <v>0</v>
      </c>
      <c r="BJ24" s="102">
        <v>15</v>
      </c>
      <c r="BK24" s="102">
        <v>9</v>
      </c>
      <c r="BL24" s="102">
        <v>4</v>
      </c>
      <c r="BM24" s="102">
        <v>8</v>
      </c>
      <c r="BN24" s="102">
        <v>3</v>
      </c>
      <c r="BO24" s="103">
        <v>39</v>
      </c>
      <c r="BP24" s="104">
        <v>58</v>
      </c>
      <c r="BQ24" s="101">
        <v>9</v>
      </c>
      <c r="BR24" s="102">
        <v>4</v>
      </c>
      <c r="BS24" s="103">
        <v>13</v>
      </c>
      <c r="BT24" s="413">
        <v>0</v>
      </c>
      <c r="BU24" s="102">
        <v>8</v>
      </c>
      <c r="BV24" s="102">
        <v>6</v>
      </c>
      <c r="BW24" s="102">
        <v>8</v>
      </c>
      <c r="BX24" s="102">
        <v>2</v>
      </c>
      <c r="BY24" s="102">
        <v>1</v>
      </c>
      <c r="BZ24" s="103">
        <v>25</v>
      </c>
      <c r="CA24" s="104">
        <v>38</v>
      </c>
      <c r="CB24" s="101">
        <v>0</v>
      </c>
      <c r="CC24" s="102">
        <v>0</v>
      </c>
      <c r="CD24" s="103">
        <v>0</v>
      </c>
      <c r="CE24" s="413">
        <v>0</v>
      </c>
      <c r="CF24" s="102">
        <v>0</v>
      </c>
      <c r="CG24" s="102">
        <v>0</v>
      </c>
      <c r="CH24" s="102">
        <v>0</v>
      </c>
      <c r="CI24" s="102">
        <v>0</v>
      </c>
      <c r="CJ24" s="102">
        <v>0</v>
      </c>
      <c r="CK24" s="103">
        <v>0</v>
      </c>
      <c r="CL24" s="104">
        <v>0</v>
      </c>
      <c r="CM24" s="101">
        <v>39</v>
      </c>
      <c r="CN24" s="102">
        <v>25</v>
      </c>
      <c r="CO24" s="103">
        <v>64</v>
      </c>
      <c r="CP24" s="413">
        <v>0</v>
      </c>
      <c r="CQ24" s="102">
        <v>51</v>
      </c>
      <c r="CR24" s="102">
        <v>33</v>
      </c>
      <c r="CS24" s="102">
        <v>24</v>
      </c>
      <c r="CT24" s="102">
        <v>18</v>
      </c>
      <c r="CU24" s="102">
        <v>11</v>
      </c>
      <c r="CV24" s="103">
        <v>137</v>
      </c>
      <c r="CW24" s="104">
        <v>201</v>
      </c>
      <c r="CX24" s="105">
        <v>8</v>
      </c>
      <c r="CY24" s="97">
        <v>9</v>
      </c>
      <c r="CZ24" s="98">
        <v>17</v>
      </c>
      <c r="DA24" s="413">
        <v>0</v>
      </c>
      <c r="DB24" s="97">
        <v>17</v>
      </c>
      <c r="DC24" s="97">
        <v>17</v>
      </c>
      <c r="DD24" s="97">
        <v>9</v>
      </c>
      <c r="DE24" s="97">
        <v>4</v>
      </c>
      <c r="DF24" s="97">
        <v>3</v>
      </c>
      <c r="DG24" s="99">
        <v>50</v>
      </c>
      <c r="DH24" s="100">
        <v>67</v>
      </c>
      <c r="DI24" s="101">
        <v>0</v>
      </c>
      <c r="DJ24" s="102">
        <v>0</v>
      </c>
      <c r="DK24" s="103">
        <v>0</v>
      </c>
      <c r="DL24" s="413">
        <v>0</v>
      </c>
      <c r="DM24" s="102">
        <v>0</v>
      </c>
      <c r="DN24" s="102">
        <v>0</v>
      </c>
      <c r="DO24" s="102">
        <v>0</v>
      </c>
      <c r="DP24" s="102">
        <v>0</v>
      </c>
      <c r="DQ24" s="102">
        <v>0</v>
      </c>
      <c r="DR24" s="103">
        <v>0</v>
      </c>
      <c r="DS24" s="104">
        <v>0</v>
      </c>
      <c r="DT24" s="101">
        <v>0</v>
      </c>
      <c r="DU24" s="102">
        <v>1</v>
      </c>
      <c r="DV24" s="103">
        <v>1</v>
      </c>
      <c r="DW24" s="413">
        <v>0</v>
      </c>
      <c r="DX24" s="102">
        <v>1</v>
      </c>
      <c r="DY24" s="102">
        <v>1</v>
      </c>
      <c r="DZ24" s="102">
        <v>0</v>
      </c>
      <c r="EA24" s="102">
        <v>0</v>
      </c>
      <c r="EB24" s="102">
        <v>1</v>
      </c>
      <c r="EC24" s="103">
        <v>3</v>
      </c>
      <c r="ED24" s="104">
        <v>4</v>
      </c>
      <c r="EE24" s="101">
        <v>0</v>
      </c>
      <c r="EF24" s="102">
        <v>1</v>
      </c>
      <c r="EG24" s="103">
        <v>1</v>
      </c>
      <c r="EH24" s="413">
        <v>0</v>
      </c>
      <c r="EI24" s="102">
        <v>2</v>
      </c>
      <c r="EJ24" s="102">
        <v>1</v>
      </c>
      <c r="EK24" s="102">
        <v>0</v>
      </c>
      <c r="EL24" s="102">
        <v>0</v>
      </c>
      <c r="EM24" s="102">
        <v>1</v>
      </c>
      <c r="EN24" s="103">
        <v>4</v>
      </c>
      <c r="EO24" s="104">
        <v>5</v>
      </c>
      <c r="EP24" s="101">
        <v>6</v>
      </c>
      <c r="EQ24" s="102">
        <v>1</v>
      </c>
      <c r="ER24" s="103">
        <v>7</v>
      </c>
      <c r="ES24" s="413">
        <v>0</v>
      </c>
      <c r="ET24" s="102">
        <v>2</v>
      </c>
      <c r="EU24" s="102">
        <v>4</v>
      </c>
      <c r="EV24" s="102">
        <v>0</v>
      </c>
      <c r="EW24" s="102">
        <v>0</v>
      </c>
      <c r="EX24" s="102">
        <v>1</v>
      </c>
      <c r="EY24" s="103">
        <v>7</v>
      </c>
      <c r="EZ24" s="104">
        <v>14</v>
      </c>
      <c r="FA24" s="101">
        <v>0</v>
      </c>
      <c r="FB24" s="102">
        <v>4</v>
      </c>
      <c r="FC24" s="103">
        <v>4</v>
      </c>
      <c r="FD24" s="413">
        <v>0</v>
      </c>
      <c r="FE24" s="102">
        <v>5</v>
      </c>
      <c r="FF24" s="102">
        <v>3</v>
      </c>
      <c r="FG24" s="102">
        <v>2</v>
      </c>
      <c r="FH24" s="102">
        <v>1</v>
      </c>
      <c r="FI24" s="102">
        <v>0</v>
      </c>
      <c r="FJ24" s="103">
        <v>11</v>
      </c>
      <c r="FK24" s="104">
        <v>15</v>
      </c>
      <c r="FL24" s="101">
        <v>2</v>
      </c>
      <c r="FM24" s="102">
        <v>2</v>
      </c>
      <c r="FN24" s="103">
        <v>4</v>
      </c>
      <c r="FO24" s="413">
        <v>0</v>
      </c>
      <c r="FP24" s="102">
        <v>7</v>
      </c>
      <c r="FQ24" s="102">
        <v>8</v>
      </c>
      <c r="FR24" s="102">
        <v>7</v>
      </c>
      <c r="FS24" s="102">
        <v>3</v>
      </c>
      <c r="FT24" s="102">
        <v>0</v>
      </c>
      <c r="FU24" s="103">
        <v>25</v>
      </c>
      <c r="FV24" s="104">
        <v>29</v>
      </c>
      <c r="FW24" s="101">
        <v>0</v>
      </c>
      <c r="FX24" s="102">
        <v>0</v>
      </c>
      <c r="FY24" s="103">
        <v>0</v>
      </c>
      <c r="FZ24" s="413">
        <v>0</v>
      </c>
      <c r="GA24" s="102">
        <v>0</v>
      </c>
      <c r="GB24" s="102">
        <v>0</v>
      </c>
      <c r="GC24" s="102">
        <v>0</v>
      </c>
      <c r="GD24" s="102">
        <v>0</v>
      </c>
      <c r="GE24" s="102">
        <v>0</v>
      </c>
      <c r="GF24" s="103">
        <v>0</v>
      </c>
      <c r="GG24" s="104">
        <v>0</v>
      </c>
      <c r="GH24" s="101">
        <v>8</v>
      </c>
      <c r="GI24" s="102">
        <v>9</v>
      </c>
      <c r="GJ24" s="103">
        <v>17</v>
      </c>
      <c r="GK24" s="413">
        <v>0</v>
      </c>
      <c r="GL24" s="102">
        <v>17</v>
      </c>
      <c r="GM24" s="102">
        <v>17</v>
      </c>
      <c r="GN24" s="102">
        <v>9</v>
      </c>
      <c r="GO24" s="102">
        <v>4</v>
      </c>
      <c r="GP24" s="102">
        <v>3</v>
      </c>
      <c r="GQ24" s="103">
        <v>50</v>
      </c>
      <c r="GR24" s="104">
        <v>67</v>
      </c>
      <c r="GS24" s="105">
        <v>47</v>
      </c>
      <c r="GT24" s="97">
        <v>34</v>
      </c>
      <c r="GU24" s="98">
        <v>81</v>
      </c>
      <c r="GV24" s="413">
        <v>0</v>
      </c>
      <c r="GW24" s="97">
        <v>68</v>
      </c>
      <c r="GX24" s="97">
        <v>50</v>
      </c>
      <c r="GY24" s="97">
        <v>33</v>
      </c>
      <c r="GZ24" s="97">
        <v>22</v>
      </c>
      <c r="HA24" s="97">
        <v>14</v>
      </c>
      <c r="HB24" s="99">
        <v>187</v>
      </c>
      <c r="HC24" s="100">
        <v>268</v>
      </c>
      <c r="HD24" s="101">
        <v>0</v>
      </c>
      <c r="HE24" s="102">
        <v>1</v>
      </c>
      <c r="HF24" s="103">
        <v>1</v>
      </c>
      <c r="HG24" s="413">
        <v>0</v>
      </c>
      <c r="HH24" s="102">
        <v>2</v>
      </c>
      <c r="HI24" s="102">
        <v>1</v>
      </c>
      <c r="HJ24" s="102">
        <v>2</v>
      </c>
      <c r="HK24" s="102">
        <v>0</v>
      </c>
      <c r="HL24" s="102">
        <v>1</v>
      </c>
      <c r="HM24" s="103">
        <v>6</v>
      </c>
      <c r="HN24" s="104">
        <v>7</v>
      </c>
      <c r="HO24" s="101">
        <v>0</v>
      </c>
      <c r="HP24" s="102">
        <v>6</v>
      </c>
      <c r="HQ24" s="103">
        <v>6</v>
      </c>
      <c r="HR24" s="413">
        <v>0</v>
      </c>
      <c r="HS24" s="102">
        <v>5</v>
      </c>
      <c r="HT24" s="102">
        <v>9</v>
      </c>
      <c r="HU24" s="102">
        <v>1</v>
      </c>
      <c r="HV24" s="102">
        <v>1</v>
      </c>
      <c r="HW24" s="102">
        <v>1</v>
      </c>
      <c r="HX24" s="103">
        <v>17</v>
      </c>
      <c r="HY24" s="104">
        <v>23</v>
      </c>
      <c r="HZ24" s="101">
        <v>9</v>
      </c>
      <c r="IA24" s="102">
        <v>4</v>
      </c>
      <c r="IB24" s="103">
        <v>13</v>
      </c>
      <c r="IC24" s="413">
        <v>0</v>
      </c>
      <c r="ID24" s="102">
        <v>14</v>
      </c>
      <c r="IE24" s="102">
        <v>4</v>
      </c>
      <c r="IF24" s="102">
        <v>6</v>
      </c>
      <c r="IG24" s="102">
        <v>3</v>
      </c>
      <c r="IH24" s="102">
        <v>2</v>
      </c>
      <c r="II24" s="103">
        <v>29</v>
      </c>
      <c r="IJ24" s="104">
        <v>42</v>
      </c>
      <c r="IK24" s="101">
        <v>14</v>
      </c>
      <c r="IL24" s="102">
        <v>7</v>
      </c>
      <c r="IM24" s="103">
        <v>21</v>
      </c>
      <c r="IN24" s="413">
        <v>0</v>
      </c>
      <c r="IO24" s="102">
        <v>12</v>
      </c>
      <c r="IP24" s="102">
        <v>10</v>
      </c>
      <c r="IQ24" s="102">
        <v>3</v>
      </c>
      <c r="IR24" s="102">
        <v>4</v>
      </c>
      <c r="IS24" s="102">
        <v>6</v>
      </c>
      <c r="IT24" s="103">
        <v>35</v>
      </c>
      <c r="IU24" s="104">
        <v>56</v>
      </c>
      <c r="IV24" s="101">
        <v>13</v>
      </c>
      <c r="IW24" s="102">
        <v>10</v>
      </c>
      <c r="IX24" s="103">
        <v>23</v>
      </c>
      <c r="IY24" s="413">
        <v>0</v>
      </c>
      <c r="IZ24" s="102">
        <v>20</v>
      </c>
      <c r="JA24" s="102">
        <v>12</v>
      </c>
      <c r="JB24" s="102">
        <v>6</v>
      </c>
      <c r="JC24" s="102">
        <v>9</v>
      </c>
      <c r="JD24" s="102">
        <v>3</v>
      </c>
      <c r="JE24" s="103">
        <v>50</v>
      </c>
      <c r="JF24" s="104">
        <v>73</v>
      </c>
      <c r="JG24" s="101">
        <v>11</v>
      </c>
      <c r="JH24" s="102">
        <v>6</v>
      </c>
      <c r="JI24" s="103">
        <v>17</v>
      </c>
      <c r="JJ24" s="413">
        <v>0</v>
      </c>
      <c r="JK24" s="102">
        <v>15</v>
      </c>
      <c r="JL24" s="102">
        <v>14</v>
      </c>
      <c r="JM24" s="102">
        <v>15</v>
      </c>
      <c r="JN24" s="102">
        <v>5</v>
      </c>
      <c r="JO24" s="102">
        <v>1</v>
      </c>
      <c r="JP24" s="103">
        <v>50</v>
      </c>
      <c r="JQ24" s="104">
        <v>67</v>
      </c>
      <c r="JR24" s="101">
        <v>0</v>
      </c>
      <c r="JS24" s="102">
        <v>0</v>
      </c>
      <c r="JT24" s="103">
        <v>0</v>
      </c>
      <c r="JU24" s="413">
        <v>0</v>
      </c>
      <c r="JV24" s="102">
        <v>0</v>
      </c>
      <c r="JW24" s="102">
        <v>0</v>
      </c>
      <c r="JX24" s="102">
        <v>0</v>
      </c>
      <c r="JY24" s="102">
        <v>0</v>
      </c>
      <c r="JZ24" s="102">
        <v>0</v>
      </c>
      <c r="KA24" s="103">
        <v>0</v>
      </c>
      <c r="KB24" s="104">
        <v>0</v>
      </c>
      <c r="KC24" s="101">
        <v>47</v>
      </c>
      <c r="KD24" s="102">
        <v>34</v>
      </c>
      <c r="KE24" s="103">
        <v>81</v>
      </c>
      <c r="KF24" s="413">
        <v>0</v>
      </c>
      <c r="KG24" s="102">
        <v>68</v>
      </c>
      <c r="KH24" s="102">
        <v>50</v>
      </c>
      <c r="KI24" s="102">
        <v>33</v>
      </c>
      <c r="KJ24" s="102">
        <v>22</v>
      </c>
      <c r="KK24" s="102">
        <v>14</v>
      </c>
      <c r="KL24" s="103">
        <v>187</v>
      </c>
      <c r="KM24" s="104">
        <v>268</v>
      </c>
    </row>
    <row r="25" spans="2:299" s="70" customFormat="1" ht="21" customHeight="1" x14ac:dyDescent="0.2">
      <c r="B25" s="106" t="s">
        <v>22</v>
      </c>
      <c r="C25" s="96">
        <v>18</v>
      </c>
      <c r="D25" s="97">
        <v>11</v>
      </c>
      <c r="E25" s="98">
        <v>29</v>
      </c>
      <c r="F25" s="413">
        <v>0</v>
      </c>
      <c r="G25" s="97">
        <v>31</v>
      </c>
      <c r="H25" s="97">
        <v>19</v>
      </c>
      <c r="I25" s="97">
        <v>17</v>
      </c>
      <c r="J25" s="97">
        <v>7</v>
      </c>
      <c r="K25" s="97">
        <v>6</v>
      </c>
      <c r="L25" s="99">
        <v>80</v>
      </c>
      <c r="M25" s="100">
        <v>109</v>
      </c>
      <c r="N25" s="101">
        <v>0</v>
      </c>
      <c r="O25" s="102">
        <v>0</v>
      </c>
      <c r="P25" s="103">
        <v>0</v>
      </c>
      <c r="Q25" s="413">
        <v>0</v>
      </c>
      <c r="R25" s="102">
        <v>0</v>
      </c>
      <c r="S25" s="102">
        <v>0</v>
      </c>
      <c r="T25" s="102">
        <v>0</v>
      </c>
      <c r="U25" s="102">
        <v>0</v>
      </c>
      <c r="V25" s="102">
        <v>0</v>
      </c>
      <c r="W25" s="103">
        <v>0</v>
      </c>
      <c r="X25" s="104">
        <v>0</v>
      </c>
      <c r="Y25" s="101">
        <v>0</v>
      </c>
      <c r="Z25" s="102">
        <v>1</v>
      </c>
      <c r="AA25" s="103">
        <v>1</v>
      </c>
      <c r="AB25" s="413">
        <v>0</v>
      </c>
      <c r="AC25" s="102">
        <v>2</v>
      </c>
      <c r="AD25" s="102">
        <v>1</v>
      </c>
      <c r="AE25" s="102">
        <v>3</v>
      </c>
      <c r="AF25" s="102">
        <v>1</v>
      </c>
      <c r="AG25" s="102">
        <v>1</v>
      </c>
      <c r="AH25" s="103">
        <v>8</v>
      </c>
      <c r="AI25" s="104">
        <v>9</v>
      </c>
      <c r="AJ25" s="101">
        <v>3</v>
      </c>
      <c r="AK25" s="102">
        <v>2</v>
      </c>
      <c r="AL25" s="103">
        <v>5</v>
      </c>
      <c r="AM25" s="413">
        <v>0</v>
      </c>
      <c r="AN25" s="102">
        <v>4</v>
      </c>
      <c r="AO25" s="102">
        <v>3</v>
      </c>
      <c r="AP25" s="102">
        <v>1</v>
      </c>
      <c r="AQ25" s="102">
        <v>0</v>
      </c>
      <c r="AR25" s="102">
        <v>1</v>
      </c>
      <c r="AS25" s="103">
        <v>9</v>
      </c>
      <c r="AT25" s="104">
        <v>14</v>
      </c>
      <c r="AU25" s="101">
        <v>7</v>
      </c>
      <c r="AV25" s="102">
        <v>4</v>
      </c>
      <c r="AW25" s="103">
        <v>11</v>
      </c>
      <c r="AX25" s="413">
        <v>0</v>
      </c>
      <c r="AY25" s="102">
        <v>9</v>
      </c>
      <c r="AZ25" s="102">
        <v>4</v>
      </c>
      <c r="BA25" s="102">
        <v>1</v>
      </c>
      <c r="BB25" s="102">
        <v>2</v>
      </c>
      <c r="BC25" s="102">
        <v>1</v>
      </c>
      <c r="BD25" s="103">
        <v>17</v>
      </c>
      <c r="BE25" s="104">
        <v>28</v>
      </c>
      <c r="BF25" s="101">
        <v>4</v>
      </c>
      <c r="BG25" s="102">
        <v>2</v>
      </c>
      <c r="BH25" s="103">
        <v>6</v>
      </c>
      <c r="BI25" s="413">
        <v>0</v>
      </c>
      <c r="BJ25" s="102">
        <v>4</v>
      </c>
      <c r="BK25" s="102">
        <v>6</v>
      </c>
      <c r="BL25" s="102">
        <v>4</v>
      </c>
      <c r="BM25" s="102">
        <v>2</v>
      </c>
      <c r="BN25" s="102">
        <v>1</v>
      </c>
      <c r="BO25" s="103">
        <v>17</v>
      </c>
      <c r="BP25" s="104">
        <v>23</v>
      </c>
      <c r="BQ25" s="101">
        <v>4</v>
      </c>
      <c r="BR25" s="102">
        <v>2</v>
      </c>
      <c r="BS25" s="103">
        <v>6</v>
      </c>
      <c r="BT25" s="413">
        <v>0</v>
      </c>
      <c r="BU25" s="102">
        <v>12</v>
      </c>
      <c r="BV25" s="102">
        <v>5</v>
      </c>
      <c r="BW25" s="102">
        <v>8</v>
      </c>
      <c r="BX25" s="102">
        <v>2</v>
      </c>
      <c r="BY25" s="102">
        <v>2</v>
      </c>
      <c r="BZ25" s="103">
        <v>29</v>
      </c>
      <c r="CA25" s="104">
        <v>35</v>
      </c>
      <c r="CB25" s="101">
        <v>0</v>
      </c>
      <c r="CC25" s="102">
        <v>0</v>
      </c>
      <c r="CD25" s="103">
        <v>0</v>
      </c>
      <c r="CE25" s="413">
        <v>0</v>
      </c>
      <c r="CF25" s="102">
        <v>0</v>
      </c>
      <c r="CG25" s="102">
        <v>0</v>
      </c>
      <c r="CH25" s="102">
        <v>0</v>
      </c>
      <c r="CI25" s="102">
        <v>0</v>
      </c>
      <c r="CJ25" s="102">
        <v>0</v>
      </c>
      <c r="CK25" s="103">
        <v>0</v>
      </c>
      <c r="CL25" s="104">
        <v>0</v>
      </c>
      <c r="CM25" s="101">
        <v>18</v>
      </c>
      <c r="CN25" s="102">
        <v>11</v>
      </c>
      <c r="CO25" s="103">
        <v>29</v>
      </c>
      <c r="CP25" s="413">
        <v>0</v>
      </c>
      <c r="CQ25" s="102">
        <v>31</v>
      </c>
      <c r="CR25" s="102">
        <v>19</v>
      </c>
      <c r="CS25" s="102">
        <v>17</v>
      </c>
      <c r="CT25" s="102">
        <v>7</v>
      </c>
      <c r="CU25" s="102">
        <v>6</v>
      </c>
      <c r="CV25" s="103">
        <v>80</v>
      </c>
      <c r="CW25" s="104">
        <v>109</v>
      </c>
      <c r="CX25" s="105">
        <v>2</v>
      </c>
      <c r="CY25" s="97">
        <v>8</v>
      </c>
      <c r="CZ25" s="98">
        <v>10</v>
      </c>
      <c r="DA25" s="413">
        <v>0</v>
      </c>
      <c r="DB25" s="97">
        <v>8</v>
      </c>
      <c r="DC25" s="97">
        <v>2</v>
      </c>
      <c r="DD25" s="97">
        <v>0</v>
      </c>
      <c r="DE25" s="97">
        <v>3</v>
      </c>
      <c r="DF25" s="97">
        <v>3</v>
      </c>
      <c r="DG25" s="99">
        <v>16</v>
      </c>
      <c r="DH25" s="100">
        <v>26</v>
      </c>
      <c r="DI25" s="101">
        <v>0</v>
      </c>
      <c r="DJ25" s="102">
        <v>1</v>
      </c>
      <c r="DK25" s="103">
        <v>1</v>
      </c>
      <c r="DL25" s="413">
        <v>0</v>
      </c>
      <c r="DM25" s="102">
        <v>0</v>
      </c>
      <c r="DN25" s="102">
        <v>0</v>
      </c>
      <c r="DO25" s="102">
        <v>0</v>
      </c>
      <c r="DP25" s="102">
        <v>0</v>
      </c>
      <c r="DQ25" s="102">
        <v>0</v>
      </c>
      <c r="DR25" s="103">
        <v>0</v>
      </c>
      <c r="DS25" s="104">
        <v>1</v>
      </c>
      <c r="DT25" s="101">
        <v>0</v>
      </c>
      <c r="DU25" s="102">
        <v>0</v>
      </c>
      <c r="DV25" s="103">
        <v>0</v>
      </c>
      <c r="DW25" s="413">
        <v>0</v>
      </c>
      <c r="DX25" s="102">
        <v>0</v>
      </c>
      <c r="DY25" s="102">
        <v>0</v>
      </c>
      <c r="DZ25" s="102">
        <v>0</v>
      </c>
      <c r="EA25" s="102">
        <v>0</v>
      </c>
      <c r="EB25" s="102">
        <v>0</v>
      </c>
      <c r="EC25" s="103">
        <v>0</v>
      </c>
      <c r="ED25" s="104">
        <v>0</v>
      </c>
      <c r="EE25" s="101">
        <v>0</v>
      </c>
      <c r="EF25" s="102">
        <v>1</v>
      </c>
      <c r="EG25" s="103">
        <v>1</v>
      </c>
      <c r="EH25" s="413">
        <v>0</v>
      </c>
      <c r="EI25" s="102">
        <v>1</v>
      </c>
      <c r="EJ25" s="102">
        <v>1</v>
      </c>
      <c r="EK25" s="102">
        <v>0</v>
      </c>
      <c r="EL25" s="102">
        <v>0</v>
      </c>
      <c r="EM25" s="102">
        <v>2</v>
      </c>
      <c r="EN25" s="103">
        <v>4</v>
      </c>
      <c r="EO25" s="104">
        <v>5</v>
      </c>
      <c r="EP25" s="101">
        <v>2</v>
      </c>
      <c r="EQ25" s="102">
        <v>3</v>
      </c>
      <c r="ER25" s="103">
        <v>5</v>
      </c>
      <c r="ES25" s="413">
        <v>0</v>
      </c>
      <c r="ET25" s="102">
        <v>2</v>
      </c>
      <c r="EU25" s="102">
        <v>0</v>
      </c>
      <c r="EV25" s="102">
        <v>0</v>
      </c>
      <c r="EW25" s="102">
        <v>0</v>
      </c>
      <c r="EX25" s="102">
        <v>1</v>
      </c>
      <c r="EY25" s="103">
        <v>3</v>
      </c>
      <c r="EZ25" s="104">
        <v>8</v>
      </c>
      <c r="FA25" s="101">
        <v>0</v>
      </c>
      <c r="FB25" s="102">
        <v>2</v>
      </c>
      <c r="FC25" s="103">
        <v>2</v>
      </c>
      <c r="FD25" s="413">
        <v>0</v>
      </c>
      <c r="FE25" s="102">
        <v>3</v>
      </c>
      <c r="FF25" s="102">
        <v>0</v>
      </c>
      <c r="FG25" s="102">
        <v>0</v>
      </c>
      <c r="FH25" s="102">
        <v>1</v>
      </c>
      <c r="FI25" s="102">
        <v>0</v>
      </c>
      <c r="FJ25" s="103">
        <v>4</v>
      </c>
      <c r="FK25" s="104">
        <v>6</v>
      </c>
      <c r="FL25" s="101">
        <v>0</v>
      </c>
      <c r="FM25" s="102">
        <v>1</v>
      </c>
      <c r="FN25" s="103">
        <v>1</v>
      </c>
      <c r="FO25" s="413">
        <v>0</v>
      </c>
      <c r="FP25" s="102">
        <v>2</v>
      </c>
      <c r="FQ25" s="102">
        <v>1</v>
      </c>
      <c r="FR25" s="102">
        <v>0</v>
      </c>
      <c r="FS25" s="102">
        <v>2</v>
      </c>
      <c r="FT25" s="102">
        <v>0</v>
      </c>
      <c r="FU25" s="103">
        <v>5</v>
      </c>
      <c r="FV25" s="104">
        <v>6</v>
      </c>
      <c r="FW25" s="101">
        <v>0</v>
      </c>
      <c r="FX25" s="102">
        <v>0</v>
      </c>
      <c r="FY25" s="103">
        <v>0</v>
      </c>
      <c r="FZ25" s="413">
        <v>0</v>
      </c>
      <c r="GA25" s="102">
        <v>0</v>
      </c>
      <c r="GB25" s="102">
        <v>0</v>
      </c>
      <c r="GC25" s="102">
        <v>0</v>
      </c>
      <c r="GD25" s="102">
        <v>0</v>
      </c>
      <c r="GE25" s="102">
        <v>0</v>
      </c>
      <c r="GF25" s="103">
        <v>0</v>
      </c>
      <c r="GG25" s="104">
        <v>0</v>
      </c>
      <c r="GH25" s="101">
        <v>2</v>
      </c>
      <c r="GI25" s="102">
        <v>8</v>
      </c>
      <c r="GJ25" s="103">
        <v>10</v>
      </c>
      <c r="GK25" s="413">
        <v>0</v>
      </c>
      <c r="GL25" s="102">
        <v>8</v>
      </c>
      <c r="GM25" s="102">
        <v>2</v>
      </c>
      <c r="GN25" s="102">
        <v>0</v>
      </c>
      <c r="GO25" s="102">
        <v>3</v>
      </c>
      <c r="GP25" s="102">
        <v>3</v>
      </c>
      <c r="GQ25" s="103">
        <v>16</v>
      </c>
      <c r="GR25" s="104">
        <v>26</v>
      </c>
      <c r="GS25" s="105">
        <v>20</v>
      </c>
      <c r="GT25" s="97">
        <v>19</v>
      </c>
      <c r="GU25" s="98">
        <v>39</v>
      </c>
      <c r="GV25" s="413">
        <v>0</v>
      </c>
      <c r="GW25" s="97">
        <v>39</v>
      </c>
      <c r="GX25" s="97">
        <v>21</v>
      </c>
      <c r="GY25" s="97">
        <v>17</v>
      </c>
      <c r="GZ25" s="97">
        <v>10</v>
      </c>
      <c r="HA25" s="97">
        <v>9</v>
      </c>
      <c r="HB25" s="99">
        <v>96</v>
      </c>
      <c r="HC25" s="100">
        <v>135</v>
      </c>
      <c r="HD25" s="101">
        <v>0</v>
      </c>
      <c r="HE25" s="102">
        <v>1</v>
      </c>
      <c r="HF25" s="103">
        <v>1</v>
      </c>
      <c r="HG25" s="413">
        <v>0</v>
      </c>
      <c r="HH25" s="102">
        <v>0</v>
      </c>
      <c r="HI25" s="102">
        <v>0</v>
      </c>
      <c r="HJ25" s="102">
        <v>0</v>
      </c>
      <c r="HK25" s="102">
        <v>0</v>
      </c>
      <c r="HL25" s="102">
        <v>0</v>
      </c>
      <c r="HM25" s="103">
        <v>0</v>
      </c>
      <c r="HN25" s="104">
        <v>1</v>
      </c>
      <c r="HO25" s="101">
        <v>0</v>
      </c>
      <c r="HP25" s="102">
        <v>1</v>
      </c>
      <c r="HQ25" s="103">
        <v>1</v>
      </c>
      <c r="HR25" s="413">
        <v>0</v>
      </c>
      <c r="HS25" s="102">
        <v>2</v>
      </c>
      <c r="HT25" s="102">
        <v>1</v>
      </c>
      <c r="HU25" s="102">
        <v>3</v>
      </c>
      <c r="HV25" s="102">
        <v>1</v>
      </c>
      <c r="HW25" s="102">
        <v>1</v>
      </c>
      <c r="HX25" s="103">
        <v>8</v>
      </c>
      <c r="HY25" s="104">
        <v>9</v>
      </c>
      <c r="HZ25" s="101">
        <v>3</v>
      </c>
      <c r="IA25" s="102">
        <v>3</v>
      </c>
      <c r="IB25" s="103">
        <v>6</v>
      </c>
      <c r="IC25" s="413">
        <v>0</v>
      </c>
      <c r="ID25" s="102">
        <v>5</v>
      </c>
      <c r="IE25" s="102">
        <v>4</v>
      </c>
      <c r="IF25" s="102">
        <v>1</v>
      </c>
      <c r="IG25" s="102">
        <v>0</v>
      </c>
      <c r="IH25" s="102">
        <v>3</v>
      </c>
      <c r="II25" s="103">
        <v>13</v>
      </c>
      <c r="IJ25" s="104">
        <v>19</v>
      </c>
      <c r="IK25" s="101">
        <v>9</v>
      </c>
      <c r="IL25" s="102">
        <v>7</v>
      </c>
      <c r="IM25" s="103">
        <v>16</v>
      </c>
      <c r="IN25" s="413">
        <v>0</v>
      </c>
      <c r="IO25" s="102">
        <v>11</v>
      </c>
      <c r="IP25" s="102">
        <v>4</v>
      </c>
      <c r="IQ25" s="102">
        <v>1</v>
      </c>
      <c r="IR25" s="102">
        <v>2</v>
      </c>
      <c r="IS25" s="102">
        <v>2</v>
      </c>
      <c r="IT25" s="103">
        <v>20</v>
      </c>
      <c r="IU25" s="104">
        <v>36</v>
      </c>
      <c r="IV25" s="101">
        <v>4</v>
      </c>
      <c r="IW25" s="102">
        <v>4</v>
      </c>
      <c r="IX25" s="103">
        <v>8</v>
      </c>
      <c r="IY25" s="413">
        <v>0</v>
      </c>
      <c r="IZ25" s="102">
        <v>7</v>
      </c>
      <c r="JA25" s="102">
        <v>6</v>
      </c>
      <c r="JB25" s="102">
        <v>4</v>
      </c>
      <c r="JC25" s="102">
        <v>3</v>
      </c>
      <c r="JD25" s="102">
        <v>1</v>
      </c>
      <c r="JE25" s="103">
        <v>21</v>
      </c>
      <c r="JF25" s="104">
        <v>29</v>
      </c>
      <c r="JG25" s="101">
        <v>4</v>
      </c>
      <c r="JH25" s="102">
        <v>3</v>
      </c>
      <c r="JI25" s="103">
        <v>7</v>
      </c>
      <c r="JJ25" s="413">
        <v>0</v>
      </c>
      <c r="JK25" s="102">
        <v>14</v>
      </c>
      <c r="JL25" s="102">
        <v>6</v>
      </c>
      <c r="JM25" s="102">
        <v>8</v>
      </c>
      <c r="JN25" s="102">
        <v>4</v>
      </c>
      <c r="JO25" s="102">
        <v>2</v>
      </c>
      <c r="JP25" s="103">
        <v>34</v>
      </c>
      <c r="JQ25" s="104">
        <v>41</v>
      </c>
      <c r="JR25" s="101">
        <v>0</v>
      </c>
      <c r="JS25" s="102">
        <v>0</v>
      </c>
      <c r="JT25" s="103">
        <v>0</v>
      </c>
      <c r="JU25" s="413">
        <v>0</v>
      </c>
      <c r="JV25" s="102">
        <v>0</v>
      </c>
      <c r="JW25" s="102">
        <v>0</v>
      </c>
      <c r="JX25" s="102">
        <v>0</v>
      </c>
      <c r="JY25" s="102">
        <v>0</v>
      </c>
      <c r="JZ25" s="102">
        <v>0</v>
      </c>
      <c r="KA25" s="103">
        <v>0</v>
      </c>
      <c r="KB25" s="104">
        <v>0</v>
      </c>
      <c r="KC25" s="101">
        <v>20</v>
      </c>
      <c r="KD25" s="102">
        <v>19</v>
      </c>
      <c r="KE25" s="103">
        <v>39</v>
      </c>
      <c r="KF25" s="413">
        <v>0</v>
      </c>
      <c r="KG25" s="102">
        <v>39</v>
      </c>
      <c r="KH25" s="102">
        <v>21</v>
      </c>
      <c r="KI25" s="102">
        <v>17</v>
      </c>
      <c r="KJ25" s="102">
        <v>10</v>
      </c>
      <c r="KK25" s="102">
        <v>9</v>
      </c>
      <c r="KL25" s="103">
        <v>96</v>
      </c>
      <c r="KM25" s="104">
        <v>135</v>
      </c>
    </row>
    <row r="26" spans="2:299" s="70" customFormat="1" ht="21" customHeight="1" x14ac:dyDescent="0.2">
      <c r="B26" s="106" t="s">
        <v>23</v>
      </c>
      <c r="C26" s="96">
        <v>28</v>
      </c>
      <c r="D26" s="97">
        <v>24</v>
      </c>
      <c r="E26" s="98">
        <v>52</v>
      </c>
      <c r="F26" s="413">
        <v>0</v>
      </c>
      <c r="G26" s="97">
        <v>27</v>
      </c>
      <c r="H26" s="97">
        <v>26</v>
      </c>
      <c r="I26" s="97">
        <v>26</v>
      </c>
      <c r="J26" s="97">
        <v>11</v>
      </c>
      <c r="K26" s="97">
        <v>12</v>
      </c>
      <c r="L26" s="99">
        <v>102</v>
      </c>
      <c r="M26" s="100">
        <v>154</v>
      </c>
      <c r="N26" s="101">
        <v>1</v>
      </c>
      <c r="O26" s="102">
        <v>2</v>
      </c>
      <c r="P26" s="103">
        <v>3</v>
      </c>
      <c r="Q26" s="413">
        <v>0</v>
      </c>
      <c r="R26" s="102">
        <v>0</v>
      </c>
      <c r="S26" s="102">
        <v>0</v>
      </c>
      <c r="T26" s="102">
        <v>0</v>
      </c>
      <c r="U26" s="102">
        <v>0</v>
      </c>
      <c r="V26" s="102">
        <v>0</v>
      </c>
      <c r="W26" s="103">
        <v>0</v>
      </c>
      <c r="X26" s="104">
        <v>3</v>
      </c>
      <c r="Y26" s="101">
        <v>1</v>
      </c>
      <c r="Z26" s="102">
        <v>1</v>
      </c>
      <c r="AA26" s="103">
        <v>2</v>
      </c>
      <c r="AB26" s="413">
        <v>0</v>
      </c>
      <c r="AC26" s="102">
        <v>1</v>
      </c>
      <c r="AD26" s="102">
        <v>4</v>
      </c>
      <c r="AE26" s="102">
        <v>4</v>
      </c>
      <c r="AF26" s="102">
        <v>0</v>
      </c>
      <c r="AG26" s="102">
        <v>1</v>
      </c>
      <c r="AH26" s="103">
        <v>10</v>
      </c>
      <c r="AI26" s="104">
        <v>12</v>
      </c>
      <c r="AJ26" s="101">
        <v>7</v>
      </c>
      <c r="AK26" s="102">
        <v>1</v>
      </c>
      <c r="AL26" s="103">
        <v>8</v>
      </c>
      <c r="AM26" s="413">
        <v>0</v>
      </c>
      <c r="AN26" s="102">
        <v>4</v>
      </c>
      <c r="AO26" s="102">
        <v>5</v>
      </c>
      <c r="AP26" s="102">
        <v>3</v>
      </c>
      <c r="AQ26" s="102">
        <v>0</v>
      </c>
      <c r="AR26" s="102">
        <v>4</v>
      </c>
      <c r="AS26" s="103">
        <v>16</v>
      </c>
      <c r="AT26" s="104">
        <v>24</v>
      </c>
      <c r="AU26" s="101">
        <v>9</v>
      </c>
      <c r="AV26" s="102">
        <v>10</v>
      </c>
      <c r="AW26" s="103">
        <v>19</v>
      </c>
      <c r="AX26" s="413">
        <v>0</v>
      </c>
      <c r="AY26" s="102">
        <v>5</v>
      </c>
      <c r="AZ26" s="102">
        <v>7</v>
      </c>
      <c r="BA26" s="102">
        <v>6</v>
      </c>
      <c r="BB26" s="102">
        <v>3</v>
      </c>
      <c r="BC26" s="102">
        <v>1</v>
      </c>
      <c r="BD26" s="103">
        <v>22</v>
      </c>
      <c r="BE26" s="104">
        <v>41</v>
      </c>
      <c r="BF26" s="101">
        <v>7</v>
      </c>
      <c r="BG26" s="102">
        <v>6</v>
      </c>
      <c r="BH26" s="103">
        <v>13</v>
      </c>
      <c r="BI26" s="413">
        <v>0</v>
      </c>
      <c r="BJ26" s="102">
        <v>9</v>
      </c>
      <c r="BK26" s="102">
        <v>7</v>
      </c>
      <c r="BL26" s="102">
        <v>5</v>
      </c>
      <c r="BM26" s="102">
        <v>5</v>
      </c>
      <c r="BN26" s="102">
        <v>3</v>
      </c>
      <c r="BO26" s="103">
        <v>29</v>
      </c>
      <c r="BP26" s="104">
        <v>42</v>
      </c>
      <c r="BQ26" s="101">
        <v>3</v>
      </c>
      <c r="BR26" s="102">
        <v>4</v>
      </c>
      <c r="BS26" s="103">
        <v>7</v>
      </c>
      <c r="BT26" s="413">
        <v>0</v>
      </c>
      <c r="BU26" s="102">
        <v>8</v>
      </c>
      <c r="BV26" s="102">
        <v>3</v>
      </c>
      <c r="BW26" s="102">
        <v>8</v>
      </c>
      <c r="BX26" s="102">
        <v>3</v>
      </c>
      <c r="BY26" s="102">
        <v>3</v>
      </c>
      <c r="BZ26" s="103">
        <v>25</v>
      </c>
      <c r="CA26" s="104">
        <v>32</v>
      </c>
      <c r="CB26" s="101">
        <v>0</v>
      </c>
      <c r="CC26" s="102">
        <v>0</v>
      </c>
      <c r="CD26" s="103">
        <v>0</v>
      </c>
      <c r="CE26" s="413">
        <v>0</v>
      </c>
      <c r="CF26" s="102">
        <v>0</v>
      </c>
      <c r="CG26" s="102">
        <v>0</v>
      </c>
      <c r="CH26" s="102">
        <v>0</v>
      </c>
      <c r="CI26" s="102">
        <v>0</v>
      </c>
      <c r="CJ26" s="102">
        <v>0</v>
      </c>
      <c r="CK26" s="103">
        <v>0</v>
      </c>
      <c r="CL26" s="104">
        <v>0</v>
      </c>
      <c r="CM26" s="101">
        <v>28</v>
      </c>
      <c r="CN26" s="102">
        <v>24</v>
      </c>
      <c r="CO26" s="103">
        <v>52</v>
      </c>
      <c r="CP26" s="413">
        <v>0</v>
      </c>
      <c r="CQ26" s="102">
        <v>27</v>
      </c>
      <c r="CR26" s="102">
        <v>26</v>
      </c>
      <c r="CS26" s="102">
        <v>26</v>
      </c>
      <c r="CT26" s="102">
        <v>11</v>
      </c>
      <c r="CU26" s="102">
        <v>12</v>
      </c>
      <c r="CV26" s="103">
        <v>102</v>
      </c>
      <c r="CW26" s="104">
        <v>154</v>
      </c>
      <c r="CX26" s="105">
        <v>7</v>
      </c>
      <c r="CY26" s="97">
        <v>8</v>
      </c>
      <c r="CZ26" s="98">
        <v>15</v>
      </c>
      <c r="DA26" s="413">
        <v>0</v>
      </c>
      <c r="DB26" s="97">
        <v>13</v>
      </c>
      <c r="DC26" s="97">
        <v>11</v>
      </c>
      <c r="DD26" s="97">
        <v>2</v>
      </c>
      <c r="DE26" s="97">
        <v>3</v>
      </c>
      <c r="DF26" s="97">
        <v>6</v>
      </c>
      <c r="DG26" s="99">
        <v>35</v>
      </c>
      <c r="DH26" s="100">
        <v>50</v>
      </c>
      <c r="DI26" s="101">
        <v>0</v>
      </c>
      <c r="DJ26" s="102">
        <v>0</v>
      </c>
      <c r="DK26" s="103">
        <v>0</v>
      </c>
      <c r="DL26" s="413">
        <v>0</v>
      </c>
      <c r="DM26" s="102">
        <v>0</v>
      </c>
      <c r="DN26" s="102">
        <v>0</v>
      </c>
      <c r="DO26" s="102">
        <v>0</v>
      </c>
      <c r="DP26" s="102">
        <v>0</v>
      </c>
      <c r="DQ26" s="102">
        <v>0</v>
      </c>
      <c r="DR26" s="103">
        <v>0</v>
      </c>
      <c r="DS26" s="104">
        <v>0</v>
      </c>
      <c r="DT26" s="101">
        <v>1</v>
      </c>
      <c r="DU26" s="102">
        <v>0</v>
      </c>
      <c r="DV26" s="103">
        <v>1</v>
      </c>
      <c r="DW26" s="413">
        <v>0</v>
      </c>
      <c r="DX26" s="102">
        <v>1</v>
      </c>
      <c r="DY26" s="102">
        <v>1</v>
      </c>
      <c r="DZ26" s="102">
        <v>1</v>
      </c>
      <c r="EA26" s="102">
        <v>0</v>
      </c>
      <c r="EB26" s="102">
        <v>0</v>
      </c>
      <c r="EC26" s="103">
        <v>3</v>
      </c>
      <c r="ED26" s="104">
        <v>4</v>
      </c>
      <c r="EE26" s="101">
        <v>1</v>
      </c>
      <c r="EF26" s="102">
        <v>0</v>
      </c>
      <c r="EG26" s="103">
        <v>1</v>
      </c>
      <c r="EH26" s="413">
        <v>0</v>
      </c>
      <c r="EI26" s="102">
        <v>1</v>
      </c>
      <c r="EJ26" s="102">
        <v>0</v>
      </c>
      <c r="EK26" s="102">
        <v>0</v>
      </c>
      <c r="EL26" s="102">
        <v>0</v>
      </c>
      <c r="EM26" s="102">
        <v>1</v>
      </c>
      <c r="EN26" s="103">
        <v>2</v>
      </c>
      <c r="EO26" s="104">
        <v>3</v>
      </c>
      <c r="EP26" s="101">
        <v>4</v>
      </c>
      <c r="EQ26" s="102">
        <v>4</v>
      </c>
      <c r="ER26" s="103">
        <v>8</v>
      </c>
      <c r="ES26" s="413">
        <v>0</v>
      </c>
      <c r="ET26" s="102">
        <v>1</v>
      </c>
      <c r="EU26" s="102">
        <v>4</v>
      </c>
      <c r="EV26" s="102">
        <v>0</v>
      </c>
      <c r="EW26" s="102">
        <v>0</v>
      </c>
      <c r="EX26" s="102">
        <v>1</v>
      </c>
      <c r="EY26" s="103">
        <v>6</v>
      </c>
      <c r="EZ26" s="104">
        <v>14</v>
      </c>
      <c r="FA26" s="101">
        <v>1</v>
      </c>
      <c r="FB26" s="102">
        <v>1</v>
      </c>
      <c r="FC26" s="103">
        <v>2</v>
      </c>
      <c r="FD26" s="413">
        <v>0</v>
      </c>
      <c r="FE26" s="102">
        <v>1</v>
      </c>
      <c r="FF26" s="102">
        <v>0</v>
      </c>
      <c r="FG26" s="102">
        <v>1</v>
      </c>
      <c r="FH26" s="102">
        <v>1</v>
      </c>
      <c r="FI26" s="102">
        <v>1</v>
      </c>
      <c r="FJ26" s="103">
        <v>4</v>
      </c>
      <c r="FK26" s="104">
        <v>6</v>
      </c>
      <c r="FL26" s="101">
        <v>0</v>
      </c>
      <c r="FM26" s="102">
        <v>3</v>
      </c>
      <c r="FN26" s="103">
        <v>3</v>
      </c>
      <c r="FO26" s="413">
        <v>0</v>
      </c>
      <c r="FP26" s="102">
        <v>9</v>
      </c>
      <c r="FQ26" s="102">
        <v>6</v>
      </c>
      <c r="FR26" s="102">
        <v>0</v>
      </c>
      <c r="FS26" s="102">
        <v>2</v>
      </c>
      <c r="FT26" s="102">
        <v>3</v>
      </c>
      <c r="FU26" s="103">
        <v>20</v>
      </c>
      <c r="FV26" s="104">
        <v>23</v>
      </c>
      <c r="FW26" s="101">
        <v>0</v>
      </c>
      <c r="FX26" s="102">
        <v>0</v>
      </c>
      <c r="FY26" s="103">
        <v>0</v>
      </c>
      <c r="FZ26" s="413">
        <v>0</v>
      </c>
      <c r="GA26" s="102">
        <v>0</v>
      </c>
      <c r="GB26" s="102">
        <v>0</v>
      </c>
      <c r="GC26" s="102">
        <v>0</v>
      </c>
      <c r="GD26" s="102">
        <v>0</v>
      </c>
      <c r="GE26" s="102">
        <v>0</v>
      </c>
      <c r="GF26" s="103">
        <v>0</v>
      </c>
      <c r="GG26" s="104">
        <v>0</v>
      </c>
      <c r="GH26" s="101">
        <v>7</v>
      </c>
      <c r="GI26" s="102">
        <v>8</v>
      </c>
      <c r="GJ26" s="103">
        <v>15</v>
      </c>
      <c r="GK26" s="413">
        <v>0</v>
      </c>
      <c r="GL26" s="102">
        <v>13</v>
      </c>
      <c r="GM26" s="102">
        <v>11</v>
      </c>
      <c r="GN26" s="102">
        <v>2</v>
      </c>
      <c r="GO26" s="102">
        <v>3</v>
      </c>
      <c r="GP26" s="102">
        <v>6</v>
      </c>
      <c r="GQ26" s="103">
        <v>35</v>
      </c>
      <c r="GR26" s="104">
        <v>50</v>
      </c>
      <c r="GS26" s="105">
        <v>35</v>
      </c>
      <c r="GT26" s="97">
        <v>32</v>
      </c>
      <c r="GU26" s="98">
        <v>67</v>
      </c>
      <c r="GV26" s="413">
        <v>0</v>
      </c>
      <c r="GW26" s="97">
        <v>40</v>
      </c>
      <c r="GX26" s="97">
        <v>37</v>
      </c>
      <c r="GY26" s="97">
        <v>28</v>
      </c>
      <c r="GZ26" s="97">
        <v>14</v>
      </c>
      <c r="HA26" s="97">
        <v>18</v>
      </c>
      <c r="HB26" s="99">
        <v>137</v>
      </c>
      <c r="HC26" s="100">
        <v>204</v>
      </c>
      <c r="HD26" s="101">
        <v>1</v>
      </c>
      <c r="HE26" s="102">
        <v>2</v>
      </c>
      <c r="HF26" s="103">
        <v>3</v>
      </c>
      <c r="HG26" s="413">
        <v>0</v>
      </c>
      <c r="HH26" s="102">
        <v>0</v>
      </c>
      <c r="HI26" s="102">
        <v>0</v>
      </c>
      <c r="HJ26" s="102">
        <v>0</v>
      </c>
      <c r="HK26" s="102">
        <v>0</v>
      </c>
      <c r="HL26" s="102">
        <v>0</v>
      </c>
      <c r="HM26" s="103">
        <v>0</v>
      </c>
      <c r="HN26" s="104">
        <v>3</v>
      </c>
      <c r="HO26" s="101">
        <v>2</v>
      </c>
      <c r="HP26" s="102">
        <v>1</v>
      </c>
      <c r="HQ26" s="103">
        <v>3</v>
      </c>
      <c r="HR26" s="413">
        <v>0</v>
      </c>
      <c r="HS26" s="102">
        <v>2</v>
      </c>
      <c r="HT26" s="102">
        <v>5</v>
      </c>
      <c r="HU26" s="102">
        <v>5</v>
      </c>
      <c r="HV26" s="102">
        <v>0</v>
      </c>
      <c r="HW26" s="102">
        <v>1</v>
      </c>
      <c r="HX26" s="103">
        <v>13</v>
      </c>
      <c r="HY26" s="104">
        <v>16</v>
      </c>
      <c r="HZ26" s="101">
        <v>8</v>
      </c>
      <c r="IA26" s="102">
        <v>1</v>
      </c>
      <c r="IB26" s="103">
        <v>9</v>
      </c>
      <c r="IC26" s="413">
        <v>0</v>
      </c>
      <c r="ID26" s="102">
        <v>5</v>
      </c>
      <c r="IE26" s="102">
        <v>5</v>
      </c>
      <c r="IF26" s="102">
        <v>3</v>
      </c>
      <c r="IG26" s="102">
        <v>0</v>
      </c>
      <c r="IH26" s="102">
        <v>5</v>
      </c>
      <c r="II26" s="103">
        <v>18</v>
      </c>
      <c r="IJ26" s="104">
        <v>27</v>
      </c>
      <c r="IK26" s="101">
        <v>13</v>
      </c>
      <c r="IL26" s="102">
        <v>14</v>
      </c>
      <c r="IM26" s="103">
        <v>27</v>
      </c>
      <c r="IN26" s="413">
        <v>0</v>
      </c>
      <c r="IO26" s="102">
        <v>6</v>
      </c>
      <c r="IP26" s="102">
        <v>11</v>
      </c>
      <c r="IQ26" s="102">
        <v>6</v>
      </c>
      <c r="IR26" s="102">
        <v>3</v>
      </c>
      <c r="IS26" s="102">
        <v>2</v>
      </c>
      <c r="IT26" s="103">
        <v>28</v>
      </c>
      <c r="IU26" s="104">
        <v>55</v>
      </c>
      <c r="IV26" s="101">
        <v>8</v>
      </c>
      <c r="IW26" s="102">
        <v>7</v>
      </c>
      <c r="IX26" s="103">
        <v>15</v>
      </c>
      <c r="IY26" s="413">
        <v>0</v>
      </c>
      <c r="IZ26" s="102">
        <v>10</v>
      </c>
      <c r="JA26" s="102">
        <v>7</v>
      </c>
      <c r="JB26" s="102">
        <v>6</v>
      </c>
      <c r="JC26" s="102">
        <v>6</v>
      </c>
      <c r="JD26" s="102">
        <v>4</v>
      </c>
      <c r="JE26" s="103">
        <v>33</v>
      </c>
      <c r="JF26" s="104">
        <v>48</v>
      </c>
      <c r="JG26" s="101">
        <v>3</v>
      </c>
      <c r="JH26" s="102">
        <v>7</v>
      </c>
      <c r="JI26" s="103">
        <v>10</v>
      </c>
      <c r="JJ26" s="413">
        <v>0</v>
      </c>
      <c r="JK26" s="102">
        <v>17</v>
      </c>
      <c r="JL26" s="102">
        <v>9</v>
      </c>
      <c r="JM26" s="102">
        <v>8</v>
      </c>
      <c r="JN26" s="102">
        <v>5</v>
      </c>
      <c r="JO26" s="102">
        <v>6</v>
      </c>
      <c r="JP26" s="103">
        <v>45</v>
      </c>
      <c r="JQ26" s="104">
        <v>55</v>
      </c>
      <c r="JR26" s="101">
        <v>0</v>
      </c>
      <c r="JS26" s="102">
        <v>0</v>
      </c>
      <c r="JT26" s="103">
        <v>0</v>
      </c>
      <c r="JU26" s="413">
        <v>0</v>
      </c>
      <c r="JV26" s="102">
        <v>0</v>
      </c>
      <c r="JW26" s="102">
        <v>0</v>
      </c>
      <c r="JX26" s="102">
        <v>0</v>
      </c>
      <c r="JY26" s="102">
        <v>0</v>
      </c>
      <c r="JZ26" s="102">
        <v>0</v>
      </c>
      <c r="KA26" s="103">
        <v>0</v>
      </c>
      <c r="KB26" s="104">
        <v>0</v>
      </c>
      <c r="KC26" s="101">
        <v>35</v>
      </c>
      <c r="KD26" s="102">
        <v>32</v>
      </c>
      <c r="KE26" s="103">
        <v>67</v>
      </c>
      <c r="KF26" s="413">
        <v>0</v>
      </c>
      <c r="KG26" s="102">
        <v>40</v>
      </c>
      <c r="KH26" s="102">
        <v>37</v>
      </c>
      <c r="KI26" s="102">
        <v>28</v>
      </c>
      <c r="KJ26" s="102">
        <v>14</v>
      </c>
      <c r="KK26" s="102">
        <v>18</v>
      </c>
      <c r="KL26" s="103">
        <v>137</v>
      </c>
      <c r="KM26" s="104">
        <v>204</v>
      </c>
    </row>
    <row r="27" spans="2:299" s="70" customFormat="1" ht="21" customHeight="1" x14ac:dyDescent="0.2">
      <c r="B27" s="106" t="s">
        <v>24</v>
      </c>
      <c r="C27" s="96">
        <v>33</v>
      </c>
      <c r="D27" s="97">
        <v>20</v>
      </c>
      <c r="E27" s="98">
        <v>53</v>
      </c>
      <c r="F27" s="413">
        <v>0</v>
      </c>
      <c r="G27" s="97">
        <v>31</v>
      </c>
      <c r="H27" s="97">
        <v>22</v>
      </c>
      <c r="I27" s="97">
        <v>13</v>
      </c>
      <c r="J27" s="97">
        <v>12</v>
      </c>
      <c r="K27" s="97">
        <v>12</v>
      </c>
      <c r="L27" s="99">
        <v>90</v>
      </c>
      <c r="M27" s="100">
        <v>143</v>
      </c>
      <c r="N27" s="101">
        <v>0</v>
      </c>
      <c r="O27" s="102">
        <v>0</v>
      </c>
      <c r="P27" s="103">
        <v>0</v>
      </c>
      <c r="Q27" s="413">
        <v>0</v>
      </c>
      <c r="R27" s="102">
        <v>1</v>
      </c>
      <c r="S27" s="102">
        <v>0</v>
      </c>
      <c r="T27" s="102">
        <v>0</v>
      </c>
      <c r="U27" s="102">
        <v>0</v>
      </c>
      <c r="V27" s="102">
        <v>0</v>
      </c>
      <c r="W27" s="103">
        <v>1</v>
      </c>
      <c r="X27" s="104">
        <v>1</v>
      </c>
      <c r="Y27" s="101">
        <v>1</v>
      </c>
      <c r="Z27" s="102">
        <v>0</v>
      </c>
      <c r="AA27" s="103">
        <v>1</v>
      </c>
      <c r="AB27" s="413">
        <v>0</v>
      </c>
      <c r="AC27" s="102">
        <v>2</v>
      </c>
      <c r="AD27" s="102">
        <v>0</v>
      </c>
      <c r="AE27" s="102">
        <v>2</v>
      </c>
      <c r="AF27" s="102">
        <v>3</v>
      </c>
      <c r="AG27" s="102">
        <v>1</v>
      </c>
      <c r="AH27" s="103">
        <v>8</v>
      </c>
      <c r="AI27" s="104">
        <v>9</v>
      </c>
      <c r="AJ27" s="101">
        <v>2</v>
      </c>
      <c r="AK27" s="102">
        <v>2</v>
      </c>
      <c r="AL27" s="103">
        <v>4</v>
      </c>
      <c r="AM27" s="413">
        <v>0</v>
      </c>
      <c r="AN27" s="102">
        <v>5</v>
      </c>
      <c r="AO27" s="102">
        <v>1</v>
      </c>
      <c r="AP27" s="102">
        <v>1</v>
      </c>
      <c r="AQ27" s="102">
        <v>0</v>
      </c>
      <c r="AR27" s="102">
        <v>1</v>
      </c>
      <c r="AS27" s="103">
        <v>8</v>
      </c>
      <c r="AT27" s="104">
        <v>12</v>
      </c>
      <c r="AU27" s="101">
        <v>9</v>
      </c>
      <c r="AV27" s="102">
        <v>6</v>
      </c>
      <c r="AW27" s="103">
        <v>15</v>
      </c>
      <c r="AX27" s="413">
        <v>0</v>
      </c>
      <c r="AY27" s="102">
        <v>8</v>
      </c>
      <c r="AZ27" s="102">
        <v>4</v>
      </c>
      <c r="BA27" s="102">
        <v>2</v>
      </c>
      <c r="BB27" s="102">
        <v>1</v>
      </c>
      <c r="BC27" s="102">
        <v>3</v>
      </c>
      <c r="BD27" s="103">
        <v>18</v>
      </c>
      <c r="BE27" s="104">
        <v>33</v>
      </c>
      <c r="BF27" s="101">
        <v>14</v>
      </c>
      <c r="BG27" s="102">
        <v>5</v>
      </c>
      <c r="BH27" s="103">
        <v>19</v>
      </c>
      <c r="BI27" s="413">
        <v>0</v>
      </c>
      <c r="BJ27" s="102">
        <v>7</v>
      </c>
      <c r="BK27" s="102">
        <v>10</v>
      </c>
      <c r="BL27" s="102">
        <v>3</v>
      </c>
      <c r="BM27" s="102">
        <v>0</v>
      </c>
      <c r="BN27" s="102">
        <v>3</v>
      </c>
      <c r="BO27" s="103">
        <v>23</v>
      </c>
      <c r="BP27" s="104">
        <v>42</v>
      </c>
      <c r="BQ27" s="101">
        <v>7</v>
      </c>
      <c r="BR27" s="102">
        <v>7</v>
      </c>
      <c r="BS27" s="103">
        <v>14</v>
      </c>
      <c r="BT27" s="413">
        <v>0</v>
      </c>
      <c r="BU27" s="102">
        <v>8</v>
      </c>
      <c r="BV27" s="102">
        <v>7</v>
      </c>
      <c r="BW27" s="102">
        <v>5</v>
      </c>
      <c r="BX27" s="102">
        <v>8</v>
      </c>
      <c r="BY27" s="102">
        <v>4</v>
      </c>
      <c r="BZ27" s="103">
        <v>32</v>
      </c>
      <c r="CA27" s="104">
        <v>46</v>
      </c>
      <c r="CB27" s="101">
        <v>0</v>
      </c>
      <c r="CC27" s="102">
        <v>0</v>
      </c>
      <c r="CD27" s="103">
        <v>0</v>
      </c>
      <c r="CE27" s="413">
        <v>0</v>
      </c>
      <c r="CF27" s="102">
        <v>0</v>
      </c>
      <c r="CG27" s="102">
        <v>0</v>
      </c>
      <c r="CH27" s="102">
        <v>0</v>
      </c>
      <c r="CI27" s="102">
        <v>0</v>
      </c>
      <c r="CJ27" s="102">
        <v>0</v>
      </c>
      <c r="CK27" s="103">
        <v>0</v>
      </c>
      <c r="CL27" s="104">
        <v>0</v>
      </c>
      <c r="CM27" s="101">
        <v>33</v>
      </c>
      <c r="CN27" s="102">
        <v>20</v>
      </c>
      <c r="CO27" s="103">
        <v>53</v>
      </c>
      <c r="CP27" s="413">
        <v>0</v>
      </c>
      <c r="CQ27" s="102">
        <v>31</v>
      </c>
      <c r="CR27" s="102">
        <v>22</v>
      </c>
      <c r="CS27" s="102">
        <v>13</v>
      </c>
      <c r="CT27" s="102">
        <v>12</v>
      </c>
      <c r="CU27" s="102">
        <v>12</v>
      </c>
      <c r="CV27" s="103">
        <v>90</v>
      </c>
      <c r="CW27" s="104">
        <v>143</v>
      </c>
      <c r="CX27" s="105">
        <v>11</v>
      </c>
      <c r="CY27" s="97">
        <v>6</v>
      </c>
      <c r="CZ27" s="98">
        <v>17</v>
      </c>
      <c r="DA27" s="413">
        <v>0</v>
      </c>
      <c r="DB27" s="97">
        <v>14</v>
      </c>
      <c r="DC27" s="97">
        <v>7</v>
      </c>
      <c r="DD27" s="97">
        <v>3</v>
      </c>
      <c r="DE27" s="97">
        <v>3</v>
      </c>
      <c r="DF27" s="97">
        <v>8</v>
      </c>
      <c r="DG27" s="99">
        <v>35</v>
      </c>
      <c r="DH27" s="100">
        <v>52</v>
      </c>
      <c r="DI27" s="101">
        <v>0</v>
      </c>
      <c r="DJ27" s="102">
        <v>0</v>
      </c>
      <c r="DK27" s="103">
        <v>0</v>
      </c>
      <c r="DL27" s="413">
        <v>0</v>
      </c>
      <c r="DM27" s="102">
        <v>0</v>
      </c>
      <c r="DN27" s="102">
        <v>0</v>
      </c>
      <c r="DO27" s="102">
        <v>0</v>
      </c>
      <c r="DP27" s="102">
        <v>0</v>
      </c>
      <c r="DQ27" s="102">
        <v>0</v>
      </c>
      <c r="DR27" s="103">
        <v>0</v>
      </c>
      <c r="DS27" s="104">
        <v>0</v>
      </c>
      <c r="DT27" s="101">
        <v>0</v>
      </c>
      <c r="DU27" s="102">
        <v>1</v>
      </c>
      <c r="DV27" s="103">
        <v>1</v>
      </c>
      <c r="DW27" s="413">
        <v>0</v>
      </c>
      <c r="DX27" s="102">
        <v>0</v>
      </c>
      <c r="DY27" s="102">
        <v>0</v>
      </c>
      <c r="DZ27" s="102">
        <v>0</v>
      </c>
      <c r="EA27" s="102">
        <v>0</v>
      </c>
      <c r="EB27" s="102">
        <v>0</v>
      </c>
      <c r="EC27" s="103">
        <v>0</v>
      </c>
      <c r="ED27" s="104">
        <v>1</v>
      </c>
      <c r="EE27" s="101">
        <v>3</v>
      </c>
      <c r="EF27" s="102">
        <v>0</v>
      </c>
      <c r="EG27" s="103">
        <v>3</v>
      </c>
      <c r="EH27" s="413">
        <v>0</v>
      </c>
      <c r="EI27" s="102">
        <v>1</v>
      </c>
      <c r="EJ27" s="102">
        <v>0</v>
      </c>
      <c r="EK27" s="102">
        <v>1</v>
      </c>
      <c r="EL27" s="102">
        <v>0</v>
      </c>
      <c r="EM27" s="102">
        <v>0</v>
      </c>
      <c r="EN27" s="103">
        <v>2</v>
      </c>
      <c r="EO27" s="104">
        <v>5</v>
      </c>
      <c r="EP27" s="101">
        <v>3</v>
      </c>
      <c r="EQ27" s="102">
        <v>1</v>
      </c>
      <c r="ER27" s="103">
        <v>4</v>
      </c>
      <c r="ES27" s="413">
        <v>0</v>
      </c>
      <c r="ET27" s="102">
        <v>2</v>
      </c>
      <c r="EU27" s="102">
        <v>0</v>
      </c>
      <c r="EV27" s="102">
        <v>0</v>
      </c>
      <c r="EW27" s="102">
        <v>2</v>
      </c>
      <c r="EX27" s="102">
        <v>0</v>
      </c>
      <c r="EY27" s="103">
        <v>4</v>
      </c>
      <c r="EZ27" s="104">
        <v>8</v>
      </c>
      <c r="FA27" s="101">
        <v>2</v>
      </c>
      <c r="FB27" s="102">
        <v>3</v>
      </c>
      <c r="FC27" s="103">
        <v>5</v>
      </c>
      <c r="FD27" s="413">
        <v>0</v>
      </c>
      <c r="FE27" s="102">
        <v>9</v>
      </c>
      <c r="FF27" s="102">
        <v>3</v>
      </c>
      <c r="FG27" s="102">
        <v>1</v>
      </c>
      <c r="FH27" s="102">
        <v>0</v>
      </c>
      <c r="FI27" s="102">
        <v>3</v>
      </c>
      <c r="FJ27" s="103">
        <v>16</v>
      </c>
      <c r="FK27" s="104">
        <v>21</v>
      </c>
      <c r="FL27" s="101">
        <v>3</v>
      </c>
      <c r="FM27" s="102">
        <v>1</v>
      </c>
      <c r="FN27" s="103">
        <v>4</v>
      </c>
      <c r="FO27" s="413">
        <v>0</v>
      </c>
      <c r="FP27" s="102">
        <v>2</v>
      </c>
      <c r="FQ27" s="102">
        <v>4</v>
      </c>
      <c r="FR27" s="102">
        <v>1</v>
      </c>
      <c r="FS27" s="102">
        <v>1</v>
      </c>
      <c r="FT27" s="102">
        <v>5</v>
      </c>
      <c r="FU27" s="103">
        <v>13</v>
      </c>
      <c r="FV27" s="104">
        <v>17</v>
      </c>
      <c r="FW27" s="101">
        <v>0</v>
      </c>
      <c r="FX27" s="102">
        <v>0</v>
      </c>
      <c r="FY27" s="103">
        <v>0</v>
      </c>
      <c r="FZ27" s="413">
        <v>0</v>
      </c>
      <c r="GA27" s="102">
        <v>0</v>
      </c>
      <c r="GB27" s="102">
        <v>0</v>
      </c>
      <c r="GC27" s="102">
        <v>0</v>
      </c>
      <c r="GD27" s="102">
        <v>0</v>
      </c>
      <c r="GE27" s="102">
        <v>0</v>
      </c>
      <c r="GF27" s="103">
        <v>0</v>
      </c>
      <c r="GG27" s="104">
        <v>0</v>
      </c>
      <c r="GH27" s="101">
        <v>11</v>
      </c>
      <c r="GI27" s="102">
        <v>6</v>
      </c>
      <c r="GJ27" s="103">
        <v>17</v>
      </c>
      <c r="GK27" s="413">
        <v>0</v>
      </c>
      <c r="GL27" s="102">
        <v>14</v>
      </c>
      <c r="GM27" s="102">
        <v>7</v>
      </c>
      <c r="GN27" s="102">
        <v>3</v>
      </c>
      <c r="GO27" s="102">
        <v>3</v>
      </c>
      <c r="GP27" s="102">
        <v>8</v>
      </c>
      <c r="GQ27" s="103">
        <v>35</v>
      </c>
      <c r="GR27" s="104">
        <v>52</v>
      </c>
      <c r="GS27" s="105">
        <v>44</v>
      </c>
      <c r="GT27" s="97">
        <v>26</v>
      </c>
      <c r="GU27" s="98">
        <v>70</v>
      </c>
      <c r="GV27" s="413">
        <v>0</v>
      </c>
      <c r="GW27" s="97">
        <v>45</v>
      </c>
      <c r="GX27" s="97">
        <v>29</v>
      </c>
      <c r="GY27" s="97">
        <v>16</v>
      </c>
      <c r="GZ27" s="97">
        <v>15</v>
      </c>
      <c r="HA27" s="97">
        <v>20</v>
      </c>
      <c r="HB27" s="99">
        <v>125</v>
      </c>
      <c r="HC27" s="100">
        <v>195</v>
      </c>
      <c r="HD27" s="101">
        <v>0</v>
      </c>
      <c r="HE27" s="102">
        <v>0</v>
      </c>
      <c r="HF27" s="103">
        <v>0</v>
      </c>
      <c r="HG27" s="413">
        <v>0</v>
      </c>
      <c r="HH27" s="102">
        <v>1</v>
      </c>
      <c r="HI27" s="102">
        <v>0</v>
      </c>
      <c r="HJ27" s="102">
        <v>0</v>
      </c>
      <c r="HK27" s="102">
        <v>0</v>
      </c>
      <c r="HL27" s="102">
        <v>0</v>
      </c>
      <c r="HM27" s="103">
        <v>1</v>
      </c>
      <c r="HN27" s="104">
        <v>1</v>
      </c>
      <c r="HO27" s="101">
        <v>1</v>
      </c>
      <c r="HP27" s="102">
        <v>1</v>
      </c>
      <c r="HQ27" s="103">
        <v>2</v>
      </c>
      <c r="HR27" s="413">
        <v>0</v>
      </c>
      <c r="HS27" s="102">
        <v>2</v>
      </c>
      <c r="HT27" s="102">
        <v>0</v>
      </c>
      <c r="HU27" s="102">
        <v>2</v>
      </c>
      <c r="HV27" s="102">
        <v>3</v>
      </c>
      <c r="HW27" s="102">
        <v>1</v>
      </c>
      <c r="HX27" s="103">
        <v>8</v>
      </c>
      <c r="HY27" s="104">
        <v>10</v>
      </c>
      <c r="HZ27" s="101">
        <v>5</v>
      </c>
      <c r="IA27" s="102">
        <v>2</v>
      </c>
      <c r="IB27" s="103">
        <v>7</v>
      </c>
      <c r="IC27" s="413">
        <v>0</v>
      </c>
      <c r="ID27" s="102">
        <v>6</v>
      </c>
      <c r="IE27" s="102">
        <v>1</v>
      </c>
      <c r="IF27" s="102">
        <v>2</v>
      </c>
      <c r="IG27" s="102">
        <v>0</v>
      </c>
      <c r="IH27" s="102">
        <v>1</v>
      </c>
      <c r="II27" s="103">
        <v>10</v>
      </c>
      <c r="IJ27" s="104">
        <v>17</v>
      </c>
      <c r="IK27" s="101">
        <v>12</v>
      </c>
      <c r="IL27" s="102">
        <v>7</v>
      </c>
      <c r="IM27" s="103">
        <v>19</v>
      </c>
      <c r="IN27" s="413">
        <v>0</v>
      </c>
      <c r="IO27" s="102">
        <v>10</v>
      </c>
      <c r="IP27" s="102">
        <v>4</v>
      </c>
      <c r="IQ27" s="102">
        <v>2</v>
      </c>
      <c r="IR27" s="102">
        <v>3</v>
      </c>
      <c r="IS27" s="102">
        <v>3</v>
      </c>
      <c r="IT27" s="103">
        <v>22</v>
      </c>
      <c r="IU27" s="104">
        <v>41</v>
      </c>
      <c r="IV27" s="101">
        <v>16</v>
      </c>
      <c r="IW27" s="102">
        <v>8</v>
      </c>
      <c r="IX27" s="103">
        <v>24</v>
      </c>
      <c r="IY27" s="413">
        <v>0</v>
      </c>
      <c r="IZ27" s="102">
        <v>16</v>
      </c>
      <c r="JA27" s="102">
        <v>13</v>
      </c>
      <c r="JB27" s="102">
        <v>4</v>
      </c>
      <c r="JC27" s="102">
        <v>0</v>
      </c>
      <c r="JD27" s="102">
        <v>6</v>
      </c>
      <c r="JE27" s="103">
        <v>39</v>
      </c>
      <c r="JF27" s="104">
        <v>63</v>
      </c>
      <c r="JG27" s="101">
        <v>10</v>
      </c>
      <c r="JH27" s="102">
        <v>8</v>
      </c>
      <c r="JI27" s="103">
        <v>18</v>
      </c>
      <c r="JJ27" s="413">
        <v>0</v>
      </c>
      <c r="JK27" s="102">
        <v>10</v>
      </c>
      <c r="JL27" s="102">
        <v>11</v>
      </c>
      <c r="JM27" s="102">
        <v>6</v>
      </c>
      <c r="JN27" s="102">
        <v>9</v>
      </c>
      <c r="JO27" s="102">
        <v>9</v>
      </c>
      <c r="JP27" s="103">
        <v>45</v>
      </c>
      <c r="JQ27" s="104">
        <v>63</v>
      </c>
      <c r="JR27" s="101">
        <v>0</v>
      </c>
      <c r="JS27" s="102">
        <v>0</v>
      </c>
      <c r="JT27" s="103">
        <v>0</v>
      </c>
      <c r="JU27" s="413">
        <v>0</v>
      </c>
      <c r="JV27" s="102">
        <v>0</v>
      </c>
      <c r="JW27" s="102">
        <v>0</v>
      </c>
      <c r="JX27" s="102">
        <v>0</v>
      </c>
      <c r="JY27" s="102">
        <v>0</v>
      </c>
      <c r="JZ27" s="102">
        <v>0</v>
      </c>
      <c r="KA27" s="103">
        <v>0</v>
      </c>
      <c r="KB27" s="104">
        <v>0</v>
      </c>
      <c r="KC27" s="101">
        <v>44</v>
      </c>
      <c r="KD27" s="102">
        <v>26</v>
      </c>
      <c r="KE27" s="103">
        <v>70</v>
      </c>
      <c r="KF27" s="413">
        <v>0</v>
      </c>
      <c r="KG27" s="102">
        <v>45</v>
      </c>
      <c r="KH27" s="102">
        <v>29</v>
      </c>
      <c r="KI27" s="102">
        <v>16</v>
      </c>
      <c r="KJ27" s="102">
        <v>15</v>
      </c>
      <c r="KK27" s="102">
        <v>20</v>
      </c>
      <c r="KL27" s="103">
        <v>125</v>
      </c>
      <c r="KM27" s="104">
        <v>195</v>
      </c>
    </row>
    <row r="28" spans="2:299" s="70" customFormat="1" ht="21" customHeight="1" x14ac:dyDescent="0.2">
      <c r="B28" s="106" t="s">
        <v>25</v>
      </c>
      <c r="C28" s="96">
        <v>9</v>
      </c>
      <c r="D28" s="97">
        <v>13</v>
      </c>
      <c r="E28" s="98">
        <v>22</v>
      </c>
      <c r="F28" s="413">
        <v>0</v>
      </c>
      <c r="G28" s="97">
        <v>11</v>
      </c>
      <c r="H28" s="97">
        <v>17</v>
      </c>
      <c r="I28" s="97">
        <v>11</v>
      </c>
      <c r="J28" s="97">
        <v>8</v>
      </c>
      <c r="K28" s="97">
        <v>6</v>
      </c>
      <c r="L28" s="99">
        <v>53</v>
      </c>
      <c r="M28" s="100">
        <v>75</v>
      </c>
      <c r="N28" s="101">
        <v>0</v>
      </c>
      <c r="O28" s="102">
        <v>2</v>
      </c>
      <c r="P28" s="103">
        <v>2</v>
      </c>
      <c r="Q28" s="413">
        <v>0</v>
      </c>
      <c r="R28" s="102">
        <v>1</v>
      </c>
      <c r="S28" s="102">
        <v>2</v>
      </c>
      <c r="T28" s="102">
        <v>2</v>
      </c>
      <c r="U28" s="102">
        <v>1</v>
      </c>
      <c r="V28" s="102">
        <v>1</v>
      </c>
      <c r="W28" s="103">
        <v>7</v>
      </c>
      <c r="X28" s="104">
        <v>9</v>
      </c>
      <c r="Y28" s="101">
        <v>2</v>
      </c>
      <c r="Z28" s="102">
        <v>1</v>
      </c>
      <c r="AA28" s="103">
        <v>3</v>
      </c>
      <c r="AB28" s="413">
        <v>0</v>
      </c>
      <c r="AC28" s="102">
        <v>2</v>
      </c>
      <c r="AD28" s="102">
        <v>2</v>
      </c>
      <c r="AE28" s="102">
        <v>1</v>
      </c>
      <c r="AF28" s="102">
        <v>0</v>
      </c>
      <c r="AG28" s="102">
        <v>0</v>
      </c>
      <c r="AH28" s="103">
        <v>5</v>
      </c>
      <c r="AI28" s="104">
        <v>8</v>
      </c>
      <c r="AJ28" s="101">
        <v>1</v>
      </c>
      <c r="AK28" s="102">
        <v>2</v>
      </c>
      <c r="AL28" s="103">
        <v>3</v>
      </c>
      <c r="AM28" s="413">
        <v>0</v>
      </c>
      <c r="AN28" s="102">
        <v>1</v>
      </c>
      <c r="AO28" s="102">
        <v>3</v>
      </c>
      <c r="AP28" s="102">
        <v>1</v>
      </c>
      <c r="AQ28" s="102">
        <v>4</v>
      </c>
      <c r="AR28" s="102">
        <v>1</v>
      </c>
      <c r="AS28" s="103">
        <v>10</v>
      </c>
      <c r="AT28" s="104">
        <v>13</v>
      </c>
      <c r="AU28" s="101">
        <v>1</v>
      </c>
      <c r="AV28" s="102">
        <v>5</v>
      </c>
      <c r="AW28" s="103">
        <v>6</v>
      </c>
      <c r="AX28" s="413">
        <v>0</v>
      </c>
      <c r="AY28" s="102">
        <v>5</v>
      </c>
      <c r="AZ28" s="102">
        <v>4</v>
      </c>
      <c r="BA28" s="102">
        <v>2</v>
      </c>
      <c r="BB28" s="102">
        <v>1</v>
      </c>
      <c r="BC28" s="102">
        <v>1</v>
      </c>
      <c r="BD28" s="103">
        <v>13</v>
      </c>
      <c r="BE28" s="104">
        <v>19</v>
      </c>
      <c r="BF28" s="101">
        <v>2</v>
      </c>
      <c r="BG28" s="102">
        <v>1</v>
      </c>
      <c r="BH28" s="103">
        <v>3</v>
      </c>
      <c r="BI28" s="413">
        <v>0</v>
      </c>
      <c r="BJ28" s="102">
        <v>0</v>
      </c>
      <c r="BK28" s="102">
        <v>3</v>
      </c>
      <c r="BL28" s="102">
        <v>2</v>
      </c>
      <c r="BM28" s="102">
        <v>0</v>
      </c>
      <c r="BN28" s="102">
        <v>1</v>
      </c>
      <c r="BO28" s="103">
        <v>6</v>
      </c>
      <c r="BP28" s="104">
        <v>9</v>
      </c>
      <c r="BQ28" s="101">
        <v>3</v>
      </c>
      <c r="BR28" s="102">
        <v>2</v>
      </c>
      <c r="BS28" s="103">
        <v>5</v>
      </c>
      <c r="BT28" s="413">
        <v>0</v>
      </c>
      <c r="BU28" s="102">
        <v>2</v>
      </c>
      <c r="BV28" s="102">
        <v>3</v>
      </c>
      <c r="BW28" s="102">
        <v>3</v>
      </c>
      <c r="BX28" s="102">
        <v>2</v>
      </c>
      <c r="BY28" s="102">
        <v>2</v>
      </c>
      <c r="BZ28" s="103">
        <v>12</v>
      </c>
      <c r="CA28" s="104">
        <v>17</v>
      </c>
      <c r="CB28" s="101">
        <v>0</v>
      </c>
      <c r="CC28" s="102">
        <v>0</v>
      </c>
      <c r="CD28" s="103">
        <v>0</v>
      </c>
      <c r="CE28" s="413">
        <v>0</v>
      </c>
      <c r="CF28" s="102">
        <v>0</v>
      </c>
      <c r="CG28" s="102">
        <v>0</v>
      </c>
      <c r="CH28" s="102">
        <v>0</v>
      </c>
      <c r="CI28" s="102">
        <v>0</v>
      </c>
      <c r="CJ28" s="102">
        <v>0</v>
      </c>
      <c r="CK28" s="103">
        <v>0</v>
      </c>
      <c r="CL28" s="104">
        <v>0</v>
      </c>
      <c r="CM28" s="101">
        <v>9</v>
      </c>
      <c r="CN28" s="102">
        <v>13</v>
      </c>
      <c r="CO28" s="103">
        <v>22</v>
      </c>
      <c r="CP28" s="413">
        <v>0</v>
      </c>
      <c r="CQ28" s="102">
        <v>11</v>
      </c>
      <c r="CR28" s="102">
        <v>17</v>
      </c>
      <c r="CS28" s="102">
        <v>11</v>
      </c>
      <c r="CT28" s="102">
        <v>8</v>
      </c>
      <c r="CU28" s="102">
        <v>6</v>
      </c>
      <c r="CV28" s="103">
        <v>53</v>
      </c>
      <c r="CW28" s="104">
        <v>75</v>
      </c>
      <c r="CX28" s="105">
        <v>3</v>
      </c>
      <c r="CY28" s="97">
        <v>16</v>
      </c>
      <c r="CZ28" s="98">
        <v>19</v>
      </c>
      <c r="DA28" s="413">
        <v>0</v>
      </c>
      <c r="DB28" s="97">
        <v>4</v>
      </c>
      <c r="DC28" s="97">
        <v>6</v>
      </c>
      <c r="DD28" s="97">
        <v>2</v>
      </c>
      <c r="DE28" s="97">
        <v>5</v>
      </c>
      <c r="DF28" s="97">
        <v>3</v>
      </c>
      <c r="DG28" s="99">
        <v>20</v>
      </c>
      <c r="DH28" s="100">
        <v>39</v>
      </c>
      <c r="DI28" s="101">
        <v>0</v>
      </c>
      <c r="DJ28" s="102">
        <v>0</v>
      </c>
      <c r="DK28" s="103">
        <v>0</v>
      </c>
      <c r="DL28" s="413">
        <v>0</v>
      </c>
      <c r="DM28" s="102">
        <v>0</v>
      </c>
      <c r="DN28" s="102">
        <v>0</v>
      </c>
      <c r="DO28" s="102">
        <v>0</v>
      </c>
      <c r="DP28" s="102">
        <v>0</v>
      </c>
      <c r="DQ28" s="102">
        <v>0</v>
      </c>
      <c r="DR28" s="103">
        <v>0</v>
      </c>
      <c r="DS28" s="104">
        <v>0</v>
      </c>
      <c r="DT28" s="101">
        <v>0</v>
      </c>
      <c r="DU28" s="102">
        <v>0</v>
      </c>
      <c r="DV28" s="103">
        <v>0</v>
      </c>
      <c r="DW28" s="413">
        <v>0</v>
      </c>
      <c r="DX28" s="102">
        <v>1</v>
      </c>
      <c r="DY28" s="102">
        <v>1</v>
      </c>
      <c r="DZ28" s="102">
        <v>0</v>
      </c>
      <c r="EA28" s="102">
        <v>0</v>
      </c>
      <c r="EB28" s="102">
        <v>1</v>
      </c>
      <c r="EC28" s="103">
        <v>3</v>
      </c>
      <c r="ED28" s="104">
        <v>3</v>
      </c>
      <c r="EE28" s="101">
        <v>0</v>
      </c>
      <c r="EF28" s="102">
        <v>1</v>
      </c>
      <c r="EG28" s="103">
        <v>1</v>
      </c>
      <c r="EH28" s="413">
        <v>0</v>
      </c>
      <c r="EI28" s="102">
        <v>0</v>
      </c>
      <c r="EJ28" s="102">
        <v>0</v>
      </c>
      <c r="EK28" s="102">
        <v>0</v>
      </c>
      <c r="EL28" s="102">
        <v>0</v>
      </c>
      <c r="EM28" s="102">
        <v>0</v>
      </c>
      <c r="EN28" s="103">
        <v>0</v>
      </c>
      <c r="EO28" s="104">
        <v>1</v>
      </c>
      <c r="EP28" s="101">
        <v>1</v>
      </c>
      <c r="EQ28" s="102">
        <v>4</v>
      </c>
      <c r="ER28" s="103">
        <v>5</v>
      </c>
      <c r="ES28" s="413">
        <v>0</v>
      </c>
      <c r="ET28" s="102">
        <v>0</v>
      </c>
      <c r="EU28" s="102">
        <v>1</v>
      </c>
      <c r="EV28" s="102">
        <v>1</v>
      </c>
      <c r="EW28" s="102">
        <v>0</v>
      </c>
      <c r="EX28" s="102">
        <v>0</v>
      </c>
      <c r="EY28" s="103">
        <v>2</v>
      </c>
      <c r="EZ28" s="104">
        <v>7</v>
      </c>
      <c r="FA28" s="101">
        <v>1</v>
      </c>
      <c r="FB28" s="102">
        <v>3</v>
      </c>
      <c r="FC28" s="103">
        <v>4</v>
      </c>
      <c r="FD28" s="413">
        <v>0</v>
      </c>
      <c r="FE28" s="102">
        <v>2</v>
      </c>
      <c r="FF28" s="102">
        <v>1</v>
      </c>
      <c r="FG28" s="102">
        <v>0</v>
      </c>
      <c r="FH28" s="102">
        <v>0</v>
      </c>
      <c r="FI28" s="102">
        <v>1</v>
      </c>
      <c r="FJ28" s="103">
        <v>4</v>
      </c>
      <c r="FK28" s="104">
        <v>8</v>
      </c>
      <c r="FL28" s="101">
        <v>1</v>
      </c>
      <c r="FM28" s="102">
        <v>8</v>
      </c>
      <c r="FN28" s="103">
        <v>9</v>
      </c>
      <c r="FO28" s="413">
        <v>0</v>
      </c>
      <c r="FP28" s="102">
        <v>1</v>
      </c>
      <c r="FQ28" s="102">
        <v>3</v>
      </c>
      <c r="FR28" s="102">
        <v>1</v>
      </c>
      <c r="FS28" s="102">
        <v>5</v>
      </c>
      <c r="FT28" s="102">
        <v>1</v>
      </c>
      <c r="FU28" s="103">
        <v>11</v>
      </c>
      <c r="FV28" s="104">
        <v>20</v>
      </c>
      <c r="FW28" s="101">
        <v>0</v>
      </c>
      <c r="FX28" s="102">
        <v>0</v>
      </c>
      <c r="FY28" s="103">
        <v>0</v>
      </c>
      <c r="FZ28" s="413">
        <v>0</v>
      </c>
      <c r="GA28" s="102">
        <v>0</v>
      </c>
      <c r="GB28" s="102">
        <v>0</v>
      </c>
      <c r="GC28" s="102">
        <v>0</v>
      </c>
      <c r="GD28" s="102">
        <v>0</v>
      </c>
      <c r="GE28" s="102">
        <v>0</v>
      </c>
      <c r="GF28" s="103">
        <v>0</v>
      </c>
      <c r="GG28" s="104">
        <v>0</v>
      </c>
      <c r="GH28" s="101">
        <v>3</v>
      </c>
      <c r="GI28" s="102">
        <v>16</v>
      </c>
      <c r="GJ28" s="103">
        <v>19</v>
      </c>
      <c r="GK28" s="413">
        <v>0</v>
      </c>
      <c r="GL28" s="102">
        <v>4</v>
      </c>
      <c r="GM28" s="102">
        <v>6</v>
      </c>
      <c r="GN28" s="102">
        <v>2</v>
      </c>
      <c r="GO28" s="102">
        <v>5</v>
      </c>
      <c r="GP28" s="102">
        <v>3</v>
      </c>
      <c r="GQ28" s="103">
        <v>20</v>
      </c>
      <c r="GR28" s="104">
        <v>39</v>
      </c>
      <c r="GS28" s="105">
        <v>12</v>
      </c>
      <c r="GT28" s="97">
        <v>29</v>
      </c>
      <c r="GU28" s="98">
        <v>41</v>
      </c>
      <c r="GV28" s="413">
        <v>0</v>
      </c>
      <c r="GW28" s="97">
        <v>15</v>
      </c>
      <c r="GX28" s="97">
        <v>23</v>
      </c>
      <c r="GY28" s="97">
        <v>13</v>
      </c>
      <c r="GZ28" s="97">
        <v>13</v>
      </c>
      <c r="HA28" s="97">
        <v>9</v>
      </c>
      <c r="HB28" s="99">
        <v>73</v>
      </c>
      <c r="HC28" s="100">
        <v>114</v>
      </c>
      <c r="HD28" s="101">
        <v>0</v>
      </c>
      <c r="HE28" s="102">
        <v>2</v>
      </c>
      <c r="HF28" s="103">
        <v>2</v>
      </c>
      <c r="HG28" s="413">
        <v>0</v>
      </c>
      <c r="HH28" s="102">
        <v>1</v>
      </c>
      <c r="HI28" s="102">
        <v>2</v>
      </c>
      <c r="HJ28" s="102">
        <v>2</v>
      </c>
      <c r="HK28" s="102">
        <v>1</v>
      </c>
      <c r="HL28" s="102">
        <v>1</v>
      </c>
      <c r="HM28" s="103">
        <v>7</v>
      </c>
      <c r="HN28" s="104">
        <v>9</v>
      </c>
      <c r="HO28" s="101">
        <v>2</v>
      </c>
      <c r="HP28" s="102">
        <v>1</v>
      </c>
      <c r="HQ28" s="103">
        <v>3</v>
      </c>
      <c r="HR28" s="413">
        <v>0</v>
      </c>
      <c r="HS28" s="102">
        <v>3</v>
      </c>
      <c r="HT28" s="102">
        <v>3</v>
      </c>
      <c r="HU28" s="102">
        <v>1</v>
      </c>
      <c r="HV28" s="102">
        <v>0</v>
      </c>
      <c r="HW28" s="102">
        <v>1</v>
      </c>
      <c r="HX28" s="103">
        <v>8</v>
      </c>
      <c r="HY28" s="104">
        <v>11</v>
      </c>
      <c r="HZ28" s="101">
        <v>1</v>
      </c>
      <c r="IA28" s="102">
        <v>3</v>
      </c>
      <c r="IB28" s="103">
        <v>4</v>
      </c>
      <c r="IC28" s="413">
        <v>0</v>
      </c>
      <c r="ID28" s="102">
        <v>1</v>
      </c>
      <c r="IE28" s="102">
        <v>3</v>
      </c>
      <c r="IF28" s="102">
        <v>1</v>
      </c>
      <c r="IG28" s="102">
        <v>4</v>
      </c>
      <c r="IH28" s="102">
        <v>1</v>
      </c>
      <c r="II28" s="103">
        <v>10</v>
      </c>
      <c r="IJ28" s="104">
        <v>14</v>
      </c>
      <c r="IK28" s="101">
        <v>2</v>
      </c>
      <c r="IL28" s="102">
        <v>9</v>
      </c>
      <c r="IM28" s="103">
        <v>11</v>
      </c>
      <c r="IN28" s="413">
        <v>0</v>
      </c>
      <c r="IO28" s="102">
        <v>5</v>
      </c>
      <c r="IP28" s="102">
        <v>5</v>
      </c>
      <c r="IQ28" s="102">
        <v>3</v>
      </c>
      <c r="IR28" s="102">
        <v>1</v>
      </c>
      <c r="IS28" s="102">
        <v>1</v>
      </c>
      <c r="IT28" s="103">
        <v>15</v>
      </c>
      <c r="IU28" s="104">
        <v>26</v>
      </c>
      <c r="IV28" s="101">
        <v>3</v>
      </c>
      <c r="IW28" s="102">
        <v>4</v>
      </c>
      <c r="IX28" s="103">
        <v>7</v>
      </c>
      <c r="IY28" s="413">
        <v>0</v>
      </c>
      <c r="IZ28" s="102">
        <v>2</v>
      </c>
      <c r="JA28" s="102">
        <v>4</v>
      </c>
      <c r="JB28" s="102">
        <v>2</v>
      </c>
      <c r="JC28" s="102">
        <v>0</v>
      </c>
      <c r="JD28" s="102">
        <v>2</v>
      </c>
      <c r="JE28" s="103">
        <v>10</v>
      </c>
      <c r="JF28" s="104">
        <v>17</v>
      </c>
      <c r="JG28" s="101">
        <v>4</v>
      </c>
      <c r="JH28" s="102">
        <v>10</v>
      </c>
      <c r="JI28" s="103">
        <v>14</v>
      </c>
      <c r="JJ28" s="413">
        <v>0</v>
      </c>
      <c r="JK28" s="102">
        <v>3</v>
      </c>
      <c r="JL28" s="102">
        <v>6</v>
      </c>
      <c r="JM28" s="102">
        <v>4</v>
      </c>
      <c r="JN28" s="102">
        <v>7</v>
      </c>
      <c r="JO28" s="102">
        <v>3</v>
      </c>
      <c r="JP28" s="103">
        <v>23</v>
      </c>
      <c r="JQ28" s="104">
        <v>37</v>
      </c>
      <c r="JR28" s="101">
        <v>0</v>
      </c>
      <c r="JS28" s="102">
        <v>0</v>
      </c>
      <c r="JT28" s="103">
        <v>0</v>
      </c>
      <c r="JU28" s="413">
        <v>0</v>
      </c>
      <c r="JV28" s="102">
        <v>0</v>
      </c>
      <c r="JW28" s="102">
        <v>0</v>
      </c>
      <c r="JX28" s="102">
        <v>0</v>
      </c>
      <c r="JY28" s="102">
        <v>0</v>
      </c>
      <c r="JZ28" s="102">
        <v>0</v>
      </c>
      <c r="KA28" s="103">
        <v>0</v>
      </c>
      <c r="KB28" s="104">
        <v>0</v>
      </c>
      <c r="KC28" s="101">
        <v>12</v>
      </c>
      <c r="KD28" s="102">
        <v>29</v>
      </c>
      <c r="KE28" s="103">
        <v>41</v>
      </c>
      <c r="KF28" s="413">
        <v>0</v>
      </c>
      <c r="KG28" s="102">
        <v>15</v>
      </c>
      <c r="KH28" s="102">
        <v>23</v>
      </c>
      <c r="KI28" s="102">
        <v>13</v>
      </c>
      <c r="KJ28" s="102">
        <v>13</v>
      </c>
      <c r="KK28" s="102">
        <v>9</v>
      </c>
      <c r="KL28" s="103">
        <v>73</v>
      </c>
      <c r="KM28" s="104">
        <v>114</v>
      </c>
    </row>
    <row r="29" spans="2:299" s="70" customFormat="1" ht="21" customHeight="1" x14ac:dyDescent="0.2">
      <c r="B29" s="106" t="s">
        <v>26</v>
      </c>
      <c r="C29" s="96">
        <v>18</v>
      </c>
      <c r="D29" s="97">
        <v>11</v>
      </c>
      <c r="E29" s="98">
        <v>29</v>
      </c>
      <c r="F29" s="413">
        <v>0</v>
      </c>
      <c r="G29" s="97">
        <v>16</v>
      </c>
      <c r="H29" s="97">
        <v>21</v>
      </c>
      <c r="I29" s="97">
        <v>13</v>
      </c>
      <c r="J29" s="97">
        <v>3</v>
      </c>
      <c r="K29" s="97">
        <v>7</v>
      </c>
      <c r="L29" s="99">
        <v>60</v>
      </c>
      <c r="M29" s="100">
        <v>89</v>
      </c>
      <c r="N29" s="101">
        <v>1</v>
      </c>
      <c r="O29" s="102">
        <v>0</v>
      </c>
      <c r="P29" s="103">
        <v>1</v>
      </c>
      <c r="Q29" s="413">
        <v>0</v>
      </c>
      <c r="R29" s="102">
        <v>0</v>
      </c>
      <c r="S29" s="102">
        <v>0</v>
      </c>
      <c r="T29" s="102">
        <v>0</v>
      </c>
      <c r="U29" s="102">
        <v>0</v>
      </c>
      <c r="V29" s="102">
        <v>0</v>
      </c>
      <c r="W29" s="103">
        <v>0</v>
      </c>
      <c r="X29" s="104">
        <v>1</v>
      </c>
      <c r="Y29" s="101">
        <v>0</v>
      </c>
      <c r="Z29" s="102">
        <v>0</v>
      </c>
      <c r="AA29" s="103">
        <v>0</v>
      </c>
      <c r="AB29" s="413">
        <v>0</v>
      </c>
      <c r="AC29" s="102">
        <v>1</v>
      </c>
      <c r="AD29" s="102">
        <v>1</v>
      </c>
      <c r="AE29" s="102">
        <v>0</v>
      </c>
      <c r="AF29" s="102">
        <v>0</v>
      </c>
      <c r="AG29" s="102">
        <v>0</v>
      </c>
      <c r="AH29" s="103">
        <v>2</v>
      </c>
      <c r="AI29" s="104">
        <v>2</v>
      </c>
      <c r="AJ29" s="101">
        <v>2</v>
      </c>
      <c r="AK29" s="102">
        <v>2</v>
      </c>
      <c r="AL29" s="103">
        <v>4</v>
      </c>
      <c r="AM29" s="413">
        <v>0</v>
      </c>
      <c r="AN29" s="102">
        <v>3</v>
      </c>
      <c r="AO29" s="102">
        <v>3</v>
      </c>
      <c r="AP29" s="102">
        <v>0</v>
      </c>
      <c r="AQ29" s="102">
        <v>0</v>
      </c>
      <c r="AR29" s="102">
        <v>0</v>
      </c>
      <c r="AS29" s="103">
        <v>6</v>
      </c>
      <c r="AT29" s="104">
        <v>10</v>
      </c>
      <c r="AU29" s="101">
        <v>1</v>
      </c>
      <c r="AV29" s="102">
        <v>4</v>
      </c>
      <c r="AW29" s="103">
        <v>5</v>
      </c>
      <c r="AX29" s="413">
        <v>0</v>
      </c>
      <c r="AY29" s="102">
        <v>4</v>
      </c>
      <c r="AZ29" s="102">
        <v>2</v>
      </c>
      <c r="BA29" s="102">
        <v>4</v>
      </c>
      <c r="BB29" s="102">
        <v>1</v>
      </c>
      <c r="BC29" s="102">
        <v>3</v>
      </c>
      <c r="BD29" s="103">
        <v>14</v>
      </c>
      <c r="BE29" s="104">
        <v>19</v>
      </c>
      <c r="BF29" s="101">
        <v>9</v>
      </c>
      <c r="BG29" s="102">
        <v>3</v>
      </c>
      <c r="BH29" s="103">
        <v>12</v>
      </c>
      <c r="BI29" s="413">
        <v>0</v>
      </c>
      <c r="BJ29" s="102">
        <v>2</v>
      </c>
      <c r="BK29" s="102">
        <v>9</v>
      </c>
      <c r="BL29" s="102">
        <v>6</v>
      </c>
      <c r="BM29" s="102">
        <v>0</v>
      </c>
      <c r="BN29" s="102">
        <v>3</v>
      </c>
      <c r="BO29" s="103">
        <v>20</v>
      </c>
      <c r="BP29" s="104">
        <v>32</v>
      </c>
      <c r="BQ29" s="101">
        <v>5</v>
      </c>
      <c r="BR29" s="102">
        <v>2</v>
      </c>
      <c r="BS29" s="103">
        <v>7</v>
      </c>
      <c r="BT29" s="413">
        <v>0</v>
      </c>
      <c r="BU29" s="102">
        <v>6</v>
      </c>
      <c r="BV29" s="102">
        <v>6</v>
      </c>
      <c r="BW29" s="102">
        <v>3</v>
      </c>
      <c r="BX29" s="102">
        <v>2</v>
      </c>
      <c r="BY29" s="102">
        <v>1</v>
      </c>
      <c r="BZ29" s="103">
        <v>18</v>
      </c>
      <c r="CA29" s="104">
        <v>25</v>
      </c>
      <c r="CB29" s="101">
        <v>0</v>
      </c>
      <c r="CC29" s="102">
        <v>0</v>
      </c>
      <c r="CD29" s="103">
        <v>0</v>
      </c>
      <c r="CE29" s="413">
        <v>0</v>
      </c>
      <c r="CF29" s="102">
        <v>0</v>
      </c>
      <c r="CG29" s="102">
        <v>0</v>
      </c>
      <c r="CH29" s="102">
        <v>0</v>
      </c>
      <c r="CI29" s="102">
        <v>0</v>
      </c>
      <c r="CJ29" s="102">
        <v>0</v>
      </c>
      <c r="CK29" s="103">
        <v>0</v>
      </c>
      <c r="CL29" s="104">
        <v>0</v>
      </c>
      <c r="CM29" s="101">
        <v>18</v>
      </c>
      <c r="CN29" s="102">
        <v>11</v>
      </c>
      <c r="CO29" s="103">
        <v>29</v>
      </c>
      <c r="CP29" s="413">
        <v>0</v>
      </c>
      <c r="CQ29" s="102">
        <v>16</v>
      </c>
      <c r="CR29" s="102">
        <v>21</v>
      </c>
      <c r="CS29" s="102">
        <v>13</v>
      </c>
      <c r="CT29" s="102">
        <v>3</v>
      </c>
      <c r="CU29" s="102">
        <v>7</v>
      </c>
      <c r="CV29" s="103">
        <v>60</v>
      </c>
      <c r="CW29" s="104">
        <v>89</v>
      </c>
      <c r="CX29" s="105">
        <v>4</v>
      </c>
      <c r="CY29" s="97">
        <v>7</v>
      </c>
      <c r="CZ29" s="98">
        <v>11</v>
      </c>
      <c r="DA29" s="413">
        <v>0</v>
      </c>
      <c r="DB29" s="97">
        <v>5</v>
      </c>
      <c r="DC29" s="97">
        <v>7</v>
      </c>
      <c r="DD29" s="97">
        <v>4</v>
      </c>
      <c r="DE29" s="97">
        <v>4</v>
      </c>
      <c r="DF29" s="97">
        <v>2</v>
      </c>
      <c r="DG29" s="99">
        <v>22</v>
      </c>
      <c r="DH29" s="100">
        <v>33</v>
      </c>
      <c r="DI29" s="101">
        <v>0</v>
      </c>
      <c r="DJ29" s="102">
        <v>0</v>
      </c>
      <c r="DK29" s="103">
        <v>0</v>
      </c>
      <c r="DL29" s="413">
        <v>0</v>
      </c>
      <c r="DM29" s="102">
        <v>0</v>
      </c>
      <c r="DN29" s="102">
        <v>0</v>
      </c>
      <c r="DO29" s="102">
        <v>0</v>
      </c>
      <c r="DP29" s="102">
        <v>0</v>
      </c>
      <c r="DQ29" s="102">
        <v>0</v>
      </c>
      <c r="DR29" s="103">
        <v>0</v>
      </c>
      <c r="DS29" s="104">
        <v>0</v>
      </c>
      <c r="DT29" s="101">
        <v>0</v>
      </c>
      <c r="DU29" s="102">
        <v>1</v>
      </c>
      <c r="DV29" s="103">
        <v>1</v>
      </c>
      <c r="DW29" s="413">
        <v>0</v>
      </c>
      <c r="DX29" s="102">
        <v>0</v>
      </c>
      <c r="DY29" s="102">
        <v>0</v>
      </c>
      <c r="DZ29" s="102">
        <v>0</v>
      </c>
      <c r="EA29" s="102">
        <v>0</v>
      </c>
      <c r="EB29" s="102">
        <v>0</v>
      </c>
      <c r="EC29" s="103">
        <v>0</v>
      </c>
      <c r="ED29" s="104">
        <v>1</v>
      </c>
      <c r="EE29" s="101">
        <v>0</v>
      </c>
      <c r="EF29" s="102">
        <v>2</v>
      </c>
      <c r="EG29" s="103">
        <v>2</v>
      </c>
      <c r="EH29" s="413">
        <v>0</v>
      </c>
      <c r="EI29" s="102">
        <v>0</v>
      </c>
      <c r="EJ29" s="102">
        <v>0</v>
      </c>
      <c r="EK29" s="102">
        <v>0</v>
      </c>
      <c r="EL29" s="102">
        <v>1</v>
      </c>
      <c r="EM29" s="102">
        <v>1</v>
      </c>
      <c r="EN29" s="103">
        <v>2</v>
      </c>
      <c r="EO29" s="104">
        <v>4</v>
      </c>
      <c r="EP29" s="101">
        <v>2</v>
      </c>
      <c r="EQ29" s="102">
        <v>1</v>
      </c>
      <c r="ER29" s="103">
        <v>3</v>
      </c>
      <c r="ES29" s="413">
        <v>0</v>
      </c>
      <c r="ET29" s="102">
        <v>2</v>
      </c>
      <c r="EU29" s="102">
        <v>0</v>
      </c>
      <c r="EV29" s="102">
        <v>0</v>
      </c>
      <c r="EW29" s="102">
        <v>0</v>
      </c>
      <c r="EX29" s="102">
        <v>0</v>
      </c>
      <c r="EY29" s="103">
        <v>2</v>
      </c>
      <c r="EZ29" s="104">
        <v>5</v>
      </c>
      <c r="FA29" s="101">
        <v>2</v>
      </c>
      <c r="FB29" s="102">
        <v>1</v>
      </c>
      <c r="FC29" s="103">
        <v>3</v>
      </c>
      <c r="FD29" s="413">
        <v>0</v>
      </c>
      <c r="FE29" s="102">
        <v>2</v>
      </c>
      <c r="FF29" s="102">
        <v>2</v>
      </c>
      <c r="FG29" s="102">
        <v>1</v>
      </c>
      <c r="FH29" s="102">
        <v>1</v>
      </c>
      <c r="FI29" s="102">
        <v>0</v>
      </c>
      <c r="FJ29" s="103">
        <v>6</v>
      </c>
      <c r="FK29" s="104">
        <v>9</v>
      </c>
      <c r="FL29" s="101">
        <v>0</v>
      </c>
      <c r="FM29" s="102">
        <v>2</v>
      </c>
      <c r="FN29" s="103">
        <v>2</v>
      </c>
      <c r="FO29" s="413">
        <v>0</v>
      </c>
      <c r="FP29" s="102">
        <v>1</v>
      </c>
      <c r="FQ29" s="102">
        <v>5</v>
      </c>
      <c r="FR29" s="102">
        <v>3</v>
      </c>
      <c r="FS29" s="102">
        <v>2</v>
      </c>
      <c r="FT29" s="102">
        <v>1</v>
      </c>
      <c r="FU29" s="103">
        <v>12</v>
      </c>
      <c r="FV29" s="104">
        <v>14</v>
      </c>
      <c r="FW29" s="101">
        <v>0</v>
      </c>
      <c r="FX29" s="102">
        <v>0</v>
      </c>
      <c r="FY29" s="103">
        <v>0</v>
      </c>
      <c r="FZ29" s="413">
        <v>0</v>
      </c>
      <c r="GA29" s="102">
        <v>0</v>
      </c>
      <c r="GB29" s="102">
        <v>0</v>
      </c>
      <c r="GC29" s="102">
        <v>0</v>
      </c>
      <c r="GD29" s="102">
        <v>0</v>
      </c>
      <c r="GE29" s="102">
        <v>0</v>
      </c>
      <c r="GF29" s="103">
        <v>0</v>
      </c>
      <c r="GG29" s="104">
        <v>0</v>
      </c>
      <c r="GH29" s="101">
        <v>4</v>
      </c>
      <c r="GI29" s="102">
        <v>7</v>
      </c>
      <c r="GJ29" s="103">
        <v>11</v>
      </c>
      <c r="GK29" s="413">
        <v>0</v>
      </c>
      <c r="GL29" s="102">
        <v>5</v>
      </c>
      <c r="GM29" s="102">
        <v>7</v>
      </c>
      <c r="GN29" s="102">
        <v>4</v>
      </c>
      <c r="GO29" s="102">
        <v>4</v>
      </c>
      <c r="GP29" s="102">
        <v>2</v>
      </c>
      <c r="GQ29" s="103">
        <v>22</v>
      </c>
      <c r="GR29" s="104">
        <v>33</v>
      </c>
      <c r="GS29" s="105">
        <v>22</v>
      </c>
      <c r="GT29" s="97">
        <v>18</v>
      </c>
      <c r="GU29" s="98">
        <v>40</v>
      </c>
      <c r="GV29" s="413">
        <v>0</v>
      </c>
      <c r="GW29" s="97">
        <v>21</v>
      </c>
      <c r="GX29" s="97">
        <v>28</v>
      </c>
      <c r="GY29" s="97">
        <v>17</v>
      </c>
      <c r="GZ29" s="97">
        <v>7</v>
      </c>
      <c r="HA29" s="97">
        <v>9</v>
      </c>
      <c r="HB29" s="99">
        <v>82</v>
      </c>
      <c r="HC29" s="100">
        <v>122</v>
      </c>
      <c r="HD29" s="101">
        <v>1</v>
      </c>
      <c r="HE29" s="102">
        <v>0</v>
      </c>
      <c r="HF29" s="103">
        <v>1</v>
      </c>
      <c r="HG29" s="413">
        <v>0</v>
      </c>
      <c r="HH29" s="102">
        <v>0</v>
      </c>
      <c r="HI29" s="102">
        <v>0</v>
      </c>
      <c r="HJ29" s="102">
        <v>0</v>
      </c>
      <c r="HK29" s="102">
        <v>0</v>
      </c>
      <c r="HL29" s="102">
        <v>0</v>
      </c>
      <c r="HM29" s="103">
        <v>0</v>
      </c>
      <c r="HN29" s="104">
        <v>1</v>
      </c>
      <c r="HO29" s="101">
        <v>0</v>
      </c>
      <c r="HP29" s="102">
        <v>1</v>
      </c>
      <c r="HQ29" s="103">
        <v>1</v>
      </c>
      <c r="HR29" s="413">
        <v>0</v>
      </c>
      <c r="HS29" s="102">
        <v>1</v>
      </c>
      <c r="HT29" s="102">
        <v>1</v>
      </c>
      <c r="HU29" s="102">
        <v>0</v>
      </c>
      <c r="HV29" s="102">
        <v>0</v>
      </c>
      <c r="HW29" s="102">
        <v>0</v>
      </c>
      <c r="HX29" s="103">
        <v>2</v>
      </c>
      <c r="HY29" s="104">
        <v>3</v>
      </c>
      <c r="HZ29" s="101">
        <v>2</v>
      </c>
      <c r="IA29" s="102">
        <v>4</v>
      </c>
      <c r="IB29" s="103">
        <v>6</v>
      </c>
      <c r="IC29" s="413">
        <v>0</v>
      </c>
      <c r="ID29" s="102">
        <v>3</v>
      </c>
      <c r="IE29" s="102">
        <v>3</v>
      </c>
      <c r="IF29" s="102">
        <v>0</v>
      </c>
      <c r="IG29" s="102">
        <v>1</v>
      </c>
      <c r="IH29" s="102">
        <v>1</v>
      </c>
      <c r="II29" s="103">
        <v>8</v>
      </c>
      <c r="IJ29" s="104">
        <v>14</v>
      </c>
      <c r="IK29" s="101">
        <v>3</v>
      </c>
      <c r="IL29" s="102">
        <v>5</v>
      </c>
      <c r="IM29" s="103">
        <v>8</v>
      </c>
      <c r="IN29" s="413">
        <v>0</v>
      </c>
      <c r="IO29" s="102">
        <v>6</v>
      </c>
      <c r="IP29" s="102">
        <v>2</v>
      </c>
      <c r="IQ29" s="102">
        <v>4</v>
      </c>
      <c r="IR29" s="102">
        <v>1</v>
      </c>
      <c r="IS29" s="102">
        <v>3</v>
      </c>
      <c r="IT29" s="103">
        <v>16</v>
      </c>
      <c r="IU29" s="104">
        <v>24</v>
      </c>
      <c r="IV29" s="101">
        <v>11</v>
      </c>
      <c r="IW29" s="102">
        <v>4</v>
      </c>
      <c r="IX29" s="103">
        <v>15</v>
      </c>
      <c r="IY29" s="413">
        <v>0</v>
      </c>
      <c r="IZ29" s="102">
        <v>4</v>
      </c>
      <c r="JA29" s="102">
        <v>11</v>
      </c>
      <c r="JB29" s="102">
        <v>7</v>
      </c>
      <c r="JC29" s="102">
        <v>1</v>
      </c>
      <c r="JD29" s="102">
        <v>3</v>
      </c>
      <c r="JE29" s="103">
        <v>26</v>
      </c>
      <c r="JF29" s="104">
        <v>41</v>
      </c>
      <c r="JG29" s="101">
        <v>5</v>
      </c>
      <c r="JH29" s="102">
        <v>4</v>
      </c>
      <c r="JI29" s="103">
        <v>9</v>
      </c>
      <c r="JJ29" s="413">
        <v>0</v>
      </c>
      <c r="JK29" s="102">
        <v>7</v>
      </c>
      <c r="JL29" s="102">
        <v>11</v>
      </c>
      <c r="JM29" s="102">
        <v>6</v>
      </c>
      <c r="JN29" s="102">
        <v>4</v>
      </c>
      <c r="JO29" s="102">
        <v>2</v>
      </c>
      <c r="JP29" s="103">
        <v>30</v>
      </c>
      <c r="JQ29" s="104">
        <v>39</v>
      </c>
      <c r="JR29" s="101">
        <v>0</v>
      </c>
      <c r="JS29" s="102">
        <v>0</v>
      </c>
      <c r="JT29" s="103">
        <v>0</v>
      </c>
      <c r="JU29" s="413">
        <v>0</v>
      </c>
      <c r="JV29" s="102">
        <v>0</v>
      </c>
      <c r="JW29" s="102">
        <v>0</v>
      </c>
      <c r="JX29" s="102">
        <v>0</v>
      </c>
      <c r="JY29" s="102">
        <v>0</v>
      </c>
      <c r="JZ29" s="102">
        <v>0</v>
      </c>
      <c r="KA29" s="103">
        <v>0</v>
      </c>
      <c r="KB29" s="104">
        <v>0</v>
      </c>
      <c r="KC29" s="101">
        <v>22</v>
      </c>
      <c r="KD29" s="102">
        <v>18</v>
      </c>
      <c r="KE29" s="103">
        <v>40</v>
      </c>
      <c r="KF29" s="413">
        <v>0</v>
      </c>
      <c r="KG29" s="102">
        <v>21</v>
      </c>
      <c r="KH29" s="102">
        <v>28</v>
      </c>
      <c r="KI29" s="102">
        <v>17</v>
      </c>
      <c r="KJ29" s="102">
        <v>7</v>
      </c>
      <c r="KK29" s="102">
        <v>9</v>
      </c>
      <c r="KL29" s="103">
        <v>82</v>
      </c>
      <c r="KM29" s="104">
        <v>122</v>
      </c>
    </row>
    <row r="30" spans="2:299" s="70" customFormat="1" ht="21" customHeight="1" x14ac:dyDescent="0.2">
      <c r="B30" s="106" t="s">
        <v>27</v>
      </c>
      <c r="C30" s="96">
        <v>12</v>
      </c>
      <c r="D30" s="97">
        <v>17</v>
      </c>
      <c r="E30" s="98">
        <v>29</v>
      </c>
      <c r="F30" s="413">
        <v>0</v>
      </c>
      <c r="G30" s="97">
        <v>21</v>
      </c>
      <c r="H30" s="97">
        <v>9</v>
      </c>
      <c r="I30" s="97">
        <v>10</v>
      </c>
      <c r="J30" s="97">
        <v>8</v>
      </c>
      <c r="K30" s="97">
        <v>6</v>
      </c>
      <c r="L30" s="99">
        <v>54</v>
      </c>
      <c r="M30" s="100">
        <v>83</v>
      </c>
      <c r="N30" s="101">
        <v>0</v>
      </c>
      <c r="O30" s="102">
        <v>1</v>
      </c>
      <c r="P30" s="103">
        <v>1</v>
      </c>
      <c r="Q30" s="413">
        <v>0</v>
      </c>
      <c r="R30" s="102">
        <v>0</v>
      </c>
      <c r="S30" s="102">
        <v>0</v>
      </c>
      <c r="T30" s="102">
        <v>0</v>
      </c>
      <c r="U30" s="102">
        <v>3</v>
      </c>
      <c r="V30" s="102">
        <v>0</v>
      </c>
      <c r="W30" s="103">
        <v>3</v>
      </c>
      <c r="X30" s="104">
        <v>4</v>
      </c>
      <c r="Y30" s="101">
        <v>0</v>
      </c>
      <c r="Z30" s="102">
        <v>1</v>
      </c>
      <c r="AA30" s="103">
        <v>1</v>
      </c>
      <c r="AB30" s="413">
        <v>0</v>
      </c>
      <c r="AC30" s="102">
        <v>1</v>
      </c>
      <c r="AD30" s="102">
        <v>1</v>
      </c>
      <c r="AE30" s="102">
        <v>1</v>
      </c>
      <c r="AF30" s="102">
        <v>0</v>
      </c>
      <c r="AG30" s="102">
        <v>0</v>
      </c>
      <c r="AH30" s="103">
        <v>3</v>
      </c>
      <c r="AI30" s="104">
        <v>4</v>
      </c>
      <c r="AJ30" s="101">
        <v>0</v>
      </c>
      <c r="AK30" s="102">
        <v>3</v>
      </c>
      <c r="AL30" s="103">
        <v>3</v>
      </c>
      <c r="AM30" s="413">
        <v>0</v>
      </c>
      <c r="AN30" s="102">
        <v>1</v>
      </c>
      <c r="AO30" s="102">
        <v>1</v>
      </c>
      <c r="AP30" s="102">
        <v>1</v>
      </c>
      <c r="AQ30" s="102">
        <v>0</v>
      </c>
      <c r="AR30" s="102">
        <v>2</v>
      </c>
      <c r="AS30" s="103">
        <v>5</v>
      </c>
      <c r="AT30" s="104">
        <v>8</v>
      </c>
      <c r="AU30" s="101">
        <v>3</v>
      </c>
      <c r="AV30" s="102">
        <v>5</v>
      </c>
      <c r="AW30" s="103">
        <v>8</v>
      </c>
      <c r="AX30" s="413">
        <v>0</v>
      </c>
      <c r="AY30" s="102">
        <v>4</v>
      </c>
      <c r="AZ30" s="102">
        <v>2</v>
      </c>
      <c r="BA30" s="102">
        <v>3</v>
      </c>
      <c r="BB30" s="102">
        <v>1</v>
      </c>
      <c r="BC30" s="102">
        <v>2</v>
      </c>
      <c r="BD30" s="103">
        <v>12</v>
      </c>
      <c r="BE30" s="104">
        <v>20</v>
      </c>
      <c r="BF30" s="101">
        <v>6</v>
      </c>
      <c r="BG30" s="102">
        <v>4</v>
      </c>
      <c r="BH30" s="103">
        <v>10</v>
      </c>
      <c r="BI30" s="413">
        <v>0</v>
      </c>
      <c r="BJ30" s="102">
        <v>9</v>
      </c>
      <c r="BK30" s="102">
        <v>2</v>
      </c>
      <c r="BL30" s="102">
        <v>3</v>
      </c>
      <c r="BM30" s="102">
        <v>3</v>
      </c>
      <c r="BN30" s="102">
        <v>0</v>
      </c>
      <c r="BO30" s="103">
        <v>17</v>
      </c>
      <c r="BP30" s="104">
        <v>27</v>
      </c>
      <c r="BQ30" s="101">
        <v>3</v>
      </c>
      <c r="BR30" s="102">
        <v>3</v>
      </c>
      <c r="BS30" s="103">
        <v>6</v>
      </c>
      <c r="BT30" s="413">
        <v>0</v>
      </c>
      <c r="BU30" s="102">
        <v>6</v>
      </c>
      <c r="BV30" s="102">
        <v>3</v>
      </c>
      <c r="BW30" s="102">
        <v>2</v>
      </c>
      <c r="BX30" s="102">
        <v>1</v>
      </c>
      <c r="BY30" s="102">
        <v>2</v>
      </c>
      <c r="BZ30" s="103">
        <v>14</v>
      </c>
      <c r="CA30" s="104">
        <v>20</v>
      </c>
      <c r="CB30" s="101">
        <v>0</v>
      </c>
      <c r="CC30" s="102">
        <v>0</v>
      </c>
      <c r="CD30" s="103">
        <v>0</v>
      </c>
      <c r="CE30" s="413">
        <v>0</v>
      </c>
      <c r="CF30" s="102">
        <v>0</v>
      </c>
      <c r="CG30" s="102">
        <v>0</v>
      </c>
      <c r="CH30" s="102">
        <v>0</v>
      </c>
      <c r="CI30" s="102">
        <v>0</v>
      </c>
      <c r="CJ30" s="102">
        <v>0</v>
      </c>
      <c r="CK30" s="103">
        <v>0</v>
      </c>
      <c r="CL30" s="104">
        <v>0</v>
      </c>
      <c r="CM30" s="101">
        <v>12</v>
      </c>
      <c r="CN30" s="102">
        <v>17</v>
      </c>
      <c r="CO30" s="103">
        <v>29</v>
      </c>
      <c r="CP30" s="413">
        <v>0</v>
      </c>
      <c r="CQ30" s="102">
        <v>21</v>
      </c>
      <c r="CR30" s="102">
        <v>9</v>
      </c>
      <c r="CS30" s="102">
        <v>10</v>
      </c>
      <c r="CT30" s="102">
        <v>8</v>
      </c>
      <c r="CU30" s="102">
        <v>6</v>
      </c>
      <c r="CV30" s="103">
        <v>54</v>
      </c>
      <c r="CW30" s="104">
        <v>83</v>
      </c>
      <c r="CX30" s="105">
        <v>3</v>
      </c>
      <c r="CY30" s="97">
        <v>3</v>
      </c>
      <c r="CZ30" s="98">
        <v>6</v>
      </c>
      <c r="DA30" s="413">
        <v>0</v>
      </c>
      <c r="DB30" s="97">
        <v>8</v>
      </c>
      <c r="DC30" s="97">
        <v>2</v>
      </c>
      <c r="DD30" s="97">
        <v>5</v>
      </c>
      <c r="DE30" s="97">
        <v>3</v>
      </c>
      <c r="DF30" s="97">
        <v>2</v>
      </c>
      <c r="DG30" s="99">
        <v>20</v>
      </c>
      <c r="DH30" s="100">
        <v>26</v>
      </c>
      <c r="DI30" s="101">
        <v>0</v>
      </c>
      <c r="DJ30" s="102">
        <v>0</v>
      </c>
      <c r="DK30" s="103">
        <v>0</v>
      </c>
      <c r="DL30" s="413">
        <v>0</v>
      </c>
      <c r="DM30" s="102">
        <v>0</v>
      </c>
      <c r="DN30" s="102">
        <v>0</v>
      </c>
      <c r="DO30" s="102">
        <v>0</v>
      </c>
      <c r="DP30" s="102">
        <v>0</v>
      </c>
      <c r="DQ30" s="102">
        <v>0</v>
      </c>
      <c r="DR30" s="103">
        <v>0</v>
      </c>
      <c r="DS30" s="104">
        <v>0</v>
      </c>
      <c r="DT30" s="101">
        <v>0</v>
      </c>
      <c r="DU30" s="102">
        <v>0</v>
      </c>
      <c r="DV30" s="103">
        <v>0</v>
      </c>
      <c r="DW30" s="413">
        <v>0</v>
      </c>
      <c r="DX30" s="102">
        <v>1</v>
      </c>
      <c r="DY30" s="102">
        <v>0</v>
      </c>
      <c r="DZ30" s="102">
        <v>0</v>
      </c>
      <c r="EA30" s="102">
        <v>0</v>
      </c>
      <c r="EB30" s="102">
        <v>0</v>
      </c>
      <c r="EC30" s="103">
        <v>1</v>
      </c>
      <c r="ED30" s="104">
        <v>1</v>
      </c>
      <c r="EE30" s="101">
        <v>1</v>
      </c>
      <c r="EF30" s="102">
        <v>0</v>
      </c>
      <c r="EG30" s="103">
        <v>1</v>
      </c>
      <c r="EH30" s="413">
        <v>0</v>
      </c>
      <c r="EI30" s="102">
        <v>0</v>
      </c>
      <c r="EJ30" s="102">
        <v>0</v>
      </c>
      <c r="EK30" s="102">
        <v>0</v>
      </c>
      <c r="EL30" s="102">
        <v>0</v>
      </c>
      <c r="EM30" s="102">
        <v>0</v>
      </c>
      <c r="EN30" s="103">
        <v>0</v>
      </c>
      <c r="EO30" s="104">
        <v>1</v>
      </c>
      <c r="EP30" s="101">
        <v>2</v>
      </c>
      <c r="EQ30" s="102">
        <v>1</v>
      </c>
      <c r="ER30" s="103">
        <v>3</v>
      </c>
      <c r="ES30" s="413">
        <v>0</v>
      </c>
      <c r="ET30" s="102">
        <v>1</v>
      </c>
      <c r="EU30" s="102">
        <v>1</v>
      </c>
      <c r="EV30" s="102">
        <v>0</v>
      </c>
      <c r="EW30" s="102">
        <v>2</v>
      </c>
      <c r="EX30" s="102">
        <v>0</v>
      </c>
      <c r="EY30" s="103">
        <v>4</v>
      </c>
      <c r="EZ30" s="104">
        <v>7</v>
      </c>
      <c r="FA30" s="101">
        <v>0</v>
      </c>
      <c r="FB30" s="102">
        <v>1</v>
      </c>
      <c r="FC30" s="103">
        <v>1</v>
      </c>
      <c r="FD30" s="413">
        <v>0</v>
      </c>
      <c r="FE30" s="102">
        <v>3</v>
      </c>
      <c r="FF30" s="102">
        <v>1</v>
      </c>
      <c r="FG30" s="102">
        <v>1</v>
      </c>
      <c r="FH30" s="102">
        <v>1</v>
      </c>
      <c r="FI30" s="102">
        <v>0</v>
      </c>
      <c r="FJ30" s="103">
        <v>6</v>
      </c>
      <c r="FK30" s="104">
        <v>7</v>
      </c>
      <c r="FL30" s="101">
        <v>0</v>
      </c>
      <c r="FM30" s="102">
        <v>1</v>
      </c>
      <c r="FN30" s="103">
        <v>1</v>
      </c>
      <c r="FO30" s="413">
        <v>0</v>
      </c>
      <c r="FP30" s="102">
        <v>3</v>
      </c>
      <c r="FQ30" s="102">
        <v>0</v>
      </c>
      <c r="FR30" s="102">
        <v>4</v>
      </c>
      <c r="FS30" s="102">
        <v>0</v>
      </c>
      <c r="FT30" s="102">
        <v>2</v>
      </c>
      <c r="FU30" s="103">
        <v>9</v>
      </c>
      <c r="FV30" s="104">
        <v>10</v>
      </c>
      <c r="FW30" s="101">
        <v>0</v>
      </c>
      <c r="FX30" s="102">
        <v>0</v>
      </c>
      <c r="FY30" s="103">
        <v>0</v>
      </c>
      <c r="FZ30" s="413">
        <v>0</v>
      </c>
      <c r="GA30" s="102">
        <v>0</v>
      </c>
      <c r="GB30" s="102">
        <v>0</v>
      </c>
      <c r="GC30" s="102">
        <v>0</v>
      </c>
      <c r="GD30" s="102">
        <v>0</v>
      </c>
      <c r="GE30" s="102">
        <v>0</v>
      </c>
      <c r="GF30" s="103">
        <v>0</v>
      </c>
      <c r="GG30" s="104">
        <v>0</v>
      </c>
      <c r="GH30" s="101">
        <v>3</v>
      </c>
      <c r="GI30" s="102">
        <v>3</v>
      </c>
      <c r="GJ30" s="103">
        <v>6</v>
      </c>
      <c r="GK30" s="413">
        <v>0</v>
      </c>
      <c r="GL30" s="102">
        <v>8</v>
      </c>
      <c r="GM30" s="102">
        <v>2</v>
      </c>
      <c r="GN30" s="102">
        <v>5</v>
      </c>
      <c r="GO30" s="102">
        <v>3</v>
      </c>
      <c r="GP30" s="102">
        <v>2</v>
      </c>
      <c r="GQ30" s="103">
        <v>20</v>
      </c>
      <c r="GR30" s="104">
        <v>26</v>
      </c>
      <c r="GS30" s="105">
        <v>15</v>
      </c>
      <c r="GT30" s="97">
        <v>20</v>
      </c>
      <c r="GU30" s="98">
        <v>35</v>
      </c>
      <c r="GV30" s="413">
        <v>0</v>
      </c>
      <c r="GW30" s="97">
        <v>29</v>
      </c>
      <c r="GX30" s="97">
        <v>11</v>
      </c>
      <c r="GY30" s="97">
        <v>15</v>
      </c>
      <c r="GZ30" s="97">
        <v>11</v>
      </c>
      <c r="HA30" s="97">
        <v>8</v>
      </c>
      <c r="HB30" s="99">
        <v>74</v>
      </c>
      <c r="HC30" s="100">
        <v>109</v>
      </c>
      <c r="HD30" s="101">
        <v>0</v>
      </c>
      <c r="HE30" s="102">
        <v>1</v>
      </c>
      <c r="HF30" s="103">
        <v>1</v>
      </c>
      <c r="HG30" s="413">
        <v>0</v>
      </c>
      <c r="HH30" s="102">
        <v>0</v>
      </c>
      <c r="HI30" s="102">
        <v>0</v>
      </c>
      <c r="HJ30" s="102">
        <v>0</v>
      </c>
      <c r="HK30" s="102">
        <v>3</v>
      </c>
      <c r="HL30" s="102">
        <v>0</v>
      </c>
      <c r="HM30" s="103">
        <v>3</v>
      </c>
      <c r="HN30" s="104">
        <v>4</v>
      </c>
      <c r="HO30" s="101">
        <v>0</v>
      </c>
      <c r="HP30" s="102">
        <v>1</v>
      </c>
      <c r="HQ30" s="103">
        <v>1</v>
      </c>
      <c r="HR30" s="413">
        <v>0</v>
      </c>
      <c r="HS30" s="102">
        <v>2</v>
      </c>
      <c r="HT30" s="102">
        <v>1</v>
      </c>
      <c r="HU30" s="102">
        <v>1</v>
      </c>
      <c r="HV30" s="102">
        <v>0</v>
      </c>
      <c r="HW30" s="102">
        <v>0</v>
      </c>
      <c r="HX30" s="103">
        <v>4</v>
      </c>
      <c r="HY30" s="104">
        <v>5</v>
      </c>
      <c r="HZ30" s="101">
        <v>1</v>
      </c>
      <c r="IA30" s="102">
        <v>3</v>
      </c>
      <c r="IB30" s="103">
        <v>4</v>
      </c>
      <c r="IC30" s="413">
        <v>0</v>
      </c>
      <c r="ID30" s="102">
        <v>1</v>
      </c>
      <c r="IE30" s="102">
        <v>1</v>
      </c>
      <c r="IF30" s="102">
        <v>1</v>
      </c>
      <c r="IG30" s="102">
        <v>0</v>
      </c>
      <c r="IH30" s="102">
        <v>2</v>
      </c>
      <c r="II30" s="103">
        <v>5</v>
      </c>
      <c r="IJ30" s="104">
        <v>9</v>
      </c>
      <c r="IK30" s="101">
        <v>5</v>
      </c>
      <c r="IL30" s="102">
        <v>6</v>
      </c>
      <c r="IM30" s="103">
        <v>11</v>
      </c>
      <c r="IN30" s="413">
        <v>0</v>
      </c>
      <c r="IO30" s="102">
        <v>5</v>
      </c>
      <c r="IP30" s="102">
        <v>3</v>
      </c>
      <c r="IQ30" s="102">
        <v>3</v>
      </c>
      <c r="IR30" s="102">
        <v>3</v>
      </c>
      <c r="IS30" s="102">
        <v>2</v>
      </c>
      <c r="IT30" s="103">
        <v>16</v>
      </c>
      <c r="IU30" s="104">
        <v>27</v>
      </c>
      <c r="IV30" s="101">
        <v>6</v>
      </c>
      <c r="IW30" s="102">
        <v>5</v>
      </c>
      <c r="IX30" s="103">
        <v>11</v>
      </c>
      <c r="IY30" s="413">
        <v>0</v>
      </c>
      <c r="IZ30" s="102">
        <v>12</v>
      </c>
      <c r="JA30" s="102">
        <v>3</v>
      </c>
      <c r="JB30" s="102">
        <v>4</v>
      </c>
      <c r="JC30" s="102">
        <v>4</v>
      </c>
      <c r="JD30" s="102">
        <v>0</v>
      </c>
      <c r="JE30" s="103">
        <v>23</v>
      </c>
      <c r="JF30" s="104">
        <v>34</v>
      </c>
      <c r="JG30" s="101">
        <v>3</v>
      </c>
      <c r="JH30" s="102">
        <v>4</v>
      </c>
      <c r="JI30" s="103">
        <v>7</v>
      </c>
      <c r="JJ30" s="413">
        <v>0</v>
      </c>
      <c r="JK30" s="102">
        <v>9</v>
      </c>
      <c r="JL30" s="102">
        <v>3</v>
      </c>
      <c r="JM30" s="102">
        <v>6</v>
      </c>
      <c r="JN30" s="102">
        <v>1</v>
      </c>
      <c r="JO30" s="102">
        <v>4</v>
      </c>
      <c r="JP30" s="103">
        <v>23</v>
      </c>
      <c r="JQ30" s="104">
        <v>30</v>
      </c>
      <c r="JR30" s="101">
        <v>0</v>
      </c>
      <c r="JS30" s="102">
        <v>0</v>
      </c>
      <c r="JT30" s="103">
        <v>0</v>
      </c>
      <c r="JU30" s="413">
        <v>0</v>
      </c>
      <c r="JV30" s="102">
        <v>0</v>
      </c>
      <c r="JW30" s="102">
        <v>0</v>
      </c>
      <c r="JX30" s="102">
        <v>0</v>
      </c>
      <c r="JY30" s="102">
        <v>0</v>
      </c>
      <c r="JZ30" s="102">
        <v>0</v>
      </c>
      <c r="KA30" s="103">
        <v>0</v>
      </c>
      <c r="KB30" s="104">
        <v>0</v>
      </c>
      <c r="KC30" s="101">
        <v>15</v>
      </c>
      <c r="KD30" s="102">
        <v>20</v>
      </c>
      <c r="KE30" s="103">
        <v>35</v>
      </c>
      <c r="KF30" s="413">
        <v>0</v>
      </c>
      <c r="KG30" s="102">
        <v>29</v>
      </c>
      <c r="KH30" s="102">
        <v>11</v>
      </c>
      <c r="KI30" s="102">
        <v>15</v>
      </c>
      <c r="KJ30" s="102">
        <v>11</v>
      </c>
      <c r="KK30" s="102">
        <v>8</v>
      </c>
      <c r="KL30" s="103">
        <v>74</v>
      </c>
      <c r="KM30" s="104">
        <v>109</v>
      </c>
    </row>
    <row r="31" spans="2:299" s="70" customFormat="1" ht="21" customHeight="1" x14ac:dyDescent="0.2">
      <c r="B31" s="106" t="s">
        <v>28</v>
      </c>
      <c r="C31" s="96">
        <v>1</v>
      </c>
      <c r="D31" s="97">
        <v>4</v>
      </c>
      <c r="E31" s="98">
        <v>5</v>
      </c>
      <c r="F31" s="413">
        <v>0</v>
      </c>
      <c r="G31" s="97">
        <v>6</v>
      </c>
      <c r="H31" s="97">
        <v>2</v>
      </c>
      <c r="I31" s="97">
        <v>4</v>
      </c>
      <c r="J31" s="97">
        <v>2</v>
      </c>
      <c r="K31" s="97">
        <v>0</v>
      </c>
      <c r="L31" s="99">
        <v>14</v>
      </c>
      <c r="M31" s="100">
        <v>19</v>
      </c>
      <c r="N31" s="101">
        <v>0</v>
      </c>
      <c r="O31" s="102">
        <v>1</v>
      </c>
      <c r="P31" s="103">
        <v>1</v>
      </c>
      <c r="Q31" s="413">
        <v>0</v>
      </c>
      <c r="R31" s="102">
        <v>0</v>
      </c>
      <c r="S31" s="102">
        <v>1</v>
      </c>
      <c r="T31" s="102">
        <v>0</v>
      </c>
      <c r="U31" s="102">
        <v>0</v>
      </c>
      <c r="V31" s="102">
        <v>0</v>
      </c>
      <c r="W31" s="103">
        <v>1</v>
      </c>
      <c r="X31" s="104">
        <v>2</v>
      </c>
      <c r="Y31" s="101">
        <v>0</v>
      </c>
      <c r="Z31" s="102">
        <v>0</v>
      </c>
      <c r="AA31" s="103">
        <v>0</v>
      </c>
      <c r="AB31" s="413">
        <v>0</v>
      </c>
      <c r="AC31" s="102">
        <v>0</v>
      </c>
      <c r="AD31" s="102">
        <v>1</v>
      </c>
      <c r="AE31" s="102">
        <v>0</v>
      </c>
      <c r="AF31" s="102">
        <v>0</v>
      </c>
      <c r="AG31" s="102">
        <v>0</v>
      </c>
      <c r="AH31" s="103">
        <v>1</v>
      </c>
      <c r="AI31" s="104">
        <v>1</v>
      </c>
      <c r="AJ31" s="101">
        <v>0</v>
      </c>
      <c r="AK31" s="102">
        <v>2</v>
      </c>
      <c r="AL31" s="103">
        <v>2</v>
      </c>
      <c r="AM31" s="413">
        <v>0</v>
      </c>
      <c r="AN31" s="102">
        <v>2</v>
      </c>
      <c r="AO31" s="102">
        <v>0</v>
      </c>
      <c r="AP31" s="102">
        <v>1</v>
      </c>
      <c r="AQ31" s="102">
        <v>0</v>
      </c>
      <c r="AR31" s="102">
        <v>0</v>
      </c>
      <c r="AS31" s="103">
        <v>3</v>
      </c>
      <c r="AT31" s="104">
        <v>5</v>
      </c>
      <c r="AU31" s="101">
        <v>1</v>
      </c>
      <c r="AV31" s="102">
        <v>0</v>
      </c>
      <c r="AW31" s="103">
        <v>1</v>
      </c>
      <c r="AX31" s="413">
        <v>0</v>
      </c>
      <c r="AY31" s="102">
        <v>1</v>
      </c>
      <c r="AZ31" s="102">
        <v>0</v>
      </c>
      <c r="BA31" s="102">
        <v>1</v>
      </c>
      <c r="BB31" s="102">
        <v>0</v>
      </c>
      <c r="BC31" s="102">
        <v>0</v>
      </c>
      <c r="BD31" s="103">
        <v>2</v>
      </c>
      <c r="BE31" s="104">
        <v>3</v>
      </c>
      <c r="BF31" s="101">
        <v>0</v>
      </c>
      <c r="BG31" s="102">
        <v>1</v>
      </c>
      <c r="BH31" s="103">
        <v>1</v>
      </c>
      <c r="BI31" s="413">
        <v>0</v>
      </c>
      <c r="BJ31" s="102">
        <v>1</v>
      </c>
      <c r="BK31" s="102">
        <v>0</v>
      </c>
      <c r="BL31" s="102">
        <v>1</v>
      </c>
      <c r="BM31" s="102">
        <v>1</v>
      </c>
      <c r="BN31" s="102">
        <v>0</v>
      </c>
      <c r="BO31" s="103">
        <v>3</v>
      </c>
      <c r="BP31" s="104">
        <v>4</v>
      </c>
      <c r="BQ31" s="101">
        <v>0</v>
      </c>
      <c r="BR31" s="102">
        <v>0</v>
      </c>
      <c r="BS31" s="103">
        <v>0</v>
      </c>
      <c r="BT31" s="413">
        <v>0</v>
      </c>
      <c r="BU31" s="102">
        <v>2</v>
      </c>
      <c r="BV31" s="102">
        <v>0</v>
      </c>
      <c r="BW31" s="102">
        <v>1</v>
      </c>
      <c r="BX31" s="102">
        <v>1</v>
      </c>
      <c r="BY31" s="102">
        <v>0</v>
      </c>
      <c r="BZ31" s="103">
        <v>4</v>
      </c>
      <c r="CA31" s="104">
        <v>4</v>
      </c>
      <c r="CB31" s="101">
        <v>0</v>
      </c>
      <c r="CC31" s="102">
        <v>0</v>
      </c>
      <c r="CD31" s="103">
        <v>0</v>
      </c>
      <c r="CE31" s="413">
        <v>0</v>
      </c>
      <c r="CF31" s="102">
        <v>0</v>
      </c>
      <c r="CG31" s="102">
        <v>0</v>
      </c>
      <c r="CH31" s="102">
        <v>0</v>
      </c>
      <c r="CI31" s="102">
        <v>0</v>
      </c>
      <c r="CJ31" s="102">
        <v>0</v>
      </c>
      <c r="CK31" s="103">
        <v>0</v>
      </c>
      <c r="CL31" s="104">
        <v>0</v>
      </c>
      <c r="CM31" s="101">
        <v>1</v>
      </c>
      <c r="CN31" s="102">
        <v>4</v>
      </c>
      <c r="CO31" s="103">
        <v>5</v>
      </c>
      <c r="CP31" s="413">
        <v>0</v>
      </c>
      <c r="CQ31" s="102">
        <v>6</v>
      </c>
      <c r="CR31" s="102">
        <v>2</v>
      </c>
      <c r="CS31" s="102">
        <v>4</v>
      </c>
      <c r="CT31" s="102">
        <v>2</v>
      </c>
      <c r="CU31" s="102">
        <v>0</v>
      </c>
      <c r="CV31" s="103">
        <v>14</v>
      </c>
      <c r="CW31" s="104">
        <v>19</v>
      </c>
      <c r="CX31" s="105">
        <v>0</v>
      </c>
      <c r="CY31" s="97">
        <v>1</v>
      </c>
      <c r="CZ31" s="98">
        <v>1</v>
      </c>
      <c r="DA31" s="413">
        <v>0</v>
      </c>
      <c r="DB31" s="97">
        <v>2</v>
      </c>
      <c r="DC31" s="97">
        <v>3</v>
      </c>
      <c r="DD31" s="97">
        <v>2</v>
      </c>
      <c r="DE31" s="97">
        <v>0</v>
      </c>
      <c r="DF31" s="97">
        <v>1</v>
      </c>
      <c r="DG31" s="99">
        <v>8</v>
      </c>
      <c r="DH31" s="100">
        <v>9</v>
      </c>
      <c r="DI31" s="101">
        <v>0</v>
      </c>
      <c r="DJ31" s="102">
        <v>0</v>
      </c>
      <c r="DK31" s="103">
        <v>0</v>
      </c>
      <c r="DL31" s="413">
        <v>0</v>
      </c>
      <c r="DM31" s="102">
        <v>0</v>
      </c>
      <c r="DN31" s="102">
        <v>0</v>
      </c>
      <c r="DO31" s="102">
        <v>0</v>
      </c>
      <c r="DP31" s="102">
        <v>0</v>
      </c>
      <c r="DQ31" s="102">
        <v>0</v>
      </c>
      <c r="DR31" s="103">
        <v>0</v>
      </c>
      <c r="DS31" s="104">
        <v>0</v>
      </c>
      <c r="DT31" s="101">
        <v>0</v>
      </c>
      <c r="DU31" s="102">
        <v>0</v>
      </c>
      <c r="DV31" s="103">
        <v>0</v>
      </c>
      <c r="DW31" s="413">
        <v>0</v>
      </c>
      <c r="DX31" s="102">
        <v>1</v>
      </c>
      <c r="DY31" s="102">
        <v>0</v>
      </c>
      <c r="DZ31" s="102">
        <v>1</v>
      </c>
      <c r="EA31" s="102">
        <v>0</v>
      </c>
      <c r="EB31" s="102">
        <v>0</v>
      </c>
      <c r="EC31" s="103">
        <v>2</v>
      </c>
      <c r="ED31" s="104">
        <v>2</v>
      </c>
      <c r="EE31" s="101">
        <v>0</v>
      </c>
      <c r="EF31" s="102">
        <v>0</v>
      </c>
      <c r="EG31" s="103">
        <v>0</v>
      </c>
      <c r="EH31" s="413">
        <v>0</v>
      </c>
      <c r="EI31" s="102">
        <v>0</v>
      </c>
      <c r="EJ31" s="102">
        <v>0</v>
      </c>
      <c r="EK31" s="102">
        <v>0</v>
      </c>
      <c r="EL31" s="102">
        <v>0</v>
      </c>
      <c r="EM31" s="102">
        <v>0</v>
      </c>
      <c r="EN31" s="103">
        <v>0</v>
      </c>
      <c r="EO31" s="104">
        <v>0</v>
      </c>
      <c r="EP31" s="101">
        <v>0</v>
      </c>
      <c r="EQ31" s="102">
        <v>0</v>
      </c>
      <c r="ER31" s="103">
        <v>0</v>
      </c>
      <c r="ES31" s="413">
        <v>0</v>
      </c>
      <c r="ET31" s="102">
        <v>1</v>
      </c>
      <c r="EU31" s="102">
        <v>0</v>
      </c>
      <c r="EV31" s="102">
        <v>0</v>
      </c>
      <c r="EW31" s="102">
        <v>0</v>
      </c>
      <c r="EX31" s="102">
        <v>0</v>
      </c>
      <c r="EY31" s="103">
        <v>1</v>
      </c>
      <c r="EZ31" s="104">
        <v>1</v>
      </c>
      <c r="FA31" s="101">
        <v>0</v>
      </c>
      <c r="FB31" s="102">
        <v>1</v>
      </c>
      <c r="FC31" s="103">
        <v>1</v>
      </c>
      <c r="FD31" s="413">
        <v>0</v>
      </c>
      <c r="FE31" s="102">
        <v>0</v>
      </c>
      <c r="FF31" s="102">
        <v>1</v>
      </c>
      <c r="FG31" s="102">
        <v>1</v>
      </c>
      <c r="FH31" s="102">
        <v>0</v>
      </c>
      <c r="FI31" s="102">
        <v>0</v>
      </c>
      <c r="FJ31" s="103">
        <v>2</v>
      </c>
      <c r="FK31" s="104">
        <v>3</v>
      </c>
      <c r="FL31" s="101">
        <v>0</v>
      </c>
      <c r="FM31" s="102">
        <v>0</v>
      </c>
      <c r="FN31" s="103">
        <v>0</v>
      </c>
      <c r="FO31" s="413">
        <v>0</v>
      </c>
      <c r="FP31" s="102">
        <v>0</v>
      </c>
      <c r="FQ31" s="102">
        <v>2</v>
      </c>
      <c r="FR31" s="102">
        <v>0</v>
      </c>
      <c r="FS31" s="102">
        <v>0</v>
      </c>
      <c r="FT31" s="102">
        <v>1</v>
      </c>
      <c r="FU31" s="103">
        <v>3</v>
      </c>
      <c r="FV31" s="104">
        <v>3</v>
      </c>
      <c r="FW31" s="101">
        <v>0</v>
      </c>
      <c r="FX31" s="102">
        <v>0</v>
      </c>
      <c r="FY31" s="103">
        <v>0</v>
      </c>
      <c r="FZ31" s="413">
        <v>0</v>
      </c>
      <c r="GA31" s="102">
        <v>0</v>
      </c>
      <c r="GB31" s="102">
        <v>0</v>
      </c>
      <c r="GC31" s="102">
        <v>0</v>
      </c>
      <c r="GD31" s="102">
        <v>0</v>
      </c>
      <c r="GE31" s="102">
        <v>0</v>
      </c>
      <c r="GF31" s="103">
        <v>0</v>
      </c>
      <c r="GG31" s="104">
        <v>0</v>
      </c>
      <c r="GH31" s="101">
        <v>0</v>
      </c>
      <c r="GI31" s="102">
        <v>1</v>
      </c>
      <c r="GJ31" s="103">
        <v>1</v>
      </c>
      <c r="GK31" s="413">
        <v>0</v>
      </c>
      <c r="GL31" s="102">
        <v>2</v>
      </c>
      <c r="GM31" s="102">
        <v>3</v>
      </c>
      <c r="GN31" s="102">
        <v>2</v>
      </c>
      <c r="GO31" s="102">
        <v>0</v>
      </c>
      <c r="GP31" s="102">
        <v>1</v>
      </c>
      <c r="GQ31" s="103">
        <v>8</v>
      </c>
      <c r="GR31" s="104">
        <v>9</v>
      </c>
      <c r="GS31" s="105">
        <v>1</v>
      </c>
      <c r="GT31" s="97">
        <v>5</v>
      </c>
      <c r="GU31" s="98">
        <v>6</v>
      </c>
      <c r="GV31" s="413">
        <v>0</v>
      </c>
      <c r="GW31" s="97">
        <v>8</v>
      </c>
      <c r="GX31" s="97">
        <v>5</v>
      </c>
      <c r="GY31" s="97">
        <v>6</v>
      </c>
      <c r="GZ31" s="97">
        <v>2</v>
      </c>
      <c r="HA31" s="97">
        <v>1</v>
      </c>
      <c r="HB31" s="99">
        <v>22</v>
      </c>
      <c r="HC31" s="100">
        <v>28</v>
      </c>
      <c r="HD31" s="101">
        <v>0</v>
      </c>
      <c r="HE31" s="102">
        <v>1</v>
      </c>
      <c r="HF31" s="103">
        <v>1</v>
      </c>
      <c r="HG31" s="413">
        <v>0</v>
      </c>
      <c r="HH31" s="102">
        <v>0</v>
      </c>
      <c r="HI31" s="102">
        <v>1</v>
      </c>
      <c r="HJ31" s="102">
        <v>0</v>
      </c>
      <c r="HK31" s="102">
        <v>0</v>
      </c>
      <c r="HL31" s="102">
        <v>0</v>
      </c>
      <c r="HM31" s="103">
        <v>1</v>
      </c>
      <c r="HN31" s="104">
        <v>2</v>
      </c>
      <c r="HO31" s="101">
        <v>0</v>
      </c>
      <c r="HP31" s="102">
        <v>0</v>
      </c>
      <c r="HQ31" s="103">
        <v>0</v>
      </c>
      <c r="HR31" s="413">
        <v>0</v>
      </c>
      <c r="HS31" s="102">
        <v>1</v>
      </c>
      <c r="HT31" s="102">
        <v>1</v>
      </c>
      <c r="HU31" s="102">
        <v>1</v>
      </c>
      <c r="HV31" s="102">
        <v>0</v>
      </c>
      <c r="HW31" s="102">
        <v>0</v>
      </c>
      <c r="HX31" s="103">
        <v>3</v>
      </c>
      <c r="HY31" s="104">
        <v>3</v>
      </c>
      <c r="HZ31" s="101">
        <v>0</v>
      </c>
      <c r="IA31" s="102">
        <v>2</v>
      </c>
      <c r="IB31" s="103">
        <v>2</v>
      </c>
      <c r="IC31" s="413">
        <v>0</v>
      </c>
      <c r="ID31" s="102">
        <v>2</v>
      </c>
      <c r="IE31" s="102">
        <v>0</v>
      </c>
      <c r="IF31" s="102">
        <v>1</v>
      </c>
      <c r="IG31" s="102">
        <v>0</v>
      </c>
      <c r="IH31" s="102">
        <v>0</v>
      </c>
      <c r="II31" s="103">
        <v>3</v>
      </c>
      <c r="IJ31" s="104">
        <v>5</v>
      </c>
      <c r="IK31" s="101">
        <v>1</v>
      </c>
      <c r="IL31" s="102">
        <v>0</v>
      </c>
      <c r="IM31" s="103">
        <v>1</v>
      </c>
      <c r="IN31" s="413">
        <v>0</v>
      </c>
      <c r="IO31" s="102">
        <v>2</v>
      </c>
      <c r="IP31" s="102">
        <v>0</v>
      </c>
      <c r="IQ31" s="102">
        <v>1</v>
      </c>
      <c r="IR31" s="102">
        <v>0</v>
      </c>
      <c r="IS31" s="102">
        <v>0</v>
      </c>
      <c r="IT31" s="103">
        <v>3</v>
      </c>
      <c r="IU31" s="104">
        <v>4</v>
      </c>
      <c r="IV31" s="101">
        <v>0</v>
      </c>
      <c r="IW31" s="102">
        <v>2</v>
      </c>
      <c r="IX31" s="103">
        <v>2</v>
      </c>
      <c r="IY31" s="413">
        <v>0</v>
      </c>
      <c r="IZ31" s="102">
        <v>1</v>
      </c>
      <c r="JA31" s="102">
        <v>1</v>
      </c>
      <c r="JB31" s="102">
        <v>2</v>
      </c>
      <c r="JC31" s="102">
        <v>1</v>
      </c>
      <c r="JD31" s="102">
        <v>0</v>
      </c>
      <c r="JE31" s="103">
        <v>5</v>
      </c>
      <c r="JF31" s="104">
        <v>7</v>
      </c>
      <c r="JG31" s="101">
        <v>0</v>
      </c>
      <c r="JH31" s="102">
        <v>0</v>
      </c>
      <c r="JI31" s="103">
        <v>0</v>
      </c>
      <c r="JJ31" s="413">
        <v>0</v>
      </c>
      <c r="JK31" s="102">
        <v>2</v>
      </c>
      <c r="JL31" s="102">
        <v>2</v>
      </c>
      <c r="JM31" s="102">
        <v>1</v>
      </c>
      <c r="JN31" s="102">
        <v>1</v>
      </c>
      <c r="JO31" s="102">
        <v>1</v>
      </c>
      <c r="JP31" s="103">
        <v>7</v>
      </c>
      <c r="JQ31" s="104">
        <v>7</v>
      </c>
      <c r="JR31" s="101">
        <v>0</v>
      </c>
      <c r="JS31" s="102">
        <v>0</v>
      </c>
      <c r="JT31" s="103">
        <v>0</v>
      </c>
      <c r="JU31" s="413">
        <v>0</v>
      </c>
      <c r="JV31" s="102">
        <v>0</v>
      </c>
      <c r="JW31" s="102">
        <v>0</v>
      </c>
      <c r="JX31" s="102">
        <v>0</v>
      </c>
      <c r="JY31" s="102">
        <v>0</v>
      </c>
      <c r="JZ31" s="102">
        <v>0</v>
      </c>
      <c r="KA31" s="103">
        <v>0</v>
      </c>
      <c r="KB31" s="104">
        <v>0</v>
      </c>
      <c r="KC31" s="101">
        <v>1</v>
      </c>
      <c r="KD31" s="102">
        <v>5</v>
      </c>
      <c r="KE31" s="103">
        <v>6</v>
      </c>
      <c r="KF31" s="413">
        <v>0</v>
      </c>
      <c r="KG31" s="102">
        <v>8</v>
      </c>
      <c r="KH31" s="102">
        <v>5</v>
      </c>
      <c r="KI31" s="102">
        <v>6</v>
      </c>
      <c r="KJ31" s="102">
        <v>2</v>
      </c>
      <c r="KK31" s="102">
        <v>1</v>
      </c>
      <c r="KL31" s="103">
        <v>22</v>
      </c>
      <c r="KM31" s="104">
        <v>28</v>
      </c>
    </row>
    <row r="32" spans="2:299" s="70" customFormat="1" ht="21" customHeight="1" x14ac:dyDescent="0.2">
      <c r="B32" s="106" t="s">
        <v>29</v>
      </c>
      <c r="C32" s="96">
        <v>1</v>
      </c>
      <c r="D32" s="97">
        <v>3</v>
      </c>
      <c r="E32" s="98">
        <v>4</v>
      </c>
      <c r="F32" s="413">
        <v>0</v>
      </c>
      <c r="G32" s="97">
        <v>7</v>
      </c>
      <c r="H32" s="97">
        <v>5</v>
      </c>
      <c r="I32" s="97">
        <v>4</v>
      </c>
      <c r="J32" s="97">
        <v>5</v>
      </c>
      <c r="K32" s="97">
        <v>4</v>
      </c>
      <c r="L32" s="99">
        <v>25</v>
      </c>
      <c r="M32" s="100">
        <v>29</v>
      </c>
      <c r="N32" s="101">
        <v>0</v>
      </c>
      <c r="O32" s="102">
        <v>0</v>
      </c>
      <c r="P32" s="103">
        <v>0</v>
      </c>
      <c r="Q32" s="413">
        <v>0</v>
      </c>
      <c r="R32" s="102">
        <v>0</v>
      </c>
      <c r="S32" s="102">
        <v>1</v>
      </c>
      <c r="T32" s="102">
        <v>0</v>
      </c>
      <c r="U32" s="102">
        <v>0</v>
      </c>
      <c r="V32" s="102">
        <v>0</v>
      </c>
      <c r="W32" s="103">
        <v>1</v>
      </c>
      <c r="X32" s="104">
        <v>1</v>
      </c>
      <c r="Y32" s="101">
        <v>0</v>
      </c>
      <c r="Z32" s="102">
        <v>0</v>
      </c>
      <c r="AA32" s="103">
        <v>0</v>
      </c>
      <c r="AB32" s="413">
        <v>0</v>
      </c>
      <c r="AC32" s="102">
        <v>0</v>
      </c>
      <c r="AD32" s="102">
        <v>0</v>
      </c>
      <c r="AE32" s="102">
        <v>2</v>
      </c>
      <c r="AF32" s="102">
        <v>0</v>
      </c>
      <c r="AG32" s="102">
        <v>0</v>
      </c>
      <c r="AH32" s="103">
        <v>2</v>
      </c>
      <c r="AI32" s="104">
        <v>2</v>
      </c>
      <c r="AJ32" s="101">
        <v>0</v>
      </c>
      <c r="AK32" s="102">
        <v>0</v>
      </c>
      <c r="AL32" s="103">
        <v>0</v>
      </c>
      <c r="AM32" s="413">
        <v>0</v>
      </c>
      <c r="AN32" s="102">
        <v>2</v>
      </c>
      <c r="AO32" s="102">
        <v>1</v>
      </c>
      <c r="AP32" s="102">
        <v>0</v>
      </c>
      <c r="AQ32" s="102">
        <v>2</v>
      </c>
      <c r="AR32" s="102">
        <v>1</v>
      </c>
      <c r="AS32" s="103">
        <v>6</v>
      </c>
      <c r="AT32" s="104">
        <v>6</v>
      </c>
      <c r="AU32" s="101">
        <v>1</v>
      </c>
      <c r="AV32" s="102">
        <v>1</v>
      </c>
      <c r="AW32" s="103">
        <v>2</v>
      </c>
      <c r="AX32" s="413">
        <v>0</v>
      </c>
      <c r="AY32" s="102">
        <v>2</v>
      </c>
      <c r="AZ32" s="102">
        <v>0</v>
      </c>
      <c r="BA32" s="102">
        <v>0</v>
      </c>
      <c r="BB32" s="102">
        <v>1</v>
      </c>
      <c r="BC32" s="102">
        <v>0</v>
      </c>
      <c r="BD32" s="103">
        <v>3</v>
      </c>
      <c r="BE32" s="104">
        <v>5</v>
      </c>
      <c r="BF32" s="101">
        <v>0</v>
      </c>
      <c r="BG32" s="102">
        <v>2</v>
      </c>
      <c r="BH32" s="103">
        <v>2</v>
      </c>
      <c r="BI32" s="413">
        <v>0</v>
      </c>
      <c r="BJ32" s="102">
        <v>3</v>
      </c>
      <c r="BK32" s="102">
        <v>0</v>
      </c>
      <c r="BL32" s="102">
        <v>1</v>
      </c>
      <c r="BM32" s="102">
        <v>1</v>
      </c>
      <c r="BN32" s="102">
        <v>0</v>
      </c>
      <c r="BO32" s="103">
        <v>5</v>
      </c>
      <c r="BP32" s="104">
        <v>7</v>
      </c>
      <c r="BQ32" s="101">
        <v>0</v>
      </c>
      <c r="BR32" s="102">
        <v>0</v>
      </c>
      <c r="BS32" s="103">
        <v>0</v>
      </c>
      <c r="BT32" s="413">
        <v>0</v>
      </c>
      <c r="BU32" s="102">
        <v>0</v>
      </c>
      <c r="BV32" s="102">
        <v>3</v>
      </c>
      <c r="BW32" s="102">
        <v>1</v>
      </c>
      <c r="BX32" s="102">
        <v>1</v>
      </c>
      <c r="BY32" s="102">
        <v>3</v>
      </c>
      <c r="BZ32" s="103">
        <v>8</v>
      </c>
      <c r="CA32" s="104">
        <v>8</v>
      </c>
      <c r="CB32" s="101">
        <v>0</v>
      </c>
      <c r="CC32" s="102">
        <v>0</v>
      </c>
      <c r="CD32" s="103">
        <v>0</v>
      </c>
      <c r="CE32" s="413">
        <v>0</v>
      </c>
      <c r="CF32" s="102">
        <v>0</v>
      </c>
      <c r="CG32" s="102">
        <v>0</v>
      </c>
      <c r="CH32" s="102">
        <v>0</v>
      </c>
      <c r="CI32" s="102">
        <v>0</v>
      </c>
      <c r="CJ32" s="102">
        <v>0</v>
      </c>
      <c r="CK32" s="103">
        <v>0</v>
      </c>
      <c r="CL32" s="104">
        <v>0</v>
      </c>
      <c r="CM32" s="101">
        <v>1</v>
      </c>
      <c r="CN32" s="102">
        <v>3</v>
      </c>
      <c r="CO32" s="103">
        <v>4</v>
      </c>
      <c r="CP32" s="413">
        <v>0</v>
      </c>
      <c r="CQ32" s="102">
        <v>7</v>
      </c>
      <c r="CR32" s="102">
        <v>5</v>
      </c>
      <c r="CS32" s="102">
        <v>4</v>
      </c>
      <c r="CT32" s="102">
        <v>5</v>
      </c>
      <c r="CU32" s="102">
        <v>4</v>
      </c>
      <c r="CV32" s="103">
        <v>25</v>
      </c>
      <c r="CW32" s="104">
        <v>29</v>
      </c>
      <c r="CX32" s="105">
        <v>1</v>
      </c>
      <c r="CY32" s="97">
        <v>2</v>
      </c>
      <c r="CZ32" s="98">
        <v>3</v>
      </c>
      <c r="DA32" s="413">
        <v>0</v>
      </c>
      <c r="DB32" s="97">
        <v>3</v>
      </c>
      <c r="DC32" s="97">
        <v>3</v>
      </c>
      <c r="DD32" s="97">
        <v>0</v>
      </c>
      <c r="DE32" s="97">
        <v>1</v>
      </c>
      <c r="DF32" s="97">
        <v>0</v>
      </c>
      <c r="DG32" s="99">
        <v>7</v>
      </c>
      <c r="DH32" s="100">
        <v>10</v>
      </c>
      <c r="DI32" s="101">
        <v>0</v>
      </c>
      <c r="DJ32" s="102">
        <v>0</v>
      </c>
      <c r="DK32" s="103">
        <v>0</v>
      </c>
      <c r="DL32" s="413">
        <v>0</v>
      </c>
      <c r="DM32" s="102">
        <v>0</v>
      </c>
      <c r="DN32" s="102">
        <v>0</v>
      </c>
      <c r="DO32" s="102">
        <v>0</v>
      </c>
      <c r="DP32" s="102">
        <v>0</v>
      </c>
      <c r="DQ32" s="102">
        <v>0</v>
      </c>
      <c r="DR32" s="103">
        <v>0</v>
      </c>
      <c r="DS32" s="104">
        <v>0</v>
      </c>
      <c r="DT32" s="101">
        <v>0</v>
      </c>
      <c r="DU32" s="102">
        <v>0</v>
      </c>
      <c r="DV32" s="103">
        <v>0</v>
      </c>
      <c r="DW32" s="413">
        <v>0</v>
      </c>
      <c r="DX32" s="102">
        <v>0</v>
      </c>
      <c r="DY32" s="102">
        <v>0</v>
      </c>
      <c r="DZ32" s="102">
        <v>0</v>
      </c>
      <c r="EA32" s="102">
        <v>0</v>
      </c>
      <c r="EB32" s="102">
        <v>0</v>
      </c>
      <c r="EC32" s="103">
        <v>0</v>
      </c>
      <c r="ED32" s="104">
        <v>0</v>
      </c>
      <c r="EE32" s="101">
        <v>0</v>
      </c>
      <c r="EF32" s="102">
        <v>1</v>
      </c>
      <c r="EG32" s="103">
        <v>1</v>
      </c>
      <c r="EH32" s="413">
        <v>0</v>
      </c>
      <c r="EI32" s="102">
        <v>0</v>
      </c>
      <c r="EJ32" s="102">
        <v>1</v>
      </c>
      <c r="EK32" s="102">
        <v>0</v>
      </c>
      <c r="EL32" s="102">
        <v>0</v>
      </c>
      <c r="EM32" s="102">
        <v>0</v>
      </c>
      <c r="EN32" s="103">
        <v>1</v>
      </c>
      <c r="EO32" s="104">
        <v>2</v>
      </c>
      <c r="EP32" s="101">
        <v>1</v>
      </c>
      <c r="EQ32" s="102">
        <v>0</v>
      </c>
      <c r="ER32" s="103">
        <v>1</v>
      </c>
      <c r="ES32" s="413">
        <v>0</v>
      </c>
      <c r="ET32" s="102">
        <v>2</v>
      </c>
      <c r="EU32" s="102">
        <v>2</v>
      </c>
      <c r="EV32" s="102">
        <v>0</v>
      </c>
      <c r="EW32" s="102">
        <v>0</v>
      </c>
      <c r="EX32" s="102">
        <v>0</v>
      </c>
      <c r="EY32" s="103">
        <v>4</v>
      </c>
      <c r="EZ32" s="104">
        <v>5</v>
      </c>
      <c r="FA32" s="101">
        <v>0</v>
      </c>
      <c r="FB32" s="102">
        <v>1</v>
      </c>
      <c r="FC32" s="103">
        <v>1</v>
      </c>
      <c r="FD32" s="413">
        <v>0</v>
      </c>
      <c r="FE32" s="102">
        <v>0</v>
      </c>
      <c r="FF32" s="102">
        <v>0</v>
      </c>
      <c r="FG32" s="102">
        <v>0</v>
      </c>
      <c r="FH32" s="102">
        <v>0</v>
      </c>
      <c r="FI32" s="102">
        <v>0</v>
      </c>
      <c r="FJ32" s="103">
        <v>0</v>
      </c>
      <c r="FK32" s="104">
        <v>1</v>
      </c>
      <c r="FL32" s="101">
        <v>0</v>
      </c>
      <c r="FM32" s="102">
        <v>0</v>
      </c>
      <c r="FN32" s="103">
        <v>0</v>
      </c>
      <c r="FO32" s="413">
        <v>0</v>
      </c>
      <c r="FP32" s="102">
        <v>1</v>
      </c>
      <c r="FQ32" s="102">
        <v>0</v>
      </c>
      <c r="FR32" s="102">
        <v>0</v>
      </c>
      <c r="FS32" s="102">
        <v>1</v>
      </c>
      <c r="FT32" s="102">
        <v>0</v>
      </c>
      <c r="FU32" s="103">
        <v>2</v>
      </c>
      <c r="FV32" s="104">
        <v>2</v>
      </c>
      <c r="FW32" s="101">
        <v>0</v>
      </c>
      <c r="FX32" s="102">
        <v>0</v>
      </c>
      <c r="FY32" s="103">
        <v>0</v>
      </c>
      <c r="FZ32" s="413">
        <v>0</v>
      </c>
      <c r="GA32" s="102">
        <v>0</v>
      </c>
      <c r="GB32" s="102">
        <v>0</v>
      </c>
      <c r="GC32" s="102">
        <v>0</v>
      </c>
      <c r="GD32" s="102">
        <v>0</v>
      </c>
      <c r="GE32" s="102">
        <v>0</v>
      </c>
      <c r="GF32" s="103">
        <v>0</v>
      </c>
      <c r="GG32" s="104">
        <v>0</v>
      </c>
      <c r="GH32" s="101">
        <v>1</v>
      </c>
      <c r="GI32" s="102">
        <v>2</v>
      </c>
      <c r="GJ32" s="103">
        <v>3</v>
      </c>
      <c r="GK32" s="413">
        <v>0</v>
      </c>
      <c r="GL32" s="102">
        <v>3</v>
      </c>
      <c r="GM32" s="102">
        <v>3</v>
      </c>
      <c r="GN32" s="102">
        <v>0</v>
      </c>
      <c r="GO32" s="102">
        <v>1</v>
      </c>
      <c r="GP32" s="102">
        <v>0</v>
      </c>
      <c r="GQ32" s="103">
        <v>7</v>
      </c>
      <c r="GR32" s="104">
        <v>10</v>
      </c>
      <c r="GS32" s="105">
        <v>2</v>
      </c>
      <c r="GT32" s="97">
        <v>5</v>
      </c>
      <c r="GU32" s="98">
        <v>7</v>
      </c>
      <c r="GV32" s="413">
        <v>0</v>
      </c>
      <c r="GW32" s="97">
        <v>10</v>
      </c>
      <c r="GX32" s="97">
        <v>8</v>
      </c>
      <c r="GY32" s="97">
        <v>4</v>
      </c>
      <c r="GZ32" s="97">
        <v>6</v>
      </c>
      <c r="HA32" s="97">
        <v>4</v>
      </c>
      <c r="HB32" s="99">
        <v>32</v>
      </c>
      <c r="HC32" s="100">
        <v>39</v>
      </c>
      <c r="HD32" s="101">
        <v>0</v>
      </c>
      <c r="HE32" s="102">
        <v>0</v>
      </c>
      <c r="HF32" s="103">
        <v>0</v>
      </c>
      <c r="HG32" s="413">
        <v>0</v>
      </c>
      <c r="HH32" s="102">
        <v>0</v>
      </c>
      <c r="HI32" s="102">
        <v>1</v>
      </c>
      <c r="HJ32" s="102">
        <v>0</v>
      </c>
      <c r="HK32" s="102">
        <v>0</v>
      </c>
      <c r="HL32" s="102">
        <v>0</v>
      </c>
      <c r="HM32" s="103">
        <v>1</v>
      </c>
      <c r="HN32" s="104">
        <v>1</v>
      </c>
      <c r="HO32" s="101">
        <v>0</v>
      </c>
      <c r="HP32" s="102">
        <v>0</v>
      </c>
      <c r="HQ32" s="103">
        <v>0</v>
      </c>
      <c r="HR32" s="413">
        <v>0</v>
      </c>
      <c r="HS32" s="102">
        <v>0</v>
      </c>
      <c r="HT32" s="102">
        <v>0</v>
      </c>
      <c r="HU32" s="102">
        <v>2</v>
      </c>
      <c r="HV32" s="102">
        <v>0</v>
      </c>
      <c r="HW32" s="102">
        <v>0</v>
      </c>
      <c r="HX32" s="103">
        <v>2</v>
      </c>
      <c r="HY32" s="104">
        <v>2</v>
      </c>
      <c r="HZ32" s="101">
        <v>0</v>
      </c>
      <c r="IA32" s="102">
        <v>1</v>
      </c>
      <c r="IB32" s="103">
        <v>1</v>
      </c>
      <c r="IC32" s="413">
        <v>0</v>
      </c>
      <c r="ID32" s="102">
        <v>2</v>
      </c>
      <c r="IE32" s="102">
        <v>2</v>
      </c>
      <c r="IF32" s="102">
        <v>0</v>
      </c>
      <c r="IG32" s="102">
        <v>2</v>
      </c>
      <c r="IH32" s="102">
        <v>1</v>
      </c>
      <c r="II32" s="103">
        <v>7</v>
      </c>
      <c r="IJ32" s="104">
        <v>8</v>
      </c>
      <c r="IK32" s="101">
        <v>2</v>
      </c>
      <c r="IL32" s="102">
        <v>1</v>
      </c>
      <c r="IM32" s="103">
        <v>3</v>
      </c>
      <c r="IN32" s="413">
        <v>0</v>
      </c>
      <c r="IO32" s="102">
        <v>4</v>
      </c>
      <c r="IP32" s="102">
        <v>2</v>
      </c>
      <c r="IQ32" s="102">
        <v>0</v>
      </c>
      <c r="IR32" s="102">
        <v>1</v>
      </c>
      <c r="IS32" s="102">
        <v>0</v>
      </c>
      <c r="IT32" s="103">
        <v>7</v>
      </c>
      <c r="IU32" s="104">
        <v>10</v>
      </c>
      <c r="IV32" s="101">
        <v>0</v>
      </c>
      <c r="IW32" s="102">
        <v>3</v>
      </c>
      <c r="IX32" s="103">
        <v>3</v>
      </c>
      <c r="IY32" s="413">
        <v>0</v>
      </c>
      <c r="IZ32" s="102">
        <v>3</v>
      </c>
      <c r="JA32" s="102">
        <v>0</v>
      </c>
      <c r="JB32" s="102">
        <v>1</v>
      </c>
      <c r="JC32" s="102">
        <v>1</v>
      </c>
      <c r="JD32" s="102">
        <v>0</v>
      </c>
      <c r="JE32" s="103">
        <v>5</v>
      </c>
      <c r="JF32" s="104">
        <v>8</v>
      </c>
      <c r="JG32" s="101">
        <v>0</v>
      </c>
      <c r="JH32" s="102">
        <v>0</v>
      </c>
      <c r="JI32" s="103">
        <v>0</v>
      </c>
      <c r="JJ32" s="413">
        <v>0</v>
      </c>
      <c r="JK32" s="102">
        <v>1</v>
      </c>
      <c r="JL32" s="102">
        <v>3</v>
      </c>
      <c r="JM32" s="102">
        <v>1</v>
      </c>
      <c r="JN32" s="102">
        <v>2</v>
      </c>
      <c r="JO32" s="102">
        <v>3</v>
      </c>
      <c r="JP32" s="103">
        <v>10</v>
      </c>
      <c r="JQ32" s="104">
        <v>10</v>
      </c>
      <c r="JR32" s="101">
        <v>0</v>
      </c>
      <c r="JS32" s="102">
        <v>0</v>
      </c>
      <c r="JT32" s="103">
        <v>0</v>
      </c>
      <c r="JU32" s="413">
        <v>0</v>
      </c>
      <c r="JV32" s="102">
        <v>0</v>
      </c>
      <c r="JW32" s="102">
        <v>0</v>
      </c>
      <c r="JX32" s="102">
        <v>0</v>
      </c>
      <c r="JY32" s="102">
        <v>0</v>
      </c>
      <c r="JZ32" s="102">
        <v>0</v>
      </c>
      <c r="KA32" s="103">
        <v>0</v>
      </c>
      <c r="KB32" s="104">
        <v>0</v>
      </c>
      <c r="KC32" s="101">
        <v>2</v>
      </c>
      <c r="KD32" s="102">
        <v>5</v>
      </c>
      <c r="KE32" s="103">
        <v>7</v>
      </c>
      <c r="KF32" s="413">
        <v>0</v>
      </c>
      <c r="KG32" s="102">
        <v>10</v>
      </c>
      <c r="KH32" s="102">
        <v>8</v>
      </c>
      <c r="KI32" s="102">
        <v>4</v>
      </c>
      <c r="KJ32" s="102">
        <v>6</v>
      </c>
      <c r="KK32" s="102">
        <v>4</v>
      </c>
      <c r="KL32" s="103">
        <v>32</v>
      </c>
      <c r="KM32" s="104">
        <v>39</v>
      </c>
    </row>
    <row r="33" spans="2:299" s="70" customFormat="1" ht="21" customHeight="1" x14ac:dyDescent="0.2">
      <c r="B33" s="106" t="s">
        <v>30</v>
      </c>
      <c r="C33" s="96">
        <v>3</v>
      </c>
      <c r="D33" s="97">
        <v>1</v>
      </c>
      <c r="E33" s="98">
        <v>4</v>
      </c>
      <c r="F33" s="413">
        <v>0</v>
      </c>
      <c r="G33" s="97">
        <v>3</v>
      </c>
      <c r="H33" s="97">
        <v>6</v>
      </c>
      <c r="I33" s="97">
        <v>2</v>
      </c>
      <c r="J33" s="97">
        <v>1</v>
      </c>
      <c r="K33" s="97">
        <v>1</v>
      </c>
      <c r="L33" s="99">
        <v>13</v>
      </c>
      <c r="M33" s="100">
        <v>17</v>
      </c>
      <c r="N33" s="101">
        <v>0</v>
      </c>
      <c r="O33" s="102">
        <v>0</v>
      </c>
      <c r="P33" s="103">
        <v>0</v>
      </c>
      <c r="Q33" s="413">
        <v>0</v>
      </c>
      <c r="R33" s="102">
        <v>0</v>
      </c>
      <c r="S33" s="102">
        <v>1</v>
      </c>
      <c r="T33" s="102">
        <v>0</v>
      </c>
      <c r="U33" s="102">
        <v>0</v>
      </c>
      <c r="V33" s="102">
        <v>0</v>
      </c>
      <c r="W33" s="103">
        <v>1</v>
      </c>
      <c r="X33" s="104">
        <v>1</v>
      </c>
      <c r="Y33" s="101">
        <v>1</v>
      </c>
      <c r="Z33" s="102">
        <v>0</v>
      </c>
      <c r="AA33" s="103">
        <v>1</v>
      </c>
      <c r="AB33" s="413">
        <v>0</v>
      </c>
      <c r="AC33" s="102">
        <v>0</v>
      </c>
      <c r="AD33" s="102">
        <v>0</v>
      </c>
      <c r="AE33" s="102">
        <v>0</v>
      </c>
      <c r="AF33" s="102">
        <v>0</v>
      </c>
      <c r="AG33" s="102">
        <v>0</v>
      </c>
      <c r="AH33" s="103">
        <v>0</v>
      </c>
      <c r="AI33" s="104">
        <v>1</v>
      </c>
      <c r="AJ33" s="101">
        <v>0</v>
      </c>
      <c r="AK33" s="102">
        <v>0</v>
      </c>
      <c r="AL33" s="103">
        <v>0</v>
      </c>
      <c r="AM33" s="413">
        <v>0</v>
      </c>
      <c r="AN33" s="102">
        <v>0</v>
      </c>
      <c r="AO33" s="102">
        <v>0</v>
      </c>
      <c r="AP33" s="102">
        <v>0</v>
      </c>
      <c r="AQ33" s="102">
        <v>0</v>
      </c>
      <c r="AR33" s="102">
        <v>0</v>
      </c>
      <c r="AS33" s="103">
        <v>0</v>
      </c>
      <c r="AT33" s="104">
        <v>0</v>
      </c>
      <c r="AU33" s="101">
        <v>1</v>
      </c>
      <c r="AV33" s="102">
        <v>0</v>
      </c>
      <c r="AW33" s="103">
        <v>1</v>
      </c>
      <c r="AX33" s="413">
        <v>0</v>
      </c>
      <c r="AY33" s="102">
        <v>2</v>
      </c>
      <c r="AZ33" s="102">
        <v>3</v>
      </c>
      <c r="BA33" s="102">
        <v>0</v>
      </c>
      <c r="BB33" s="102">
        <v>0</v>
      </c>
      <c r="BC33" s="102">
        <v>0</v>
      </c>
      <c r="BD33" s="103">
        <v>5</v>
      </c>
      <c r="BE33" s="104">
        <v>6</v>
      </c>
      <c r="BF33" s="101">
        <v>0</v>
      </c>
      <c r="BG33" s="102">
        <v>0</v>
      </c>
      <c r="BH33" s="103">
        <v>0</v>
      </c>
      <c r="BI33" s="413">
        <v>0</v>
      </c>
      <c r="BJ33" s="102">
        <v>0</v>
      </c>
      <c r="BK33" s="102">
        <v>0</v>
      </c>
      <c r="BL33" s="102">
        <v>1</v>
      </c>
      <c r="BM33" s="102">
        <v>1</v>
      </c>
      <c r="BN33" s="102">
        <v>1</v>
      </c>
      <c r="BO33" s="103">
        <v>3</v>
      </c>
      <c r="BP33" s="104">
        <v>3</v>
      </c>
      <c r="BQ33" s="101">
        <v>1</v>
      </c>
      <c r="BR33" s="102">
        <v>1</v>
      </c>
      <c r="BS33" s="103">
        <v>2</v>
      </c>
      <c r="BT33" s="413">
        <v>0</v>
      </c>
      <c r="BU33" s="102">
        <v>1</v>
      </c>
      <c r="BV33" s="102">
        <v>2</v>
      </c>
      <c r="BW33" s="102">
        <v>1</v>
      </c>
      <c r="BX33" s="102">
        <v>0</v>
      </c>
      <c r="BY33" s="102">
        <v>0</v>
      </c>
      <c r="BZ33" s="103">
        <v>4</v>
      </c>
      <c r="CA33" s="104">
        <v>6</v>
      </c>
      <c r="CB33" s="101">
        <v>0</v>
      </c>
      <c r="CC33" s="102">
        <v>0</v>
      </c>
      <c r="CD33" s="103">
        <v>0</v>
      </c>
      <c r="CE33" s="413">
        <v>0</v>
      </c>
      <c r="CF33" s="102">
        <v>0</v>
      </c>
      <c r="CG33" s="102">
        <v>0</v>
      </c>
      <c r="CH33" s="102">
        <v>0</v>
      </c>
      <c r="CI33" s="102">
        <v>0</v>
      </c>
      <c r="CJ33" s="102">
        <v>0</v>
      </c>
      <c r="CK33" s="103">
        <v>0</v>
      </c>
      <c r="CL33" s="104">
        <v>0</v>
      </c>
      <c r="CM33" s="101">
        <v>3</v>
      </c>
      <c r="CN33" s="102">
        <v>1</v>
      </c>
      <c r="CO33" s="103">
        <v>4</v>
      </c>
      <c r="CP33" s="413">
        <v>0</v>
      </c>
      <c r="CQ33" s="102">
        <v>3</v>
      </c>
      <c r="CR33" s="102">
        <v>6</v>
      </c>
      <c r="CS33" s="102">
        <v>2</v>
      </c>
      <c r="CT33" s="102">
        <v>1</v>
      </c>
      <c r="CU33" s="102">
        <v>1</v>
      </c>
      <c r="CV33" s="103">
        <v>13</v>
      </c>
      <c r="CW33" s="104">
        <v>17</v>
      </c>
      <c r="CX33" s="105">
        <v>2</v>
      </c>
      <c r="CY33" s="97">
        <v>1</v>
      </c>
      <c r="CZ33" s="98">
        <v>3</v>
      </c>
      <c r="DA33" s="413">
        <v>0</v>
      </c>
      <c r="DB33" s="97">
        <v>5</v>
      </c>
      <c r="DC33" s="97">
        <v>0</v>
      </c>
      <c r="DD33" s="97">
        <v>2</v>
      </c>
      <c r="DE33" s="97">
        <v>2</v>
      </c>
      <c r="DF33" s="97">
        <v>1</v>
      </c>
      <c r="DG33" s="99">
        <v>10</v>
      </c>
      <c r="DH33" s="100">
        <v>13</v>
      </c>
      <c r="DI33" s="101">
        <v>0</v>
      </c>
      <c r="DJ33" s="102">
        <v>0</v>
      </c>
      <c r="DK33" s="103">
        <v>0</v>
      </c>
      <c r="DL33" s="413">
        <v>0</v>
      </c>
      <c r="DM33" s="102">
        <v>0</v>
      </c>
      <c r="DN33" s="102">
        <v>0</v>
      </c>
      <c r="DO33" s="102">
        <v>0</v>
      </c>
      <c r="DP33" s="102">
        <v>0</v>
      </c>
      <c r="DQ33" s="102">
        <v>0</v>
      </c>
      <c r="DR33" s="103">
        <v>0</v>
      </c>
      <c r="DS33" s="104">
        <v>0</v>
      </c>
      <c r="DT33" s="101">
        <v>0</v>
      </c>
      <c r="DU33" s="102">
        <v>0</v>
      </c>
      <c r="DV33" s="103">
        <v>0</v>
      </c>
      <c r="DW33" s="413">
        <v>0</v>
      </c>
      <c r="DX33" s="102">
        <v>1</v>
      </c>
      <c r="DY33" s="102">
        <v>0</v>
      </c>
      <c r="DZ33" s="102">
        <v>0</v>
      </c>
      <c r="EA33" s="102">
        <v>0</v>
      </c>
      <c r="EB33" s="102">
        <v>0</v>
      </c>
      <c r="EC33" s="103">
        <v>1</v>
      </c>
      <c r="ED33" s="104">
        <v>1</v>
      </c>
      <c r="EE33" s="101">
        <v>1</v>
      </c>
      <c r="EF33" s="102">
        <v>0</v>
      </c>
      <c r="EG33" s="103">
        <v>1</v>
      </c>
      <c r="EH33" s="413">
        <v>0</v>
      </c>
      <c r="EI33" s="102">
        <v>0</v>
      </c>
      <c r="EJ33" s="102">
        <v>0</v>
      </c>
      <c r="EK33" s="102">
        <v>0</v>
      </c>
      <c r="EL33" s="102">
        <v>0</v>
      </c>
      <c r="EM33" s="102">
        <v>0</v>
      </c>
      <c r="EN33" s="103">
        <v>0</v>
      </c>
      <c r="EO33" s="104">
        <v>1</v>
      </c>
      <c r="EP33" s="101">
        <v>0</v>
      </c>
      <c r="EQ33" s="102">
        <v>0</v>
      </c>
      <c r="ER33" s="103">
        <v>0</v>
      </c>
      <c r="ES33" s="413">
        <v>0</v>
      </c>
      <c r="ET33" s="102">
        <v>1</v>
      </c>
      <c r="EU33" s="102">
        <v>0</v>
      </c>
      <c r="EV33" s="102">
        <v>0</v>
      </c>
      <c r="EW33" s="102">
        <v>0</v>
      </c>
      <c r="EX33" s="102">
        <v>0</v>
      </c>
      <c r="EY33" s="103">
        <v>1</v>
      </c>
      <c r="EZ33" s="104">
        <v>1</v>
      </c>
      <c r="FA33" s="101">
        <v>0</v>
      </c>
      <c r="FB33" s="102">
        <v>0</v>
      </c>
      <c r="FC33" s="103">
        <v>0</v>
      </c>
      <c r="FD33" s="413">
        <v>0</v>
      </c>
      <c r="FE33" s="102">
        <v>1</v>
      </c>
      <c r="FF33" s="102">
        <v>0</v>
      </c>
      <c r="FG33" s="102">
        <v>0</v>
      </c>
      <c r="FH33" s="102">
        <v>1</v>
      </c>
      <c r="FI33" s="102">
        <v>0</v>
      </c>
      <c r="FJ33" s="103">
        <v>2</v>
      </c>
      <c r="FK33" s="104">
        <v>2</v>
      </c>
      <c r="FL33" s="101">
        <v>1</v>
      </c>
      <c r="FM33" s="102">
        <v>1</v>
      </c>
      <c r="FN33" s="103">
        <v>2</v>
      </c>
      <c r="FO33" s="413">
        <v>0</v>
      </c>
      <c r="FP33" s="102">
        <v>2</v>
      </c>
      <c r="FQ33" s="102">
        <v>0</v>
      </c>
      <c r="FR33" s="102">
        <v>2</v>
      </c>
      <c r="FS33" s="102">
        <v>1</v>
      </c>
      <c r="FT33" s="102">
        <v>1</v>
      </c>
      <c r="FU33" s="103">
        <v>6</v>
      </c>
      <c r="FV33" s="104">
        <v>8</v>
      </c>
      <c r="FW33" s="101">
        <v>0</v>
      </c>
      <c r="FX33" s="102">
        <v>0</v>
      </c>
      <c r="FY33" s="103">
        <v>0</v>
      </c>
      <c r="FZ33" s="413">
        <v>0</v>
      </c>
      <c r="GA33" s="102">
        <v>0</v>
      </c>
      <c r="GB33" s="102">
        <v>0</v>
      </c>
      <c r="GC33" s="102">
        <v>0</v>
      </c>
      <c r="GD33" s="102">
        <v>0</v>
      </c>
      <c r="GE33" s="102">
        <v>0</v>
      </c>
      <c r="GF33" s="103">
        <v>0</v>
      </c>
      <c r="GG33" s="104">
        <v>0</v>
      </c>
      <c r="GH33" s="101">
        <v>2</v>
      </c>
      <c r="GI33" s="102">
        <v>1</v>
      </c>
      <c r="GJ33" s="103">
        <v>3</v>
      </c>
      <c r="GK33" s="413">
        <v>0</v>
      </c>
      <c r="GL33" s="102">
        <v>5</v>
      </c>
      <c r="GM33" s="102">
        <v>0</v>
      </c>
      <c r="GN33" s="102">
        <v>2</v>
      </c>
      <c r="GO33" s="102">
        <v>2</v>
      </c>
      <c r="GP33" s="102">
        <v>1</v>
      </c>
      <c r="GQ33" s="103">
        <v>10</v>
      </c>
      <c r="GR33" s="104">
        <v>13</v>
      </c>
      <c r="GS33" s="105">
        <v>5</v>
      </c>
      <c r="GT33" s="97">
        <v>2</v>
      </c>
      <c r="GU33" s="98">
        <v>7</v>
      </c>
      <c r="GV33" s="413">
        <v>0</v>
      </c>
      <c r="GW33" s="97">
        <v>8</v>
      </c>
      <c r="GX33" s="97">
        <v>6</v>
      </c>
      <c r="GY33" s="97">
        <v>4</v>
      </c>
      <c r="GZ33" s="97">
        <v>3</v>
      </c>
      <c r="HA33" s="97">
        <v>2</v>
      </c>
      <c r="HB33" s="99">
        <v>23</v>
      </c>
      <c r="HC33" s="100">
        <v>30</v>
      </c>
      <c r="HD33" s="101">
        <v>0</v>
      </c>
      <c r="HE33" s="102">
        <v>0</v>
      </c>
      <c r="HF33" s="103">
        <v>0</v>
      </c>
      <c r="HG33" s="413">
        <v>0</v>
      </c>
      <c r="HH33" s="102">
        <v>0</v>
      </c>
      <c r="HI33" s="102">
        <v>1</v>
      </c>
      <c r="HJ33" s="102">
        <v>0</v>
      </c>
      <c r="HK33" s="102">
        <v>0</v>
      </c>
      <c r="HL33" s="102">
        <v>0</v>
      </c>
      <c r="HM33" s="103">
        <v>1</v>
      </c>
      <c r="HN33" s="104">
        <v>1</v>
      </c>
      <c r="HO33" s="101">
        <v>1</v>
      </c>
      <c r="HP33" s="102">
        <v>0</v>
      </c>
      <c r="HQ33" s="103">
        <v>1</v>
      </c>
      <c r="HR33" s="413">
        <v>0</v>
      </c>
      <c r="HS33" s="102">
        <v>1</v>
      </c>
      <c r="HT33" s="102">
        <v>0</v>
      </c>
      <c r="HU33" s="102">
        <v>0</v>
      </c>
      <c r="HV33" s="102">
        <v>0</v>
      </c>
      <c r="HW33" s="102">
        <v>0</v>
      </c>
      <c r="HX33" s="103">
        <v>1</v>
      </c>
      <c r="HY33" s="104">
        <v>2</v>
      </c>
      <c r="HZ33" s="101">
        <v>1</v>
      </c>
      <c r="IA33" s="102">
        <v>0</v>
      </c>
      <c r="IB33" s="103">
        <v>1</v>
      </c>
      <c r="IC33" s="413">
        <v>0</v>
      </c>
      <c r="ID33" s="102">
        <v>0</v>
      </c>
      <c r="IE33" s="102">
        <v>0</v>
      </c>
      <c r="IF33" s="102">
        <v>0</v>
      </c>
      <c r="IG33" s="102">
        <v>0</v>
      </c>
      <c r="IH33" s="102">
        <v>0</v>
      </c>
      <c r="II33" s="103">
        <v>0</v>
      </c>
      <c r="IJ33" s="104">
        <v>1</v>
      </c>
      <c r="IK33" s="101">
        <v>1</v>
      </c>
      <c r="IL33" s="102">
        <v>0</v>
      </c>
      <c r="IM33" s="103">
        <v>1</v>
      </c>
      <c r="IN33" s="413">
        <v>0</v>
      </c>
      <c r="IO33" s="102">
        <v>3</v>
      </c>
      <c r="IP33" s="102">
        <v>3</v>
      </c>
      <c r="IQ33" s="102">
        <v>0</v>
      </c>
      <c r="IR33" s="102">
        <v>0</v>
      </c>
      <c r="IS33" s="102">
        <v>0</v>
      </c>
      <c r="IT33" s="103">
        <v>6</v>
      </c>
      <c r="IU33" s="104">
        <v>7</v>
      </c>
      <c r="IV33" s="101">
        <v>0</v>
      </c>
      <c r="IW33" s="102">
        <v>0</v>
      </c>
      <c r="IX33" s="103">
        <v>0</v>
      </c>
      <c r="IY33" s="413">
        <v>0</v>
      </c>
      <c r="IZ33" s="102">
        <v>1</v>
      </c>
      <c r="JA33" s="102">
        <v>0</v>
      </c>
      <c r="JB33" s="102">
        <v>1</v>
      </c>
      <c r="JC33" s="102">
        <v>2</v>
      </c>
      <c r="JD33" s="102">
        <v>1</v>
      </c>
      <c r="JE33" s="103">
        <v>5</v>
      </c>
      <c r="JF33" s="104">
        <v>5</v>
      </c>
      <c r="JG33" s="101">
        <v>2</v>
      </c>
      <c r="JH33" s="102">
        <v>2</v>
      </c>
      <c r="JI33" s="103">
        <v>4</v>
      </c>
      <c r="JJ33" s="413">
        <v>0</v>
      </c>
      <c r="JK33" s="102">
        <v>3</v>
      </c>
      <c r="JL33" s="102">
        <v>2</v>
      </c>
      <c r="JM33" s="102">
        <v>3</v>
      </c>
      <c r="JN33" s="102">
        <v>1</v>
      </c>
      <c r="JO33" s="102">
        <v>1</v>
      </c>
      <c r="JP33" s="103">
        <v>10</v>
      </c>
      <c r="JQ33" s="104">
        <v>14</v>
      </c>
      <c r="JR33" s="101">
        <v>0</v>
      </c>
      <c r="JS33" s="102">
        <v>0</v>
      </c>
      <c r="JT33" s="103">
        <v>0</v>
      </c>
      <c r="JU33" s="413">
        <v>0</v>
      </c>
      <c r="JV33" s="102">
        <v>0</v>
      </c>
      <c r="JW33" s="102">
        <v>0</v>
      </c>
      <c r="JX33" s="102">
        <v>0</v>
      </c>
      <c r="JY33" s="102">
        <v>0</v>
      </c>
      <c r="JZ33" s="102">
        <v>0</v>
      </c>
      <c r="KA33" s="103">
        <v>0</v>
      </c>
      <c r="KB33" s="104">
        <v>0</v>
      </c>
      <c r="KC33" s="101">
        <v>5</v>
      </c>
      <c r="KD33" s="102">
        <v>2</v>
      </c>
      <c r="KE33" s="103">
        <v>7</v>
      </c>
      <c r="KF33" s="413">
        <v>0</v>
      </c>
      <c r="KG33" s="102">
        <v>8</v>
      </c>
      <c r="KH33" s="102">
        <v>6</v>
      </c>
      <c r="KI33" s="102">
        <v>4</v>
      </c>
      <c r="KJ33" s="102">
        <v>3</v>
      </c>
      <c r="KK33" s="102">
        <v>2</v>
      </c>
      <c r="KL33" s="103">
        <v>23</v>
      </c>
      <c r="KM33" s="104">
        <v>30</v>
      </c>
    </row>
    <row r="34" spans="2:299" s="70" customFormat="1" ht="21" customHeight="1" x14ac:dyDescent="0.2">
      <c r="B34" s="106" t="s">
        <v>31</v>
      </c>
      <c r="C34" s="96">
        <v>4</v>
      </c>
      <c r="D34" s="97">
        <v>3</v>
      </c>
      <c r="E34" s="98">
        <v>7</v>
      </c>
      <c r="F34" s="413">
        <v>0</v>
      </c>
      <c r="G34" s="97">
        <v>5</v>
      </c>
      <c r="H34" s="97">
        <v>4</v>
      </c>
      <c r="I34" s="97">
        <v>5</v>
      </c>
      <c r="J34" s="97">
        <v>2</v>
      </c>
      <c r="K34" s="97">
        <v>1</v>
      </c>
      <c r="L34" s="99">
        <v>17</v>
      </c>
      <c r="M34" s="100">
        <v>24</v>
      </c>
      <c r="N34" s="101">
        <v>0</v>
      </c>
      <c r="O34" s="102">
        <v>0</v>
      </c>
      <c r="P34" s="103">
        <v>0</v>
      </c>
      <c r="Q34" s="413">
        <v>0</v>
      </c>
      <c r="R34" s="102">
        <v>0</v>
      </c>
      <c r="S34" s="102">
        <v>1</v>
      </c>
      <c r="T34" s="102">
        <v>0</v>
      </c>
      <c r="U34" s="102">
        <v>0</v>
      </c>
      <c r="V34" s="102">
        <v>0</v>
      </c>
      <c r="W34" s="103">
        <v>1</v>
      </c>
      <c r="X34" s="104">
        <v>1</v>
      </c>
      <c r="Y34" s="101">
        <v>2</v>
      </c>
      <c r="Z34" s="102">
        <v>1</v>
      </c>
      <c r="AA34" s="103">
        <v>3</v>
      </c>
      <c r="AB34" s="413">
        <v>0</v>
      </c>
      <c r="AC34" s="102">
        <v>0</v>
      </c>
      <c r="AD34" s="102">
        <v>1</v>
      </c>
      <c r="AE34" s="102">
        <v>1</v>
      </c>
      <c r="AF34" s="102">
        <v>0</v>
      </c>
      <c r="AG34" s="102">
        <v>1</v>
      </c>
      <c r="AH34" s="103">
        <v>3</v>
      </c>
      <c r="AI34" s="104">
        <v>6</v>
      </c>
      <c r="AJ34" s="101">
        <v>0</v>
      </c>
      <c r="AK34" s="102">
        <v>1</v>
      </c>
      <c r="AL34" s="103">
        <v>1</v>
      </c>
      <c r="AM34" s="413">
        <v>0</v>
      </c>
      <c r="AN34" s="102">
        <v>3</v>
      </c>
      <c r="AO34" s="102">
        <v>0</v>
      </c>
      <c r="AP34" s="102">
        <v>1</v>
      </c>
      <c r="AQ34" s="102">
        <v>0</v>
      </c>
      <c r="AR34" s="102">
        <v>0</v>
      </c>
      <c r="AS34" s="103">
        <v>4</v>
      </c>
      <c r="AT34" s="104">
        <v>5</v>
      </c>
      <c r="AU34" s="101">
        <v>1</v>
      </c>
      <c r="AV34" s="102">
        <v>1</v>
      </c>
      <c r="AW34" s="103">
        <v>2</v>
      </c>
      <c r="AX34" s="413">
        <v>0</v>
      </c>
      <c r="AY34" s="102">
        <v>0</v>
      </c>
      <c r="AZ34" s="102">
        <v>1</v>
      </c>
      <c r="BA34" s="102">
        <v>0</v>
      </c>
      <c r="BB34" s="102">
        <v>0</v>
      </c>
      <c r="BC34" s="102">
        <v>0</v>
      </c>
      <c r="BD34" s="103">
        <v>1</v>
      </c>
      <c r="BE34" s="104">
        <v>3</v>
      </c>
      <c r="BF34" s="101">
        <v>0</v>
      </c>
      <c r="BG34" s="102">
        <v>0</v>
      </c>
      <c r="BH34" s="103">
        <v>0</v>
      </c>
      <c r="BI34" s="413">
        <v>0</v>
      </c>
      <c r="BJ34" s="102">
        <v>1</v>
      </c>
      <c r="BK34" s="102">
        <v>1</v>
      </c>
      <c r="BL34" s="102">
        <v>1</v>
      </c>
      <c r="BM34" s="102">
        <v>1</v>
      </c>
      <c r="BN34" s="102">
        <v>0</v>
      </c>
      <c r="BO34" s="103">
        <v>4</v>
      </c>
      <c r="BP34" s="104">
        <v>4</v>
      </c>
      <c r="BQ34" s="101">
        <v>1</v>
      </c>
      <c r="BR34" s="102">
        <v>0</v>
      </c>
      <c r="BS34" s="103">
        <v>1</v>
      </c>
      <c r="BT34" s="413">
        <v>0</v>
      </c>
      <c r="BU34" s="102">
        <v>1</v>
      </c>
      <c r="BV34" s="102">
        <v>0</v>
      </c>
      <c r="BW34" s="102">
        <v>2</v>
      </c>
      <c r="BX34" s="102">
        <v>1</v>
      </c>
      <c r="BY34" s="102">
        <v>0</v>
      </c>
      <c r="BZ34" s="103">
        <v>4</v>
      </c>
      <c r="CA34" s="104">
        <v>5</v>
      </c>
      <c r="CB34" s="101">
        <v>0</v>
      </c>
      <c r="CC34" s="102">
        <v>0</v>
      </c>
      <c r="CD34" s="103">
        <v>0</v>
      </c>
      <c r="CE34" s="413">
        <v>0</v>
      </c>
      <c r="CF34" s="102">
        <v>0</v>
      </c>
      <c r="CG34" s="102">
        <v>0</v>
      </c>
      <c r="CH34" s="102">
        <v>0</v>
      </c>
      <c r="CI34" s="102">
        <v>0</v>
      </c>
      <c r="CJ34" s="102">
        <v>0</v>
      </c>
      <c r="CK34" s="103">
        <v>0</v>
      </c>
      <c r="CL34" s="104">
        <v>0</v>
      </c>
      <c r="CM34" s="101">
        <v>4</v>
      </c>
      <c r="CN34" s="102">
        <v>3</v>
      </c>
      <c r="CO34" s="103">
        <v>7</v>
      </c>
      <c r="CP34" s="413">
        <v>0</v>
      </c>
      <c r="CQ34" s="102">
        <v>5</v>
      </c>
      <c r="CR34" s="102">
        <v>4</v>
      </c>
      <c r="CS34" s="102">
        <v>5</v>
      </c>
      <c r="CT34" s="102">
        <v>2</v>
      </c>
      <c r="CU34" s="102">
        <v>1</v>
      </c>
      <c r="CV34" s="103">
        <v>17</v>
      </c>
      <c r="CW34" s="104">
        <v>24</v>
      </c>
      <c r="CX34" s="105">
        <v>1</v>
      </c>
      <c r="CY34" s="97">
        <v>0</v>
      </c>
      <c r="CZ34" s="98">
        <v>1</v>
      </c>
      <c r="DA34" s="413">
        <v>0</v>
      </c>
      <c r="DB34" s="97">
        <v>1</v>
      </c>
      <c r="DC34" s="97">
        <v>1</v>
      </c>
      <c r="DD34" s="97">
        <v>2</v>
      </c>
      <c r="DE34" s="97">
        <v>1</v>
      </c>
      <c r="DF34" s="97">
        <v>0</v>
      </c>
      <c r="DG34" s="99">
        <v>5</v>
      </c>
      <c r="DH34" s="100">
        <v>6</v>
      </c>
      <c r="DI34" s="101">
        <v>0</v>
      </c>
      <c r="DJ34" s="102">
        <v>0</v>
      </c>
      <c r="DK34" s="103">
        <v>0</v>
      </c>
      <c r="DL34" s="413">
        <v>0</v>
      </c>
      <c r="DM34" s="102">
        <v>0</v>
      </c>
      <c r="DN34" s="102">
        <v>0</v>
      </c>
      <c r="DO34" s="102">
        <v>0</v>
      </c>
      <c r="DP34" s="102">
        <v>0</v>
      </c>
      <c r="DQ34" s="102">
        <v>0</v>
      </c>
      <c r="DR34" s="103">
        <v>0</v>
      </c>
      <c r="DS34" s="104">
        <v>0</v>
      </c>
      <c r="DT34" s="101">
        <v>0</v>
      </c>
      <c r="DU34" s="102">
        <v>0</v>
      </c>
      <c r="DV34" s="103">
        <v>0</v>
      </c>
      <c r="DW34" s="413">
        <v>0</v>
      </c>
      <c r="DX34" s="102">
        <v>0</v>
      </c>
      <c r="DY34" s="102">
        <v>0</v>
      </c>
      <c r="DZ34" s="102">
        <v>1</v>
      </c>
      <c r="EA34" s="102">
        <v>0</v>
      </c>
      <c r="EB34" s="102">
        <v>0</v>
      </c>
      <c r="EC34" s="103">
        <v>1</v>
      </c>
      <c r="ED34" s="104">
        <v>1</v>
      </c>
      <c r="EE34" s="101">
        <v>0</v>
      </c>
      <c r="EF34" s="102">
        <v>0</v>
      </c>
      <c r="EG34" s="103">
        <v>0</v>
      </c>
      <c r="EH34" s="413">
        <v>0</v>
      </c>
      <c r="EI34" s="102">
        <v>0</v>
      </c>
      <c r="EJ34" s="102">
        <v>0</v>
      </c>
      <c r="EK34" s="102">
        <v>0</v>
      </c>
      <c r="EL34" s="102">
        <v>1</v>
      </c>
      <c r="EM34" s="102">
        <v>0</v>
      </c>
      <c r="EN34" s="103">
        <v>1</v>
      </c>
      <c r="EO34" s="104">
        <v>1</v>
      </c>
      <c r="EP34" s="101">
        <v>0</v>
      </c>
      <c r="EQ34" s="102">
        <v>0</v>
      </c>
      <c r="ER34" s="103">
        <v>0</v>
      </c>
      <c r="ES34" s="413">
        <v>0</v>
      </c>
      <c r="ET34" s="102">
        <v>1</v>
      </c>
      <c r="EU34" s="102">
        <v>0</v>
      </c>
      <c r="EV34" s="102">
        <v>0</v>
      </c>
      <c r="EW34" s="102">
        <v>0</v>
      </c>
      <c r="EX34" s="102">
        <v>0</v>
      </c>
      <c r="EY34" s="103">
        <v>1</v>
      </c>
      <c r="EZ34" s="104">
        <v>1</v>
      </c>
      <c r="FA34" s="101">
        <v>1</v>
      </c>
      <c r="FB34" s="102">
        <v>0</v>
      </c>
      <c r="FC34" s="103">
        <v>1</v>
      </c>
      <c r="FD34" s="413">
        <v>0</v>
      </c>
      <c r="FE34" s="102">
        <v>0</v>
      </c>
      <c r="FF34" s="102">
        <v>0</v>
      </c>
      <c r="FG34" s="102">
        <v>0</v>
      </c>
      <c r="FH34" s="102">
        <v>0</v>
      </c>
      <c r="FI34" s="102">
        <v>0</v>
      </c>
      <c r="FJ34" s="103">
        <v>0</v>
      </c>
      <c r="FK34" s="104">
        <v>1</v>
      </c>
      <c r="FL34" s="101">
        <v>0</v>
      </c>
      <c r="FM34" s="102">
        <v>0</v>
      </c>
      <c r="FN34" s="103">
        <v>0</v>
      </c>
      <c r="FO34" s="413">
        <v>0</v>
      </c>
      <c r="FP34" s="102">
        <v>0</v>
      </c>
      <c r="FQ34" s="102">
        <v>1</v>
      </c>
      <c r="FR34" s="102">
        <v>1</v>
      </c>
      <c r="FS34" s="102">
        <v>0</v>
      </c>
      <c r="FT34" s="102">
        <v>0</v>
      </c>
      <c r="FU34" s="103">
        <v>2</v>
      </c>
      <c r="FV34" s="104">
        <v>2</v>
      </c>
      <c r="FW34" s="101">
        <v>0</v>
      </c>
      <c r="FX34" s="102">
        <v>0</v>
      </c>
      <c r="FY34" s="103">
        <v>0</v>
      </c>
      <c r="FZ34" s="413">
        <v>0</v>
      </c>
      <c r="GA34" s="102">
        <v>0</v>
      </c>
      <c r="GB34" s="102">
        <v>0</v>
      </c>
      <c r="GC34" s="102">
        <v>0</v>
      </c>
      <c r="GD34" s="102">
        <v>0</v>
      </c>
      <c r="GE34" s="102">
        <v>0</v>
      </c>
      <c r="GF34" s="103">
        <v>0</v>
      </c>
      <c r="GG34" s="104">
        <v>0</v>
      </c>
      <c r="GH34" s="101">
        <v>1</v>
      </c>
      <c r="GI34" s="102">
        <v>0</v>
      </c>
      <c r="GJ34" s="103">
        <v>1</v>
      </c>
      <c r="GK34" s="413">
        <v>0</v>
      </c>
      <c r="GL34" s="102">
        <v>1</v>
      </c>
      <c r="GM34" s="102">
        <v>1</v>
      </c>
      <c r="GN34" s="102">
        <v>2</v>
      </c>
      <c r="GO34" s="102">
        <v>1</v>
      </c>
      <c r="GP34" s="102">
        <v>0</v>
      </c>
      <c r="GQ34" s="103">
        <v>5</v>
      </c>
      <c r="GR34" s="104">
        <v>6</v>
      </c>
      <c r="GS34" s="105">
        <v>5</v>
      </c>
      <c r="GT34" s="97">
        <v>3</v>
      </c>
      <c r="GU34" s="98">
        <v>8</v>
      </c>
      <c r="GV34" s="413">
        <v>0</v>
      </c>
      <c r="GW34" s="97">
        <v>6</v>
      </c>
      <c r="GX34" s="97">
        <v>5</v>
      </c>
      <c r="GY34" s="97">
        <v>7</v>
      </c>
      <c r="GZ34" s="97">
        <v>3</v>
      </c>
      <c r="HA34" s="97">
        <v>1</v>
      </c>
      <c r="HB34" s="99">
        <v>22</v>
      </c>
      <c r="HC34" s="100">
        <v>30</v>
      </c>
      <c r="HD34" s="101">
        <v>0</v>
      </c>
      <c r="HE34" s="102">
        <v>0</v>
      </c>
      <c r="HF34" s="103">
        <v>0</v>
      </c>
      <c r="HG34" s="413">
        <v>0</v>
      </c>
      <c r="HH34" s="102">
        <v>0</v>
      </c>
      <c r="HI34" s="102">
        <v>1</v>
      </c>
      <c r="HJ34" s="102">
        <v>0</v>
      </c>
      <c r="HK34" s="102">
        <v>0</v>
      </c>
      <c r="HL34" s="102">
        <v>0</v>
      </c>
      <c r="HM34" s="103">
        <v>1</v>
      </c>
      <c r="HN34" s="104">
        <v>1</v>
      </c>
      <c r="HO34" s="101">
        <v>2</v>
      </c>
      <c r="HP34" s="102">
        <v>1</v>
      </c>
      <c r="HQ34" s="103">
        <v>3</v>
      </c>
      <c r="HR34" s="413">
        <v>0</v>
      </c>
      <c r="HS34" s="102">
        <v>0</v>
      </c>
      <c r="HT34" s="102">
        <v>1</v>
      </c>
      <c r="HU34" s="102">
        <v>2</v>
      </c>
      <c r="HV34" s="102">
        <v>0</v>
      </c>
      <c r="HW34" s="102">
        <v>1</v>
      </c>
      <c r="HX34" s="103">
        <v>4</v>
      </c>
      <c r="HY34" s="104">
        <v>7</v>
      </c>
      <c r="HZ34" s="101">
        <v>0</v>
      </c>
      <c r="IA34" s="102">
        <v>1</v>
      </c>
      <c r="IB34" s="103">
        <v>1</v>
      </c>
      <c r="IC34" s="413">
        <v>0</v>
      </c>
      <c r="ID34" s="102">
        <v>3</v>
      </c>
      <c r="IE34" s="102">
        <v>0</v>
      </c>
      <c r="IF34" s="102">
        <v>1</v>
      </c>
      <c r="IG34" s="102">
        <v>1</v>
      </c>
      <c r="IH34" s="102">
        <v>0</v>
      </c>
      <c r="II34" s="103">
        <v>5</v>
      </c>
      <c r="IJ34" s="104">
        <v>6</v>
      </c>
      <c r="IK34" s="101">
        <v>1</v>
      </c>
      <c r="IL34" s="102">
        <v>1</v>
      </c>
      <c r="IM34" s="103">
        <v>2</v>
      </c>
      <c r="IN34" s="413">
        <v>0</v>
      </c>
      <c r="IO34" s="102">
        <v>1</v>
      </c>
      <c r="IP34" s="102">
        <v>1</v>
      </c>
      <c r="IQ34" s="102">
        <v>0</v>
      </c>
      <c r="IR34" s="102">
        <v>0</v>
      </c>
      <c r="IS34" s="102">
        <v>0</v>
      </c>
      <c r="IT34" s="103">
        <v>2</v>
      </c>
      <c r="IU34" s="104">
        <v>4</v>
      </c>
      <c r="IV34" s="101">
        <v>1</v>
      </c>
      <c r="IW34" s="102">
        <v>0</v>
      </c>
      <c r="IX34" s="103">
        <v>1</v>
      </c>
      <c r="IY34" s="413">
        <v>0</v>
      </c>
      <c r="IZ34" s="102">
        <v>1</v>
      </c>
      <c r="JA34" s="102">
        <v>1</v>
      </c>
      <c r="JB34" s="102">
        <v>1</v>
      </c>
      <c r="JC34" s="102">
        <v>1</v>
      </c>
      <c r="JD34" s="102">
        <v>0</v>
      </c>
      <c r="JE34" s="103">
        <v>4</v>
      </c>
      <c r="JF34" s="104">
        <v>5</v>
      </c>
      <c r="JG34" s="101">
        <v>1</v>
      </c>
      <c r="JH34" s="102">
        <v>0</v>
      </c>
      <c r="JI34" s="103">
        <v>1</v>
      </c>
      <c r="JJ34" s="413">
        <v>0</v>
      </c>
      <c r="JK34" s="102">
        <v>1</v>
      </c>
      <c r="JL34" s="102">
        <v>1</v>
      </c>
      <c r="JM34" s="102">
        <v>3</v>
      </c>
      <c r="JN34" s="102">
        <v>1</v>
      </c>
      <c r="JO34" s="102">
        <v>0</v>
      </c>
      <c r="JP34" s="103">
        <v>6</v>
      </c>
      <c r="JQ34" s="104">
        <v>7</v>
      </c>
      <c r="JR34" s="101">
        <v>0</v>
      </c>
      <c r="JS34" s="102">
        <v>0</v>
      </c>
      <c r="JT34" s="103">
        <v>0</v>
      </c>
      <c r="JU34" s="413">
        <v>0</v>
      </c>
      <c r="JV34" s="102">
        <v>0</v>
      </c>
      <c r="JW34" s="102">
        <v>0</v>
      </c>
      <c r="JX34" s="102">
        <v>0</v>
      </c>
      <c r="JY34" s="102">
        <v>0</v>
      </c>
      <c r="JZ34" s="102">
        <v>0</v>
      </c>
      <c r="KA34" s="103">
        <v>0</v>
      </c>
      <c r="KB34" s="104">
        <v>0</v>
      </c>
      <c r="KC34" s="101">
        <v>5</v>
      </c>
      <c r="KD34" s="102">
        <v>3</v>
      </c>
      <c r="KE34" s="103">
        <v>8</v>
      </c>
      <c r="KF34" s="413">
        <v>0</v>
      </c>
      <c r="KG34" s="102">
        <v>6</v>
      </c>
      <c r="KH34" s="102">
        <v>5</v>
      </c>
      <c r="KI34" s="102">
        <v>7</v>
      </c>
      <c r="KJ34" s="102">
        <v>3</v>
      </c>
      <c r="KK34" s="102">
        <v>1</v>
      </c>
      <c r="KL34" s="103">
        <v>22</v>
      </c>
      <c r="KM34" s="104">
        <v>30</v>
      </c>
    </row>
    <row r="35" spans="2:299" s="70" customFormat="1" ht="21" customHeight="1" x14ac:dyDescent="0.2">
      <c r="B35" s="106" t="s">
        <v>32</v>
      </c>
      <c r="C35" s="96">
        <v>7</v>
      </c>
      <c r="D35" s="97">
        <v>5</v>
      </c>
      <c r="E35" s="98">
        <v>12</v>
      </c>
      <c r="F35" s="413">
        <v>0</v>
      </c>
      <c r="G35" s="97">
        <v>12</v>
      </c>
      <c r="H35" s="97">
        <v>6</v>
      </c>
      <c r="I35" s="97">
        <v>0</v>
      </c>
      <c r="J35" s="97">
        <v>5</v>
      </c>
      <c r="K35" s="97">
        <v>3</v>
      </c>
      <c r="L35" s="99">
        <v>26</v>
      </c>
      <c r="M35" s="100">
        <v>38</v>
      </c>
      <c r="N35" s="101">
        <v>0</v>
      </c>
      <c r="O35" s="102">
        <v>0</v>
      </c>
      <c r="P35" s="103">
        <v>0</v>
      </c>
      <c r="Q35" s="413">
        <v>0</v>
      </c>
      <c r="R35" s="102">
        <v>0</v>
      </c>
      <c r="S35" s="102">
        <v>0</v>
      </c>
      <c r="T35" s="102">
        <v>0</v>
      </c>
      <c r="U35" s="102">
        <v>0</v>
      </c>
      <c r="V35" s="102">
        <v>0</v>
      </c>
      <c r="W35" s="103">
        <v>0</v>
      </c>
      <c r="X35" s="104">
        <v>0</v>
      </c>
      <c r="Y35" s="101">
        <v>0</v>
      </c>
      <c r="Z35" s="102">
        <v>0</v>
      </c>
      <c r="AA35" s="103">
        <v>0</v>
      </c>
      <c r="AB35" s="413">
        <v>0</v>
      </c>
      <c r="AC35" s="102">
        <v>0</v>
      </c>
      <c r="AD35" s="102">
        <v>0</v>
      </c>
      <c r="AE35" s="102">
        <v>0</v>
      </c>
      <c r="AF35" s="102">
        <v>1</v>
      </c>
      <c r="AG35" s="102">
        <v>0</v>
      </c>
      <c r="AH35" s="103">
        <v>1</v>
      </c>
      <c r="AI35" s="104">
        <v>1</v>
      </c>
      <c r="AJ35" s="101">
        <v>1</v>
      </c>
      <c r="AK35" s="102">
        <v>0</v>
      </c>
      <c r="AL35" s="103">
        <v>1</v>
      </c>
      <c r="AM35" s="413">
        <v>0</v>
      </c>
      <c r="AN35" s="102">
        <v>4</v>
      </c>
      <c r="AO35" s="102">
        <v>0</v>
      </c>
      <c r="AP35" s="102">
        <v>0</v>
      </c>
      <c r="AQ35" s="102">
        <v>1</v>
      </c>
      <c r="AR35" s="102">
        <v>2</v>
      </c>
      <c r="AS35" s="103">
        <v>7</v>
      </c>
      <c r="AT35" s="104">
        <v>8</v>
      </c>
      <c r="AU35" s="101">
        <v>3</v>
      </c>
      <c r="AV35" s="102">
        <v>2</v>
      </c>
      <c r="AW35" s="103">
        <v>5</v>
      </c>
      <c r="AX35" s="413">
        <v>0</v>
      </c>
      <c r="AY35" s="102">
        <v>5</v>
      </c>
      <c r="AZ35" s="102">
        <v>0</v>
      </c>
      <c r="BA35" s="102">
        <v>0</v>
      </c>
      <c r="BB35" s="102">
        <v>1</v>
      </c>
      <c r="BC35" s="102">
        <v>1</v>
      </c>
      <c r="BD35" s="103">
        <v>7</v>
      </c>
      <c r="BE35" s="104">
        <v>12</v>
      </c>
      <c r="BF35" s="101">
        <v>0</v>
      </c>
      <c r="BG35" s="102">
        <v>3</v>
      </c>
      <c r="BH35" s="103">
        <v>3</v>
      </c>
      <c r="BI35" s="413">
        <v>0</v>
      </c>
      <c r="BJ35" s="102">
        <v>0</v>
      </c>
      <c r="BK35" s="102">
        <v>4</v>
      </c>
      <c r="BL35" s="102">
        <v>0</v>
      </c>
      <c r="BM35" s="102">
        <v>0</v>
      </c>
      <c r="BN35" s="102">
        <v>0</v>
      </c>
      <c r="BO35" s="103">
        <v>4</v>
      </c>
      <c r="BP35" s="104">
        <v>7</v>
      </c>
      <c r="BQ35" s="101">
        <v>3</v>
      </c>
      <c r="BR35" s="102">
        <v>0</v>
      </c>
      <c r="BS35" s="103">
        <v>3</v>
      </c>
      <c r="BT35" s="413">
        <v>0</v>
      </c>
      <c r="BU35" s="102">
        <v>3</v>
      </c>
      <c r="BV35" s="102">
        <v>2</v>
      </c>
      <c r="BW35" s="102">
        <v>0</v>
      </c>
      <c r="BX35" s="102">
        <v>2</v>
      </c>
      <c r="BY35" s="102">
        <v>0</v>
      </c>
      <c r="BZ35" s="103">
        <v>7</v>
      </c>
      <c r="CA35" s="104">
        <v>10</v>
      </c>
      <c r="CB35" s="101">
        <v>0</v>
      </c>
      <c r="CC35" s="102">
        <v>0</v>
      </c>
      <c r="CD35" s="103">
        <v>0</v>
      </c>
      <c r="CE35" s="413">
        <v>0</v>
      </c>
      <c r="CF35" s="102">
        <v>0</v>
      </c>
      <c r="CG35" s="102">
        <v>0</v>
      </c>
      <c r="CH35" s="102">
        <v>0</v>
      </c>
      <c r="CI35" s="102">
        <v>0</v>
      </c>
      <c r="CJ35" s="102">
        <v>0</v>
      </c>
      <c r="CK35" s="103">
        <v>0</v>
      </c>
      <c r="CL35" s="104">
        <v>0</v>
      </c>
      <c r="CM35" s="101">
        <v>7</v>
      </c>
      <c r="CN35" s="102">
        <v>5</v>
      </c>
      <c r="CO35" s="103">
        <v>12</v>
      </c>
      <c r="CP35" s="413">
        <v>0</v>
      </c>
      <c r="CQ35" s="102">
        <v>12</v>
      </c>
      <c r="CR35" s="102">
        <v>6</v>
      </c>
      <c r="CS35" s="102">
        <v>0</v>
      </c>
      <c r="CT35" s="102">
        <v>5</v>
      </c>
      <c r="CU35" s="102">
        <v>3</v>
      </c>
      <c r="CV35" s="103">
        <v>26</v>
      </c>
      <c r="CW35" s="104">
        <v>38</v>
      </c>
      <c r="CX35" s="105">
        <v>2</v>
      </c>
      <c r="CY35" s="97">
        <v>1</v>
      </c>
      <c r="CZ35" s="98">
        <v>3</v>
      </c>
      <c r="DA35" s="413">
        <v>0</v>
      </c>
      <c r="DB35" s="97">
        <v>5</v>
      </c>
      <c r="DC35" s="97">
        <v>3</v>
      </c>
      <c r="DD35" s="97">
        <v>2</v>
      </c>
      <c r="DE35" s="97">
        <v>3</v>
      </c>
      <c r="DF35" s="97">
        <v>2</v>
      </c>
      <c r="DG35" s="99">
        <v>15</v>
      </c>
      <c r="DH35" s="100">
        <v>18</v>
      </c>
      <c r="DI35" s="101">
        <v>0</v>
      </c>
      <c r="DJ35" s="102">
        <v>0</v>
      </c>
      <c r="DK35" s="103">
        <v>0</v>
      </c>
      <c r="DL35" s="413">
        <v>0</v>
      </c>
      <c r="DM35" s="102">
        <v>0</v>
      </c>
      <c r="DN35" s="102">
        <v>0</v>
      </c>
      <c r="DO35" s="102">
        <v>0</v>
      </c>
      <c r="DP35" s="102">
        <v>0</v>
      </c>
      <c r="DQ35" s="102">
        <v>0</v>
      </c>
      <c r="DR35" s="103">
        <v>0</v>
      </c>
      <c r="DS35" s="104">
        <v>0</v>
      </c>
      <c r="DT35" s="101">
        <v>1</v>
      </c>
      <c r="DU35" s="102">
        <v>0</v>
      </c>
      <c r="DV35" s="103">
        <v>1</v>
      </c>
      <c r="DW35" s="413">
        <v>0</v>
      </c>
      <c r="DX35" s="102">
        <v>0</v>
      </c>
      <c r="DY35" s="102">
        <v>0</v>
      </c>
      <c r="DZ35" s="102">
        <v>0</v>
      </c>
      <c r="EA35" s="102">
        <v>0</v>
      </c>
      <c r="EB35" s="102">
        <v>0</v>
      </c>
      <c r="EC35" s="103">
        <v>0</v>
      </c>
      <c r="ED35" s="104">
        <v>1</v>
      </c>
      <c r="EE35" s="101">
        <v>0</v>
      </c>
      <c r="EF35" s="102">
        <v>0</v>
      </c>
      <c r="EG35" s="103">
        <v>0</v>
      </c>
      <c r="EH35" s="413">
        <v>0</v>
      </c>
      <c r="EI35" s="102">
        <v>1</v>
      </c>
      <c r="EJ35" s="102">
        <v>1</v>
      </c>
      <c r="EK35" s="102">
        <v>1</v>
      </c>
      <c r="EL35" s="102">
        <v>0</v>
      </c>
      <c r="EM35" s="102">
        <v>0</v>
      </c>
      <c r="EN35" s="103">
        <v>3</v>
      </c>
      <c r="EO35" s="104">
        <v>3</v>
      </c>
      <c r="EP35" s="101">
        <v>1</v>
      </c>
      <c r="EQ35" s="102">
        <v>0</v>
      </c>
      <c r="ER35" s="103">
        <v>1</v>
      </c>
      <c r="ES35" s="413">
        <v>0</v>
      </c>
      <c r="ET35" s="102">
        <v>1</v>
      </c>
      <c r="EU35" s="102">
        <v>0</v>
      </c>
      <c r="EV35" s="102">
        <v>0</v>
      </c>
      <c r="EW35" s="102">
        <v>1</v>
      </c>
      <c r="EX35" s="102">
        <v>0</v>
      </c>
      <c r="EY35" s="103">
        <v>2</v>
      </c>
      <c r="EZ35" s="104">
        <v>3</v>
      </c>
      <c r="FA35" s="101">
        <v>0</v>
      </c>
      <c r="FB35" s="102">
        <v>0</v>
      </c>
      <c r="FC35" s="103">
        <v>0</v>
      </c>
      <c r="FD35" s="413">
        <v>0</v>
      </c>
      <c r="FE35" s="102">
        <v>1</v>
      </c>
      <c r="FF35" s="102">
        <v>1</v>
      </c>
      <c r="FG35" s="102">
        <v>0</v>
      </c>
      <c r="FH35" s="102">
        <v>0</v>
      </c>
      <c r="FI35" s="102">
        <v>1</v>
      </c>
      <c r="FJ35" s="103">
        <v>3</v>
      </c>
      <c r="FK35" s="104">
        <v>3</v>
      </c>
      <c r="FL35" s="101">
        <v>0</v>
      </c>
      <c r="FM35" s="102">
        <v>1</v>
      </c>
      <c r="FN35" s="103">
        <v>1</v>
      </c>
      <c r="FO35" s="413">
        <v>0</v>
      </c>
      <c r="FP35" s="102">
        <v>2</v>
      </c>
      <c r="FQ35" s="102">
        <v>1</v>
      </c>
      <c r="FR35" s="102">
        <v>1</v>
      </c>
      <c r="FS35" s="102">
        <v>2</v>
      </c>
      <c r="FT35" s="102">
        <v>1</v>
      </c>
      <c r="FU35" s="103">
        <v>7</v>
      </c>
      <c r="FV35" s="104">
        <v>8</v>
      </c>
      <c r="FW35" s="101">
        <v>0</v>
      </c>
      <c r="FX35" s="102">
        <v>0</v>
      </c>
      <c r="FY35" s="103">
        <v>0</v>
      </c>
      <c r="FZ35" s="413">
        <v>0</v>
      </c>
      <c r="GA35" s="102">
        <v>0</v>
      </c>
      <c r="GB35" s="102">
        <v>0</v>
      </c>
      <c r="GC35" s="102">
        <v>0</v>
      </c>
      <c r="GD35" s="102">
        <v>0</v>
      </c>
      <c r="GE35" s="102">
        <v>0</v>
      </c>
      <c r="GF35" s="103">
        <v>0</v>
      </c>
      <c r="GG35" s="104">
        <v>0</v>
      </c>
      <c r="GH35" s="101">
        <v>2</v>
      </c>
      <c r="GI35" s="102">
        <v>1</v>
      </c>
      <c r="GJ35" s="103">
        <v>3</v>
      </c>
      <c r="GK35" s="413">
        <v>0</v>
      </c>
      <c r="GL35" s="102">
        <v>5</v>
      </c>
      <c r="GM35" s="102">
        <v>3</v>
      </c>
      <c r="GN35" s="102">
        <v>2</v>
      </c>
      <c r="GO35" s="102">
        <v>3</v>
      </c>
      <c r="GP35" s="102">
        <v>2</v>
      </c>
      <c r="GQ35" s="103">
        <v>15</v>
      </c>
      <c r="GR35" s="104">
        <v>18</v>
      </c>
      <c r="GS35" s="105">
        <v>9</v>
      </c>
      <c r="GT35" s="97">
        <v>6</v>
      </c>
      <c r="GU35" s="98">
        <v>15</v>
      </c>
      <c r="GV35" s="413">
        <v>0</v>
      </c>
      <c r="GW35" s="97">
        <v>17</v>
      </c>
      <c r="GX35" s="97">
        <v>9</v>
      </c>
      <c r="GY35" s="97">
        <v>2</v>
      </c>
      <c r="GZ35" s="97">
        <v>8</v>
      </c>
      <c r="HA35" s="97">
        <v>5</v>
      </c>
      <c r="HB35" s="99">
        <v>41</v>
      </c>
      <c r="HC35" s="100">
        <v>56</v>
      </c>
      <c r="HD35" s="101">
        <v>0</v>
      </c>
      <c r="HE35" s="102">
        <v>0</v>
      </c>
      <c r="HF35" s="103">
        <v>0</v>
      </c>
      <c r="HG35" s="413">
        <v>0</v>
      </c>
      <c r="HH35" s="102">
        <v>0</v>
      </c>
      <c r="HI35" s="102">
        <v>0</v>
      </c>
      <c r="HJ35" s="102">
        <v>0</v>
      </c>
      <c r="HK35" s="102">
        <v>0</v>
      </c>
      <c r="HL35" s="102">
        <v>0</v>
      </c>
      <c r="HM35" s="103">
        <v>0</v>
      </c>
      <c r="HN35" s="104">
        <v>0</v>
      </c>
      <c r="HO35" s="101">
        <v>1</v>
      </c>
      <c r="HP35" s="102">
        <v>0</v>
      </c>
      <c r="HQ35" s="103">
        <v>1</v>
      </c>
      <c r="HR35" s="413">
        <v>0</v>
      </c>
      <c r="HS35" s="102">
        <v>0</v>
      </c>
      <c r="HT35" s="102">
        <v>0</v>
      </c>
      <c r="HU35" s="102">
        <v>0</v>
      </c>
      <c r="HV35" s="102">
        <v>1</v>
      </c>
      <c r="HW35" s="102">
        <v>0</v>
      </c>
      <c r="HX35" s="103">
        <v>1</v>
      </c>
      <c r="HY35" s="104">
        <v>2</v>
      </c>
      <c r="HZ35" s="101">
        <v>1</v>
      </c>
      <c r="IA35" s="102">
        <v>0</v>
      </c>
      <c r="IB35" s="103">
        <v>1</v>
      </c>
      <c r="IC35" s="413">
        <v>0</v>
      </c>
      <c r="ID35" s="102">
        <v>5</v>
      </c>
      <c r="IE35" s="102">
        <v>1</v>
      </c>
      <c r="IF35" s="102">
        <v>1</v>
      </c>
      <c r="IG35" s="102">
        <v>1</v>
      </c>
      <c r="IH35" s="102">
        <v>2</v>
      </c>
      <c r="II35" s="103">
        <v>10</v>
      </c>
      <c r="IJ35" s="104">
        <v>11</v>
      </c>
      <c r="IK35" s="101">
        <v>4</v>
      </c>
      <c r="IL35" s="102">
        <v>2</v>
      </c>
      <c r="IM35" s="103">
        <v>6</v>
      </c>
      <c r="IN35" s="413">
        <v>0</v>
      </c>
      <c r="IO35" s="102">
        <v>6</v>
      </c>
      <c r="IP35" s="102">
        <v>0</v>
      </c>
      <c r="IQ35" s="102">
        <v>0</v>
      </c>
      <c r="IR35" s="102">
        <v>2</v>
      </c>
      <c r="IS35" s="102">
        <v>1</v>
      </c>
      <c r="IT35" s="103">
        <v>9</v>
      </c>
      <c r="IU35" s="104">
        <v>15</v>
      </c>
      <c r="IV35" s="101">
        <v>0</v>
      </c>
      <c r="IW35" s="102">
        <v>3</v>
      </c>
      <c r="IX35" s="103">
        <v>3</v>
      </c>
      <c r="IY35" s="413">
        <v>0</v>
      </c>
      <c r="IZ35" s="102">
        <v>1</v>
      </c>
      <c r="JA35" s="102">
        <v>5</v>
      </c>
      <c r="JB35" s="102">
        <v>0</v>
      </c>
      <c r="JC35" s="102">
        <v>0</v>
      </c>
      <c r="JD35" s="102">
        <v>1</v>
      </c>
      <c r="JE35" s="103">
        <v>7</v>
      </c>
      <c r="JF35" s="104">
        <v>10</v>
      </c>
      <c r="JG35" s="101">
        <v>3</v>
      </c>
      <c r="JH35" s="102">
        <v>1</v>
      </c>
      <c r="JI35" s="103">
        <v>4</v>
      </c>
      <c r="JJ35" s="413">
        <v>0</v>
      </c>
      <c r="JK35" s="102">
        <v>5</v>
      </c>
      <c r="JL35" s="102">
        <v>3</v>
      </c>
      <c r="JM35" s="102">
        <v>1</v>
      </c>
      <c r="JN35" s="102">
        <v>4</v>
      </c>
      <c r="JO35" s="102">
        <v>1</v>
      </c>
      <c r="JP35" s="103">
        <v>14</v>
      </c>
      <c r="JQ35" s="104">
        <v>18</v>
      </c>
      <c r="JR35" s="101">
        <v>0</v>
      </c>
      <c r="JS35" s="102">
        <v>0</v>
      </c>
      <c r="JT35" s="103">
        <v>0</v>
      </c>
      <c r="JU35" s="413">
        <v>0</v>
      </c>
      <c r="JV35" s="102">
        <v>0</v>
      </c>
      <c r="JW35" s="102">
        <v>0</v>
      </c>
      <c r="JX35" s="102">
        <v>0</v>
      </c>
      <c r="JY35" s="102">
        <v>0</v>
      </c>
      <c r="JZ35" s="102">
        <v>0</v>
      </c>
      <c r="KA35" s="103">
        <v>0</v>
      </c>
      <c r="KB35" s="104">
        <v>0</v>
      </c>
      <c r="KC35" s="101">
        <v>9</v>
      </c>
      <c r="KD35" s="102">
        <v>6</v>
      </c>
      <c r="KE35" s="103">
        <v>15</v>
      </c>
      <c r="KF35" s="413">
        <v>0</v>
      </c>
      <c r="KG35" s="102">
        <v>17</v>
      </c>
      <c r="KH35" s="102">
        <v>9</v>
      </c>
      <c r="KI35" s="102">
        <v>2</v>
      </c>
      <c r="KJ35" s="102">
        <v>8</v>
      </c>
      <c r="KK35" s="102">
        <v>5</v>
      </c>
      <c r="KL35" s="103">
        <v>41</v>
      </c>
      <c r="KM35" s="104">
        <v>56</v>
      </c>
    </row>
    <row r="36" spans="2:299" s="70" customFormat="1" ht="21" customHeight="1" x14ac:dyDescent="0.2">
      <c r="B36" s="106" t="s">
        <v>33</v>
      </c>
      <c r="C36" s="96">
        <v>2</v>
      </c>
      <c r="D36" s="97">
        <v>2</v>
      </c>
      <c r="E36" s="98">
        <v>4</v>
      </c>
      <c r="F36" s="413">
        <v>0</v>
      </c>
      <c r="G36" s="97">
        <v>13</v>
      </c>
      <c r="H36" s="97">
        <v>2</v>
      </c>
      <c r="I36" s="97">
        <v>4</v>
      </c>
      <c r="J36" s="97">
        <v>2</v>
      </c>
      <c r="K36" s="97">
        <v>2</v>
      </c>
      <c r="L36" s="99">
        <v>23</v>
      </c>
      <c r="M36" s="100">
        <v>27</v>
      </c>
      <c r="N36" s="101">
        <v>0</v>
      </c>
      <c r="O36" s="102">
        <v>0</v>
      </c>
      <c r="P36" s="103">
        <v>0</v>
      </c>
      <c r="Q36" s="413">
        <v>0</v>
      </c>
      <c r="R36" s="102">
        <v>1</v>
      </c>
      <c r="S36" s="102">
        <v>0</v>
      </c>
      <c r="T36" s="102">
        <v>0</v>
      </c>
      <c r="U36" s="102">
        <v>1</v>
      </c>
      <c r="V36" s="102">
        <v>0</v>
      </c>
      <c r="W36" s="103">
        <v>2</v>
      </c>
      <c r="X36" s="104">
        <v>2</v>
      </c>
      <c r="Y36" s="101">
        <v>0</v>
      </c>
      <c r="Z36" s="102">
        <v>0</v>
      </c>
      <c r="AA36" s="103">
        <v>0</v>
      </c>
      <c r="AB36" s="413">
        <v>0</v>
      </c>
      <c r="AC36" s="102">
        <v>3</v>
      </c>
      <c r="AD36" s="102">
        <v>0</v>
      </c>
      <c r="AE36" s="102">
        <v>0</v>
      </c>
      <c r="AF36" s="102">
        <v>0</v>
      </c>
      <c r="AG36" s="102">
        <v>1</v>
      </c>
      <c r="AH36" s="103">
        <v>4</v>
      </c>
      <c r="AI36" s="104">
        <v>4</v>
      </c>
      <c r="AJ36" s="101">
        <v>0</v>
      </c>
      <c r="AK36" s="102">
        <v>1</v>
      </c>
      <c r="AL36" s="103">
        <v>1</v>
      </c>
      <c r="AM36" s="413">
        <v>0</v>
      </c>
      <c r="AN36" s="102">
        <v>3</v>
      </c>
      <c r="AO36" s="102">
        <v>0</v>
      </c>
      <c r="AP36" s="102">
        <v>2</v>
      </c>
      <c r="AQ36" s="102">
        <v>0</v>
      </c>
      <c r="AR36" s="102">
        <v>1</v>
      </c>
      <c r="AS36" s="103">
        <v>6</v>
      </c>
      <c r="AT36" s="104">
        <v>7</v>
      </c>
      <c r="AU36" s="101">
        <v>1</v>
      </c>
      <c r="AV36" s="102">
        <v>1</v>
      </c>
      <c r="AW36" s="103">
        <v>2</v>
      </c>
      <c r="AX36" s="413">
        <v>0</v>
      </c>
      <c r="AY36" s="102">
        <v>1</v>
      </c>
      <c r="AZ36" s="102">
        <v>0</v>
      </c>
      <c r="BA36" s="102">
        <v>1</v>
      </c>
      <c r="BB36" s="102">
        <v>1</v>
      </c>
      <c r="BC36" s="102">
        <v>0</v>
      </c>
      <c r="BD36" s="103">
        <v>3</v>
      </c>
      <c r="BE36" s="104">
        <v>5</v>
      </c>
      <c r="BF36" s="101">
        <v>1</v>
      </c>
      <c r="BG36" s="102">
        <v>0</v>
      </c>
      <c r="BH36" s="103">
        <v>1</v>
      </c>
      <c r="BI36" s="413">
        <v>0</v>
      </c>
      <c r="BJ36" s="102">
        <v>0</v>
      </c>
      <c r="BK36" s="102">
        <v>2</v>
      </c>
      <c r="BL36" s="102">
        <v>0</v>
      </c>
      <c r="BM36" s="102">
        <v>0</v>
      </c>
      <c r="BN36" s="102">
        <v>0</v>
      </c>
      <c r="BO36" s="103">
        <v>2</v>
      </c>
      <c r="BP36" s="104">
        <v>3</v>
      </c>
      <c r="BQ36" s="101">
        <v>0</v>
      </c>
      <c r="BR36" s="102">
        <v>0</v>
      </c>
      <c r="BS36" s="103">
        <v>0</v>
      </c>
      <c r="BT36" s="413">
        <v>0</v>
      </c>
      <c r="BU36" s="102">
        <v>5</v>
      </c>
      <c r="BV36" s="102">
        <v>0</v>
      </c>
      <c r="BW36" s="102">
        <v>1</v>
      </c>
      <c r="BX36" s="102">
        <v>0</v>
      </c>
      <c r="BY36" s="102">
        <v>0</v>
      </c>
      <c r="BZ36" s="103">
        <v>6</v>
      </c>
      <c r="CA36" s="104">
        <v>6</v>
      </c>
      <c r="CB36" s="101">
        <v>0</v>
      </c>
      <c r="CC36" s="102">
        <v>0</v>
      </c>
      <c r="CD36" s="103">
        <v>0</v>
      </c>
      <c r="CE36" s="413">
        <v>0</v>
      </c>
      <c r="CF36" s="102">
        <v>0</v>
      </c>
      <c r="CG36" s="102">
        <v>0</v>
      </c>
      <c r="CH36" s="102">
        <v>0</v>
      </c>
      <c r="CI36" s="102">
        <v>0</v>
      </c>
      <c r="CJ36" s="102">
        <v>0</v>
      </c>
      <c r="CK36" s="103">
        <v>0</v>
      </c>
      <c r="CL36" s="104">
        <v>0</v>
      </c>
      <c r="CM36" s="101">
        <v>2</v>
      </c>
      <c r="CN36" s="102">
        <v>2</v>
      </c>
      <c r="CO36" s="103">
        <v>4</v>
      </c>
      <c r="CP36" s="413">
        <v>0</v>
      </c>
      <c r="CQ36" s="102">
        <v>13</v>
      </c>
      <c r="CR36" s="102">
        <v>2</v>
      </c>
      <c r="CS36" s="102">
        <v>4</v>
      </c>
      <c r="CT36" s="102">
        <v>2</v>
      </c>
      <c r="CU36" s="102">
        <v>2</v>
      </c>
      <c r="CV36" s="103">
        <v>23</v>
      </c>
      <c r="CW36" s="104">
        <v>27</v>
      </c>
      <c r="CX36" s="105">
        <v>0</v>
      </c>
      <c r="CY36" s="97">
        <v>3</v>
      </c>
      <c r="CZ36" s="98">
        <v>3</v>
      </c>
      <c r="DA36" s="413">
        <v>0</v>
      </c>
      <c r="DB36" s="97">
        <v>6</v>
      </c>
      <c r="DC36" s="97">
        <v>3</v>
      </c>
      <c r="DD36" s="97">
        <v>1</v>
      </c>
      <c r="DE36" s="97">
        <v>2</v>
      </c>
      <c r="DF36" s="97">
        <v>1</v>
      </c>
      <c r="DG36" s="99">
        <v>13</v>
      </c>
      <c r="DH36" s="100">
        <v>16</v>
      </c>
      <c r="DI36" s="101">
        <v>0</v>
      </c>
      <c r="DJ36" s="102">
        <v>0</v>
      </c>
      <c r="DK36" s="103">
        <v>0</v>
      </c>
      <c r="DL36" s="413">
        <v>0</v>
      </c>
      <c r="DM36" s="102">
        <v>0</v>
      </c>
      <c r="DN36" s="102">
        <v>0</v>
      </c>
      <c r="DO36" s="102">
        <v>0</v>
      </c>
      <c r="DP36" s="102">
        <v>0</v>
      </c>
      <c r="DQ36" s="102">
        <v>0</v>
      </c>
      <c r="DR36" s="103">
        <v>0</v>
      </c>
      <c r="DS36" s="104">
        <v>0</v>
      </c>
      <c r="DT36" s="101">
        <v>0</v>
      </c>
      <c r="DU36" s="102">
        <v>0</v>
      </c>
      <c r="DV36" s="103">
        <v>0</v>
      </c>
      <c r="DW36" s="413">
        <v>0</v>
      </c>
      <c r="DX36" s="102">
        <v>0</v>
      </c>
      <c r="DY36" s="102">
        <v>0</v>
      </c>
      <c r="DZ36" s="102">
        <v>0</v>
      </c>
      <c r="EA36" s="102">
        <v>0</v>
      </c>
      <c r="EB36" s="102">
        <v>0</v>
      </c>
      <c r="EC36" s="103">
        <v>0</v>
      </c>
      <c r="ED36" s="104">
        <v>0</v>
      </c>
      <c r="EE36" s="101">
        <v>0</v>
      </c>
      <c r="EF36" s="102">
        <v>0</v>
      </c>
      <c r="EG36" s="103">
        <v>0</v>
      </c>
      <c r="EH36" s="413">
        <v>0</v>
      </c>
      <c r="EI36" s="102">
        <v>1</v>
      </c>
      <c r="EJ36" s="102">
        <v>0</v>
      </c>
      <c r="EK36" s="102">
        <v>0</v>
      </c>
      <c r="EL36" s="102">
        <v>0</v>
      </c>
      <c r="EM36" s="102">
        <v>0</v>
      </c>
      <c r="EN36" s="103">
        <v>1</v>
      </c>
      <c r="EO36" s="104">
        <v>1</v>
      </c>
      <c r="EP36" s="101">
        <v>0</v>
      </c>
      <c r="EQ36" s="102">
        <v>1</v>
      </c>
      <c r="ER36" s="103">
        <v>1</v>
      </c>
      <c r="ES36" s="413">
        <v>0</v>
      </c>
      <c r="ET36" s="102">
        <v>0</v>
      </c>
      <c r="EU36" s="102">
        <v>0</v>
      </c>
      <c r="EV36" s="102">
        <v>0</v>
      </c>
      <c r="EW36" s="102">
        <v>0</v>
      </c>
      <c r="EX36" s="102">
        <v>1</v>
      </c>
      <c r="EY36" s="103">
        <v>1</v>
      </c>
      <c r="EZ36" s="104">
        <v>2</v>
      </c>
      <c r="FA36" s="101">
        <v>0</v>
      </c>
      <c r="FB36" s="102">
        <v>2</v>
      </c>
      <c r="FC36" s="103">
        <v>2</v>
      </c>
      <c r="FD36" s="413">
        <v>0</v>
      </c>
      <c r="FE36" s="102">
        <v>2</v>
      </c>
      <c r="FF36" s="102">
        <v>0</v>
      </c>
      <c r="FG36" s="102">
        <v>0</v>
      </c>
      <c r="FH36" s="102">
        <v>1</v>
      </c>
      <c r="FI36" s="102">
        <v>0</v>
      </c>
      <c r="FJ36" s="103">
        <v>3</v>
      </c>
      <c r="FK36" s="104">
        <v>5</v>
      </c>
      <c r="FL36" s="101">
        <v>0</v>
      </c>
      <c r="FM36" s="102">
        <v>0</v>
      </c>
      <c r="FN36" s="103">
        <v>0</v>
      </c>
      <c r="FO36" s="413">
        <v>0</v>
      </c>
      <c r="FP36" s="102">
        <v>3</v>
      </c>
      <c r="FQ36" s="102">
        <v>3</v>
      </c>
      <c r="FR36" s="102">
        <v>1</v>
      </c>
      <c r="FS36" s="102">
        <v>1</v>
      </c>
      <c r="FT36" s="102">
        <v>0</v>
      </c>
      <c r="FU36" s="103">
        <v>8</v>
      </c>
      <c r="FV36" s="104">
        <v>8</v>
      </c>
      <c r="FW36" s="101">
        <v>0</v>
      </c>
      <c r="FX36" s="102">
        <v>0</v>
      </c>
      <c r="FY36" s="103">
        <v>0</v>
      </c>
      <c r="FZ36" s="413">
        <v>0</v>
      </c>
      <c r="GA36" s="102">
        <v>0</v>
      </c>
      <c r="GB36" s="102">
        <v>0</v>
      </c>
      <c r="GC36" s="102">
        <v>0</v>
      </c>
      <c r="GD36" s="102">
        <v>0</v>
      </c>
      <c r="GE36" s="102">
        <v>0</v>
      </c>
      <c r="GF36" s="103">
        <v>0</v>
      </c>
      <c r="GG36" s="104">
        <v>0</v>
      </c>
      <c r="GH36" s="101">
        <v>0</v>
      </c>
      <c r="GI36" s="102">
        <v>3</v>
      </c>
      <c r="GJ36" s="103">
        <v>3</v>
      </c>
      <c r="GK36" s="413">
        <v>0</v>
      </c>
      <c r="GL36" s="102">
        <v>6</v>
      </c>
      <c r="GM36" s="102">
        <v>3</v>
      </c>
      <c r="GN36" s="102">
        <v>1</v>
      </c>
      <c r="GO36" s="102">
        <v>2</v>
      </c>
      <c r="GP36" s="102">
        <v>1</v>
      </c>
      <c r="GQ36" s="103">
        <v>13</v>
      </c>
      <c r="GR36" s="104">
        <v>16</v>
      </c>
      <c r="GS36" s="105">
        <v>2</v>
      </c>
      <c r="GT36" s="97">
        <v>5</v>
      </c>
      <c r="GU36" s="98">
        <v>7</v>
      </c>
      <c r="GV36" s="413">
        <v>0</v>
      </c>
      <c r="GW36" s="97">
        <v>19</v>
      </c>
      <c r="GX36" s="97">
        <v>5</v>
      </c>
      <c r="GY36" s="97">
        <v>5</v>
      </c>
      <c r="GZ36" s="97">
        <v>4</v>
      </c>
      <c r="HA36" s="97">
        <v>3</v>
      </c>
      <c r="HB36" s="99">
        <v>36</v>
      </c>
      <c r="HC36" s="100">
        <v>43</v>
      </c>
      <c r="HD36" s="101">
        <v>0</v>
      </c>
      <c r="HE36" s="102">
        <v>0</v>
      </c>
      <c r="HF36" s="103">
        <v>0</v>
      </c>
      <c r="HG36" s="413">
        <v>0</v>
      </c>
      <c r="HH36" s="102">
        <v>1</v>
      </c>
      <c r="HI36" s="102">
        <v>0</v>
      </c>
      <c r="HJ36" s="102">
        <v>0</v>
      </c>
      <c r="HK36" s="102">
        <v>1</v>
      </c>
      <c r="HL36" s="102">
        <v>0</v>
      </c>
      <c r="HM36" s="103">
        <v>2</v>
      </c>
      <c r="HN36" s="104">
        <v>2</v>
      </c>
      <c r="HO36" s="101">
        <v>0</v>
      </c>
      <c r="HP36" s="102">
        <v>0</v>
      </c>
      <c r="HQ36" s="103">
        <v>0</v>
      </c>
      <c r="HR36" s="413">
        <v>0</v>
      </c>
      <c r="HS36" s="102">
        <v>3</v>
      </c>
      <c r="HT36" s="102">
        <v>0</v>
      </c>
      <c r="HU36" s="102">
        <v>0</v>
      </c>
      <c r="HV36" s="102">
        <v>0</v>
      </c>
      <c r="HW36" s="102">
        <v>1</v>
      </c>
      <c r="HX36" s="103">
        <v>4</v>
      </c>
      <c r="HY36" s="104">
        <v>4</v>
      </c>
      <c r="HZ36" s="101">
        <v>0</v>
      </c>
      <c r="IA36" s="102">
        <v>1</v>
      </c>
      <c r="IB36" s="103">
        <v>1</v>
      </c>
      <c r="IC36" s="413">
        <v>0</v>
      </c>
      <c r="ID36" s="102">
        <v>4</v>
      </c>
      <c r="IE36" s="102">
        <v>0</v>
      </c>
      <c r="IF36" s="102">
        <v>2</v>
      </c>
      <c r="IG36" s="102">
        <v>0</v>
      </c>
      <c r="IH36" s="102">
        <v>1</v>
      </c>
      <c r="II36" s="103">
        <v>7</v>
      </c>
      <c r="IJ36" s="104">
        <v>8</v>
      </c>
      <c r="IK36" s="101">
        <v>1</v>
      </c>
      <c r="IL36" s="102">
        <v>2</v>
      </c>
      <c r="IM36" s="103">
        <v>3</v>
      </c>
      <c r="IN36" s="413">
        <v>0</v>
      </c>
      <c r="IO36" s="102">
        <v>1</v>
      </c>
      <c r="IP36" s="102">
        <v>0</v>
      </c>
      <c r="IQ36" s="102">
        <v>1</v>
      </c>
      <c r="IR36" s="102">
        <v>1</v>
      </c>
      <c r="IS36" s="102">
        <v>1</v>
      </c>
      <c r="IT36" s="103">
        <v>4</v>
      </c>
      <c r="IU36" s="104">
        <v>7</v>
      </c>
      <c r="IV36" s="101">
        <v>1</v>
      </c>
      <c r="IW36" s="102">
        <v>2</v>
      </c>
      <c r="IX36" s="103">
        <v>3</v>
      </c>
      <c r="IY36" s="413">
        <v>0</v>
      </c>
      <c r="IZ36" s="102">
        <v>2</v>
      </c>
      <c r="JA36" s="102">
        <v>2</v>
      </c>
      <c r="JB36" s="102">
        <v>0</v>
      </c>
      <c r="JC36" s="102">
        <v>1</v>
      </c>
      <c r="JD36" s="102">
        <v>0</v>
      </c>
      <c r="JE36" s="103">
        <v>5</v>
      </c>
      <c r="JF36" s="104">
        <v>8</v>
      </c>
      <c r="JG36" s="101">
        <v>0</v>
      </c>
      <c r="JH36" s="102">
        <v>0</v>
      </c>
      <c r="JI36" s="103">
        <v>0</v>
      </c>
      <c r="JJ36" s="413">
        <v>0</v>
      </c>
      <c r="JK36" s="102">
        <v>8</v>
      </c>
      <c r="JL36" s="102">
        <v>3</v>
      </c>
      <c r="JM36" s="102">
        <v>2</v>
      </c>
      <c r="JN36" s="102">
        <v>1</v>
      </c>
      <c r="JO36" s="102">
        <v>0</v>
      </c>
      <c r="JP36" s="103">
        <v>14</v>
      </c>
      <c r="JQ36" s="104">
        <v>14</v>
      </c>
      <c r="JR36" s="101">
        <v>0</v>
      </c>
      <c r="JS36" s="102">
        <v>0</v>
      </c>
      <c r="JT36" s="103">
        <v>0</v>
      </c>
      <c r="JU36" s="413">
        <v>0</v>
      </c>
      <c r="JV36" s="102">
        <v>0</v>
      </c>
      <c r="JW36" s="102">
        <v>0</v>
      </c>
      <c r="JX36" s="102">
        <v>0</v>
      </c>
      <c r="JY36" s="102">
        <v>0</v>
      </c>
      <c r="JZ36" s="102">
        <v>0</v>
      </c>
      <c r="KA36" s="103">
        <v>0</v>
      </c>
      <c r="KB36" s="104">
        <v>0</v>
      </c>
      <c r="KC36" s="101">
        <v>2</v>
      </c>
      <c r="KD36" s="102">
        <v>5</v>
      </c>
      <c r="KE36" s="103">
        <v>7</v>
      </c>
      <c r="KF36" s="413">
        <v>0</v>
      </c>
      <c r="KG36" s="102">
        <v>19</v>
      </c>
      <c r="KH36" s="102">
        <v>5</v>
      </c>
      <c r="KI36" s="102">
        <v>5</v>
      </c>
      <c r="KJ36" s="102">
        <v>4</v>
      </c>
      <c r="KK36" s="102">
        <v>3</v>
      </c>
      <c r="KL36" s="103">
        <v>36</v>
      </c>
      <c r="KM36" s="104">
        <v>43</v>
      </c>
    </row>
    <row r="37" spans="2:299" s="70" customFormat="1" ht="21" customHeight="1" x14ac:dyDescent="0.2">
      <c r="B37" s="106" t="s">
        <v>34</v>
      </c>
      <c r="C37" s="96">
        <v>3</v>
      </c>
      <c r="D37" s="97">
        <v>1</v>
      </c>
      <c r="E37" s="98">
        <v>4</v>
      </c>
      <c r="F37" s="413">
        <v>0</v>
      </c>
      <c r="G37" s="97">
        <v>4</v>
      </c>
      <c r="H37" s="97">
        <v>4</v>
      </c>
      <c r="I37" s="97">
        <v>0</v>
      </c>
      <c r="J37" s="97">
        <v>3</v>
      </c>
      <c r="K37" s="97">
        <v>0</v>
      </c>
      <c r="L37" s="99">
        <v>11</v>
      </c>
      <c r="M37" s="100">
        <v>15</v>
      </c>
      <c r="N37" s="101">
        <v>0</v>
      </c>
      <c r="O37" s="102">
        <v>0</v>
      </c>
      <c r="P37" s="103">
        <v>0</v>
      </c>
      <c r="Q37" s="413">
        <v>0</v>
      </c>
      <c r="R37" s="102">
        <v>0</v>
      </c>
      <c r="S37" s="102">
        <v>0</v>
      </c>
      <c r="T37" s="102">
        <v>0</v>
      </c>
      <c r="U37" s="102">
        <v>0</v>
      </c>
      <c r="V37" s="102">
        <v>0</v>
      </c>
      <c r="W37" s="103">
        <v>0</v>
      </c>
      <c r="X37" s="104">
        <v>0</v>
      </c>
      <c r="Y37" s="101">
        <v>0</v>
      </c>
      <c r="Z37" s="102">
        <v>0</v>
      </c>
      <c r="AA37" s="103">
        <v>0</v>
      </c>
      <c r="AB37" s="413">
        <v>0</v>
      </c>
      <c r="AC37" s="102">
        <v>0</v>
      </c>
      <c r="AD37" s="102">
        <v>1</v>
      </c>
      <c r="AE37" s="102">
        <v>0</v>
      </c>
      <c r="AF37" s="102">
        <v>0</v>
      </c>
      <c r="AG37" s="102">
        <v>0</v>
      </c>
      <c r="AH37" s="103">
        <v>1</v>
      </c>
      <c r="AI37" s="104">
        <v>1</v>
      </c>
      <c r="AJ37" s="101">
        <v>1</v>
      </c>
      <c r="AK37" s="102">
        <v>1</v>
      </c>
      <c r="AL37" s="103">
        <v>2</v>
      </c>
      <c r="AM37" s="413">
        <v>0</v>
      </c>
      <c r="AN37" s="102">
        <v>0</v>
      </c>
      <c r="AO37" s="102">
        <v>1</v>
      </c>
      <c r="AP37" s="102">
        <v>0</v>
      </c>
      <c r="AQ37" s="102">
        <v>0</v>
      </c>
      <c r="AR37" s="102">
        <v>0</v>
      </c>
      <c r="AS37" s="103">
        <v>1</v>
      </c>
      <c r="AT37" s="104">
        <v>3</v>
      </c>
      <c r="AU37" s="101">
        <v>1</v>
      </c>
      <c r="AV37" s="102">
        <v>0</v>
      </c>
      <c r="AW37" s="103">
        <v>1</v>
      </c>
      <c r="AX37" s="413">
        <v>0</v>
      </c>
      <c r="AY37" s="102">
        <v>2</v>
      </c>
      <c r="AZ37" s="102">
        <v>1</v>
      </c>
      <c r="BA37" s="102">
        <v>0</v>
      </c>
      <c r="BB37" s="102">
        <v>2</v>
      </c>
      <c r="BC37" s="102">
        <v>0</v>
      </c>
      <c r="BD37" s="103">
        <v>5</v>
      </c>
      <c r="BE37" s="104">
        <v>6</v>
      </c>
      <c r="BF37" s="101">
        <v>0</v>
      </c>
      <c r="BG37" s="102">
        <v>0</v>
      </c>
      <c r="BH37" s="103">
        <v>0</v>
      </c>
      <c r="BI37" s="413">
        <v>0</v>
      </c>
      <c r="BJ37" s="102">
        <v>1</v>
      </c>
      <c r="BK37" s="102">
        <v>0</v>
      </c>
      <c r="BL37" s="102">
        <v>0</v>
      </c>
      <c r="BM37" s="102">
        <v>0</v>
      </c>
      <c r="BN37" s="102">
        <v>0</v>
      </c>
      <c r="BO37" s="103">
        <v>1</v>
      </c>
      <c r="BP37" s="104">
        <v>1</v>
      </c>
      <c r="BQ37" s="101">
        <v>1</v>
      </c>
      <c r="BR37" s="102">
        <v>0</v>
      </c>
      <c r="BS37" s="103">
        <v>1</v>
      </c>
      <c r="BT37" s="413">
        <v>0</v>
      </c>
      <c r="BU37" s="102">
        <v>1</v>
      </c>
      <c r="BV37" s="102">
        <v>1</v>
      </c>
      <c r="BW37" s="102">
        <v>0</v>
      </c>
      <c r="BX37" s="102">
        <v>1</v>
      </c>
      <c r="BY37" s="102">
        <v>0</v>
      </c>
      <c r="BZ37" s="103">
        <v>3</v>
      </c>
      <c r="CA37" s="104">
        <v>4</v>
      </c>
      <c r="CB37" s="101">
        <v>0</v>
      </c>
      <c r="CC37" s="102">
        <v>0</v>
      </c>
      <c r="CD37" s="103">
        <v>0</v>
      </c>
      <c r="CE37" s="413">
        <v>0</v>
      </c>
      <c r="CF37" s="102">
        <v>0</v>
      </c>
      <c r="CG37" s="102">
        <v>0</v>
      </c>
      <c r="CH37" s="102">
        <v>0</v>
      </c>
      <c r="CI37" s="102">
        <v>0</v>
      </c>
      <c r="CJ37" s="102">
        <v>0</v>
      </c>
      <c r="CK37" s="103">
        <v>0</v>
      </c>
      <c r="CL37" s="104">
        <v>0</v>
      </c>
      <c r="CM37" s="101">
        <v>3</v>
      </c>
      <c r="CN37" s="102">
        <v>1</v>
      </c>
      <c r="CO37" s="103">
        <v>4</v>
      </c>
      <c r="CP37" s="413">
        <v>0</v>
      </c>
      <c r="CQ37" s="102">
        <v>4</v>
      </c>
      <c r="CR37" s="102">
        <v>4</v>
      </c>
      <c r="CS37" s="102">
        <v>0</v>
      </c>
      <c r="CT37" s="102">
        <v>3</v>
      </c>
      <c r="CU37" s="102">
        <v>0</v>
      </c>
      <c r="CV37" s="103">
        <v>11</v>
      </c>
      <c r="CW37" s="104">
        <v>15</v>
      </c>
      <c r="CX37" s="105">
        <v>3</v>
      </c>
      <c r="CY37" s="97">
        <v>0</v>
      </c>
      <c r="CZ37" s="98">
        <v>3</v>
      </c>
      <c r="DA37" s="413">
        <v>0</v>
      </c>
      <c r="DB37" s="97">
        <v>1</v>
      </c>
      <c r="DC37" s="97">
        <v>2</v>
      </c>
      <c r="DD37" s="97">
        <v>1</v>
      </c>
      <c r="DE37" s="97">
        <v>1</v>
      </c>
      <c r="DF37" s="97">
        <v>1</v>
      </c>
      <c r="DG37" s="99">
        <v>6</v>
      </c>
      <c r="DH37" s="100">
        <v>9</v>
      </c>
      <c r="DI37" s="101">
        <v>0</v>
      </c>
      <c r="DJ37" s="102">
        <v>0</v>
      </c>
      <c r="DK37" s="103">
        <v>0</v>
      </c>
      <c r="DL37" s="413">
        <v>0</v>
      </c>
      <c r="DM37" s="102">
        <v>0</v>
      </c>
      <c r="DN37" s="102">
        <v>0</v>
      </c>
      <c r="DO37" s="102">
        <v>0</v>
      </c>
      <c r="DP37" s="102">
        <v>0</v>
      </c>
      <c r="DQ37" s="102">
        <v>0</v>
      </c>
      <c r="DR37" s="103">
        <v>0</v>
      </c>
      <c r="DS37" s="104">
        <v>0</v>
      </c>
      <c r="DT37" s="101">
        <v>0</v>
      </c>
      <c r="DU37" s="102">
        <v>0</v>
      </c>
      <c r="DV37" s="103">
        <v>0</v>
      </c>
      <c r="DW37" s="413">
        <v>0</v>
      </c>
      <c r="DX37" s="102">
        <v>0</v>
      </c>
      <c r="DY37" s="102">
        <v>0</v>
      </c>
      <c r="DZ37" s="102">
        <v>0</v>
      </c>
      <c r="EA37" s="102">
        <v>0</v>
      </c>
      <c r="EB37" s="102">
        <v>0</v>
      </c>
      <c r="EC37" s="103">
        <v>0</v>
      </c>
      <c r="ED37" s="104">
        <v>0</v>
      </c>
      <c r="EE37" s="101">
        <v>0</v>
      </c>
      <c r="EF37" s="102">
        <v>0</v>
      </c>
      <c r="EG37" s="103">
        <v>0</v>
      </c>
      <c r="EH37" s="413">
        <v>0</v>
      </c>
      <c r="EI37" s="102">
        <v>0</v>
      </c>
      <c r="EJ37" s="102">
        <v>0</v>
      </c>
      <c r="EK37" s="102">
        <v>0</v>
      </c>
      <c r="EL37" s="102">
        <v>0</v>
      </c>
      <c r="EM37" s="102">
        <v>0</v>
      </c>
      <c r="EN37" s="103">
        <v>0</v>
      </c>
      <c r="EO37" s="104">
        <v>0</v>
      </c>
      <c r="EP37" s="101">
        <v>1</v>
      </c>
      <c r="EQ37" s="102">
        <v>0</v>
      </c>
      <c r="ER37" s="103">
        <v>1</v>
      </c>
      <c r="ES37" s="413">
        <v>0</v>
      </c>
      <c r="ET37" s="102">
        <v>0</v>
      </c>
      <c r="EU37" s="102">
        <v>0</v>
      </c>
      <c r="EV37" s="102">
        <v>1</v>
      </c>
      <c r="EW37" s="102">
        <v>0</v>
      </c>
      <c r="EX37" s="102">
        <v>1</v>
      </c>
      <c r="EY37" s="103">
        <v>2</v>
      </c>
      <c r="EZ37" s="104">
        <v>3</v>
      </c>
      <c r="FA37" s="101">
        <v>2</v>
      </c>
      <c r="FB37" s="102">
        <v>0</v>
      </c>
      <c r="FC37" s="103">
        <v>2</v>
      </c>
      <c r="FD37" s="413">
        <v>0</v>
      </c>
      <c r="FE37" s="102">
        <v>0</v>
      </c>
      <c r="FF37" s="102">
        <v>0</v>
      </c>
      <c r="FG37" s="102">
        <v>0</v>
      </c>
      <c r="FH37" s="102">
        <v>1</v>
      </c>
      <c r="FI37" s="102">
        <v>0</v>
      </c>
      <c r="FJ37" s="103">
        <v>1</v>
      </c>
      <c r="FK37" s="104">
        <v>3</v>
      </c>
      <c r="FL37" s="101">
        <v>0</v>
      </c>
      <c r="FM37" s="102">
        <v>0</v>
      </c>
      <c r="FN37" s="103">
        <v>0</v>
      </c>
      <c r="FO37" s="413">
        <v>0</v>
      </c>
      <c r="FP37" s="102">
        <v>1</v>
      </c>
      <c r="FQ37" s="102">
        <v>2</v>
      </c>
      <c r="FR37" s="102">
        <v>0</v>
      </c>
      <c r="FS37" s="102">
        <v>0</v>
      </c>
      <c r="FT37" s="102">
        <v>0</v>
      </c>
      <c r="FU37" s="103">
        <v>3</v>
      </c>
      <c r="FV37" s="104">
        <v>3</v>
      </c>
      <c r="FW37" s="101">
        <v>0</v>
      </c>
      <c r="FX37" s="102">
        <v>0</v>
      </c>
      <c r="FY37" s="103">
        <v>0</v>
      </c>
      <c r="FZ37" s="413">
        <v>0</v>
      </c>
      <c r="GA37" s="102">
        <v>0</v>
      </c>
      <c r="GB37" s="102">
        <v>0</v>
      </c>
      <c r="GC37" s="102">
        <v>0</v>
      </c>
      <c r="GD37" s="102">
        <v>0</v>
      </c>
      <c r="GE37" s="102">
        <v>0</v>
      </c>
      <c r="GF37" s="103">
        <v>0</v>
      </c>
      <c r="GG37" s="104">
        <v>0</v>
      </c>
      <c r="GH37" s="101">
        <v>3</v>
      </c>
      <c r="GI37" s="102">
        <v>0</v>
      </c>
      <c r="GJ37" s="103">
        <v>3</v>
      </c>
      <c r="GK37" s="413">
        <v>0</v>
      </c>
      <c r="GL37" s="102">
        <v>1</v>
      </c>
      <c r="GM37" s="102">
        <v>2</v>
      </c>
      <c r="GN37" s="102">
        <v>1</v>
      </c>
      <c r="GO37" s="102">
        <v>1</v>
      </c>
      <c r="GP37" s="102">
        <v>1</v>
      </c>
      <c r="GQ37" s="103">
        <v>6</v>
      </c>
      <c r="GR37" s="104">
        <v>9</v>
      </c>
      <c r="GS37" s="105">
        <v>6</v>
      </c>
      <c r="GT37" s="97">
        <v>1</v>
      </c>
      <c r="GU37" s="98">
        <v>7</v>
      </c>
      <c r="GV37" s="413">
        <v>0</v>
      </c>
      <c r="GW37" s="97">
        <v>5</v>
      </c>
      <c r="GX37" s="97">
        <v>6</v>
      </c>
      <c r="GY37" s="97">
        <v>1</v>
      </c>
      <c r="GZ37" s="97">
        <v>4</v>
      </c>
      <c r="HA37" s="97">
        <v>1</v>
      </c>
      <c r="HB37" s="99">
        <v>17</v>
      </c>
      <c r="HC37" s="100">
        <v>24</v>
      </c>
      <c r="HD37" s="101">
        <v>0</v>
      </c>
      <c r="HE37" s="102">
        <v>0</v>
      </c>
      <c r="HF37" s="103">
        <v>0</v>
      </c>
      <c r="HG37" s="413">
        <v>0</v>
      </c>
      <c r="HH37" s="102">
        <v>0</v>
      </c>
      <c r="HI37" s="102">
        <v>0</v>
      </c>
      <c r="HJ37" s="102">
        <v>0</v>
      </c>
      <c r="HK37" s="102">
        <v>0</v>
      </c>
      <c r="HL37" s="102">
        <v>0</v>
      </c>
      <c r="HM37" s="103">
        <v>0</v>
      </c>
      <c r="HN37" s="104">
        <v>0</v>
      </c>
      <c r="HO37" s="101">
        <v>0</v>
      </c>
      <c r="HP37" s="102">
        <v>0</v>
      </c>
      <c r="HQ37" s="103">
        <v>0</v>
      </c>
      <c r="HR37" s="413">
        <v>0</v>
      </c>
      <c r="HS37" s="102">
        <v>0</v>
      </c>
      <c r="HT37" s="102">
        <v>1</v>
      </c>
      <c r="HU37" s="102">
        <v>0</v>
      </c>
      <c r="HV37" s="102">
        <v>0</v>
      </c>
      <c r="HW37" s="102">
        <v>0</v>
      </c>
      <c r="HX37" s="103">
        <v>1</v>
      </c>
      <c r="HY37" s="104">
        <v>1</v>
      </c>
      <c r="HZ37" s="101">
        <v>1</v>
      </c>
      <c r="IA37" s="102">
        <v>1</v>
      </c>
      <c r="IB37" s="103">
        <v>2</v>
      </c>
      <c r="IC37" s="413">
        <v>0</v>
      </c>
      <c r="ID37" s="102">
        <v>0</v>
      </c>
      <c r="IE37" s="102">
        <v>1</v>
      </c>
      <c r="IF37" s="102">
        <v>0</v>
      </c>
      <c r="IG37" s="102">
        <v>0</v>
      </c>
      <c r="IH37" s="102">
        <v>0</v>
      </c>
      <c r="II37" s="103">
        <v>1</v>
      </c>
      <c r="IJ37" s="104">
        <v>3</v>
      </c>
      <c r="IK37" s="101">
        <v>2</v>
      </c>
      <c r="IL37" s="102">
        <v>0</v>
      </c>
      <c r="IM37" s="103">
        <v>2</v>
      </c>
      <c r="IN37" s="413">
        <v>0</v>
      </c>
      <c r="IO37" s="102">
        <v>2</v>
      </c>
      <c r="IP37" s="102">
        <v>1</v>
      </c>
      <c r="IQ37" s="102">
        <v>1</v>
      </c>
      <c r="IR37" s="102">
        <v>2</v>
      </c>
      <c r="IS37" s="102">
        <v>1</v>
      </c>
      <c r="IT37" s="103">
        <v>7</v>
      </c>
      <c r="IU37" s="104">
        <v>9</v>
      </c>
      <c r="IV37" s="101">
        <v>2</v>
      </c>
      <c r="IW37" s="102">
        <v>0</v>
      </c>
      <c r="IX37" s="103">
        <v>2</v>
      </c>
      <c r="IY37" s="413">
        <v>0</v>
      </c>
      <c r="IZ37" s="102">
        <v>1</v>
      </c>
      <c r="JA37" s="102">
        <v>0</v>
      </c>
      <c r="JB37" s="102">
        <v>0</v>
      </c>
      <c r="JC37" s="102">
        <v>1</v>
      </c>
      <c r="JD37" s="102">
        <v>0</v>
      </c>
      <c r="JE37" s="103">
        <v>2</v>
      </c>
      <c r="JF37" s="104">
        <v>4</v>
      </c>
      <c r="JG37" s="101">
        <v>1</v>
      </c>
      <c r="JH37" s="102">
        <v>0</v>
      </c>
      <c r="JI37" s="103">
        <v>1</v>
      </c>
      <c r="JJ37" s="413">
        <v>0</v>
      </c>
      <c r="JK37" s="102">
        <v>2</v>
      </c>
      <c r="JL37" s="102">
        <v>3</v>
      </c>
      <c r="JM37" s="102">
        <v>0</v>
      </c>
      <c r="JN37" s="102">
        <v>1</v>
      </c>
      <c r="JO37" s="102">
        <v>0</v>
      </c>
      <c r="JP37" s="103">
        <v>6</v>
      </c>
      <c r="JQ37" s="104">
        <v>7</v>
      </c>
      <c r="JR37" s="101">
        <v>0</v>
      </c>
      <c r="JS37" s="102">
        <v>0</v>
      </c>
      <c r="JT37" s="103">
        <v>0</v>
      </c>
      <c r="JU37" s="413">
        <v>0</v>
      </c>
      <c r="JV37" s="102">
        <v>0</v>
      </c>
      <c r="JW37" s="102">
        <v>0</v>
      </c>
      <c r="JX37" s="102">
        <v>0</v>
      </c>
      <c r="JY37" s="102">
        <v>0</v>
      </c>
      <c r="JZ37" s="102">
        <v>0</v>
      </c>
      <c r="KA37" s="103">
        <v>0</v>
      </c>
      <c r="KB37" s="104">
        <v>0</v>
      </c>
      <c r="KC37" s="101">
        <v>6</v>
      </c>
      <c r="KD37" s="102">
        <v>1</v>
      </c>
      <c r="KE37" s="103">
        <v>7</v>
      </c>
      <c r="KF37" s="413">
        <v>0</v>
      </c>
      <c r="KG37" s="102">
        <v>5</v>
      </c>
      <c r="KH37" s="102">
        <v>6</v>
      </c>
      <c r="KI37" s="102">
        <v>1</v>
      </c>
      <c r="KJ37" s="102">
        <v>4</v>
      </c>
      <c r="KK37" s="102">
        <v>1</v>
      </c>
      <c r="KL37" s="103">
        <v>17</v>
      </c>
      <c r="KM37" s="104">
        <v>24</v>
      </c>
    </row>
    <row r="38" spans="2:299" s="70" customFormat="1" ht="21" customHeight="1" x14ac:dyDescent="0.2">
      <c r="B38" s="106" t="s">
        <v>35</v>
      </c>
      <c r="C38" s="96">
        <v>8</v>
      </c>
      <c r="D38" s="97">
        <v>12</v>
      </c>
      <c r="E38" s="98">
        <v>20</v>
      </c>
      <c r="F38" s="413">
        <v>0</v>
      </c>
      <c r="G38" s="97">
        <v>15</v>
      </c>
      <c r="H38" s="97">
        <v>10</v>
      </c>
      <c r="I38" s="97">
        <v>2</v>
      </c>
      <c r="J38" s="97">
        <v>4</v>
      </c>
      <c r="K38" s="97">
        <v>1</v>
      </c>
      <c r="L38" s="99">
        <v>32</v>
      </c>
      <c r="M38" s="100">
        <v>52</v>
      </c>
      <c r="N38" s="101">
        <v>0</v>
      </c>
      <c r="O38" s="102">
        <v>1</v>
      </c>
      <c r="P38" s="103">
        <v>1</v>
      </c>
      <c r="Q38" s="413">
        <v>0</v>
      </c>
      <c r="R38" s="102">
        <v>0</v>
      </c>
      <c r="S38" s="102">
        <v>0</v>
      </c>
      <c r="T38" s="102">
        <v>0</v>
      </c>
      <c r="U38" s="102">
        <v>0</v>
      </c>
      <c r="V38" s="102">
        <v>0</v>
      </c>
      <c r="W38" s="103">
        <v>0</v>
      </c>
      <c r="X38" s="104">
        <v>1</v>
      </c>
      <c r="Y38" s="101">
        <v>0</v>
      </c>
      <c r="Z38" s="102">
        <v>0</v>
      </c>
      <c r="AA38" s="103">
        <v>0</v>
      </c>
      <c r="AB38" s="413">
        <v>0</v>
      </c>
      <c r="AC38" s="102">
        <v>0</v>
      </c>
      <c r="AD38" s="102">
        <v>1</v>
      </c>
      <c r="AE38" s="102">
        <v>0</v>
      </c>
      <c r="AF38" s="102">
        <v>0</v>
      </c>
      <c r="AG38" s="102">
        <v>0</v>
      </c>
      <c r="AH38" s="103">
        <v>1</v>
      </c>
      <c r="AI38" s="104">
        <v>1</v>
      </c>
      <c r="AJ38" s="101">
        <v>1</v>
      </c>
      <c r="AK38" s="102">
        <v>2</v>
      </c>
      <c r="AL38" s="103">
        <v>3</v>
      </c>
      <c r="AM38" s="413">
        <v>0</v>
      </c>
      <c r="AN38" s="102">
        <v>3</v>
      </c>
      <c r="AO38" s="102">
        <v>0</v>
      </c>
      <c r="AP38" s="102">
        <v>2</v>
      </c>
      <c r="AQ38" s="102">
        <v>1</v>
      </c>
      <c r="AR38" s="102">
        <v>0</v>
      </c>
      <c r="AS38" s="103">
        <v>6</v>
      </c>
      <c r="AT38" s="104">
        <v>9</v>
      </c>
      <c r="AU38" s="101">
        <v>2</v>
      </c>
      <c r="AV38" s="102">
        <v>4</v>
      </c>
      <c r="AW38" s="103">
        <v>6</v>
      </c>
      <c r="AX38" s="413">
        <v>0</v>
      </c>
      <c r="AY38" s="102">
        <v>3</v>
      </c>
      <c r="AZ38" s="102">
        <v>3</v>
      </c>
      <c r="BA38" s="102">
        <v>0</v>
      </c>
      <c r="BB38" s="102">
        <v>0</v>
      </c>
      <c r="BC38" s="102">
        <v>1</v>
      </c>
      <c r="BD38" s="103">
        <v>7</v>
      </c>
      <c r="BE38" s="104">
        <v>13</v>
      </c>
      <c r="BF38" s="101">
        <v>4</v>
      </c>
      <c r="BG38" s="102">
        <v>1</v>
      </c>
      <c r="BH38" s="103">
        <v>5</v>
      </c>
      <c r="BI38" s="413">
        <v>0</v>
      </c>
      <c r="BJ38" s="102">
        <v>7</v>
      </c>
      <c r="BK38" s="102">
        <v>3</v>
      </c>
      <c r="BL38" s="102">
        <v>0</v>
      </c>
      <c r="BM38" s="102">
        <v>2</v>
      </c>
      <c r="BN38" s="102">
        <v>0</v>
      </c>
      <c r="BO38" s="103">
        <v>12</v>
      </c>
      <c r="BP38" s="104">
        <v>17</v>
      </c>
      <c r="BQ38" s="101">
        <v>1</v>
      </c>
      <c r="BR38" s="102">
        <v>4</v>
      </c>
      <c r="BS38" s="103">
        <v>5</v>
      </c>
      <c r="BT38" s="413">
        <v>0</v>
      </c>
      <c r="BU38" s="102">
        <v>2</v>
      </c>
      <c r="BV38" s="102">
        <v>3</v>
      </c>
      <c r="BW38" s="102">
        <v>0</v>
      </c>
      <c r="BX38" s="102">
        <v>1</v>
      </c>
      <c r="BY38" s="102">
        <v>0</v>
      </c>
      <c r="BZ38" s="103">
        <v>6</v>
      </c>
      <c r="CA38" s="104">
        <v>11</v>
      </c>
      <c r="CB38" s="101">
        <v>0</v>
      </c>
      <c r="CC38" s="102">
        <v>0</v>
      </c>
      <c r="CD38" s="103">
        <v>0</v>
      </c>
      <c r="CE38" s="413">
        <v>0</v>
      </c>
      <c r="CF38" s="102">
        <v>0</v>
      </c>
      <c r="CG38" s="102">
        <v>0</v>
      </c>
      <c r="CH38" s="102">
        <v>0</v>
      </c>
      <c r="CI38" s="102">
        <v>0</v>
      </c>
      <c r="CJ38" s="102">
        <v>0</v>
      </c>
      <c r="CK38" s="103">
        <v>0</v>
      </c>
      <c r="CL38" s="104">
        <v>0</v>
      </c>
      <c r="CM38" s="101">
        <v>8</v>
      </c>
      <c r="CN38" s="102">
        <v>12</v>
      </c>
      <c r="CO38" s="103">
        <v>20</v>
      </c>
      <c r="CP38" s="413">
        <v>0</v>
      </c>
      <c r="CQ38" s="102">
        <v>15</v>
      </c>
      <c r="CR38" s="102">
        <v>10</v>
      </c>
      <c r="CS38" s="102">
        <v>2</v>
      </c>
      <c r="CT38" s="102">
        <v>4</v>
      </c>
      <c r="CU38" s="102">
        <v>1</v>
      </c>
      <c r="CV38" s="103">
        <v>32</v>
      </c>
      <c r="CW38" s="104">
        <v>52</v>
      </c>
      <c r="CX38" s="105">
        <v>4</v>
      </c>
      <c r="CY38" s="97">
        <v>5</v>
      </c>
      <c r="CZ38" s="98">
        <v>9</v>
      </c>
      <c r="DA38" s="413">
        <v>0</v>
      </c>
      <c r="DB38" s="97">
        <v>8</v>
      </c>
      <c r="DC38" s="97">
        <v>6</v>
      </c>
      <c r="DD38" s="97">
        <v>4</v>
      </c>
      <c r="DE38" s="97">
        <v>2</v>
      </c>
      <c r="DF38" s="97">
        <v>2</v>
      </c>
      <c r="DG38" s="99">
        <v>22</v>
      </c>
      <c r="DH38" s="100">
        <v>31</v>
      </c>
      <c r="DI38" s="101">
        <v>0</v>
      </c>
      <c r="DJ38" s="102">
        <v>0</v>
      </c>
      <c r="DK38" s="103">
        <v>0</v>
      </c>
      <c r="DL38" s="413">
        <v>0</v>
      </c>
      <c r="DM38" s="102">
        <v>0</v>
      </c>
      <c r="DN38" s="102">
        <v>1</v>
      </c>
      <c r="DO38" s="102">
        <v>0</v>
      </c>
      <c r="DP38" s="102">
        <v>0</v>
      </c>
      <c r="DQ38" s="102">
        <v>0</v>
      </c>
      <c r="DR38" s="103">
        <v>1</v>
      </c>
      <c r="DS38" s="104">
        <v>1</v>
      </c>
      <c r="DT38" s="101">
        <v>1</v>
      </c>
      <c r="DU38" s="102">
        <v>1</v>
      </c>
      <c r="DV38" s="103">
        <v>2</v>
      </c>
      <c r="DW38" s="413">
        <v>0</v>
      </c>
      <c r="DX38" s="102">
        <v>0</v>
      </c>
      <c r="DY38" s="102">
        <v>1</v>
      </c>
      <c r="DZ38" s="102">
        <v>0</v>
      </c>
      <c r="EA38" s="102">
        <v>0</v>
      </c>
      <c r="EB38" s="102">
        <v>0</v>
      </c>
      <c r="EC38" s="103">
        <v>1</v>
      </c>
      <c r="ED38" s="104">
        <v>3</v>
      </c>
      <c r="EE38" s="101">
        <v>1</v>
      </c>
      <c r="EF38" s="102">
        <v>0</v>
      </c>
      <c r="EG38" s="103">
        <v>1</v>
      </c>
      <c r="EH38" s="413">
        <v>0</v>
      </c>
      <c r="EI38" s="102">
        <v>0</v>
      </c>
      <c r="EJ38" s="102">
        <v>1</v>
      </c>
      <c r="EK38" s="102">
        <v>0</v>
      </c>
      <c r="EL38" s="102">
        <v>0</v>
      </c>
      <c r="EM38" s="102">
        <v>1</v>
      </c>
      <c r="EN38" s="103">
        <v>2</v>
      </c>
      <c r="EO38" s="104">
        <v>3</v>
      </c>
      <c r="EP38" s="101">
        <v>1</v>
      </c>
      <c r="EQ38" s="102">
        <v>2</v>
      </c>
      <c r="ER38" s="103">
        <v>3</v>
      </c>
      <c r="ES38" s="413">
        <v>0</v>
      </c>
      <c r="ET38" s="102">
        <v>1</v>
      </c>
      <c r="EU38" s="102">
        <v>0</v>
      </c>
      <c r="EV38" s="102">
        <v>2</v>
      </c>
      <c r="EW38" s="102">
        <v>1</v>
      </c>
      <c r="EX38" s="102">
        <v>0</v>
      </c>
      <c r="EY38" s="103">
        <v>4</v>
      </c>
      <c r="EZ38" s="104">
        <v>7</v>
      </c>
      <c r="FA38" s="101">
        <v>0</v>
      </c>
      <c r="FB38" s="102">
        <v>2</v>
      </c>
      <c r="FC38" s="103">
        <v>2</v>
      </c>
      <c r="FD38" s="413">
        <v>0</v>
      </c>
      <c r="FE38" s="102">
        <v>3</v>
      </c>
      <c r="FF38" s="102">
        <v>1</v>
      </c>
      <c r="FG38" s="102">
        <v>0</v>
      </c>
      <c r="FH38" s="102">
        <v>0</v>
      </c>
      <c r="FI38" s="102">
        <v>0</v>
      </c>
      <c r="FJ38" s="103">
        <v>4</v>
      </c>
      <c r="FK38" s="104">
        <v>6</v>
      </c>
      <c r="FL38" s="101">
        <v>1</v>
      </c>
      <c r="FM38" s="102">
        <v>0</v>
      </c>
      <c r="FN38" s="103">
        <v>1</v>
      </c>
      <c r="FO38" s="413">
        <v>0</v>
      </c>
      <c r="FP38" s="102">
        <v>4</v>
      </c>
      <c r="FQ38" s="102">
        <v>2</v>
      </c>
      <c r="FR38" s="102">
        <v>2</v>
      </c>
      <c r="FS38" s="102">
        <v>1</v>
      </c>
      <c r="FT38" s="102">
        <v>1</v>
      </c>
      <c r="FU38" s="103">
        <v>10</v>
      </c>
      <c r="FV38" s="104">
        <v>11</v>
      </c>
      <c r="FW38" s="101">
        <v>0</v>
      </c>
      <c r="FX38" s="102">
        <v>0</v>
      </c>
      <c r="FY38" s="103">
        <v>0</v>
      </c>
      <c r="FZ38" s="413">
        <v>0</v>
      </c>
      <c r="GA38" s="102">
        <v>0</v>
      </c>
      <c r="GB38" s="102">
        <v>0</v>
      </c>
      <c r="GC38" s="102">
        <v>0</v>
      </c>
      <c r="GD38" s="102">
        <v>0</v>
      </c>
      <c r="GE38" s="102">
        <v>0</v>
      </c>
      <c r="GF38" s="103">
        <v>0</v>
      </c>
      <c r="GG38" s="104">
        <v>0</v>
      </c>
      <c r="GH38" s="101">
        <v>4</v>
      </c>
      <c r="GI38" s="102">
        <v>5</v>
      </c>
      <c r="GJ38" s="103">
        <v>9</v>
      </c>
      <c r="GK38" s="413">
        <v>0</v>
      </c>
      <c r="GL38" s="102">
        <v>8</v>
      </c>
      <c r="GM38" s="102">
        <v>6</v>
      </c>
      <c r="GN38" s="102">
        <v>4</v>
      </c>
      <c r="GO38" s="102">
        <v>2</v>
      </c>
      <c r="GP38" s="102">
        <v>2</v>
      </c>
      <c r="GQ38" s="103">
        <v>22</v>
      </c>
      <c r="GR38" s="104">
        <v>31</v>
      </c>
      <c r="GS38" s="105">
        <v>12</v>
      </c>
      <c r="GT38" s="97">
        <v>17</v>
      </c>
      <c r="GU38" s="98">
        <v>29</v>
      </c>
      <c r="GV38" s="413">
        <v>0</v>
      </c>
      <c r="GW38" s="97">
        <v>23</v>
      </c>
      <c r="GX38" s="97">
        <v>16</v>
      </c>
      <c r="GY38" s="97">
        <v>6</v>
      </c>
      <c r="GZ38" s="97">
        <v>6</v>
      </c>
      <c r="HA38" s="97">
        <v>3</v>
      </c>
      <c r="HB38" s="99">
        <v>54</v>
      </c>
      <c r="HC38" s="100">
        <v>83</v>
      </c>
      <c r="HD38" s="101">
        <v>0</v>
      </c>
      <c r="HE38" s="102">
        <v>1</v>
      </c>
      <c r="HF38" s="103">
        <v>1</v>
      </c>
      <c r="HG38" s="413">
        <v>0</v>
      </c>
      <c r="HH38" s="102">
        <v>0</v>
      </c>
      <c r="HI38" s="102">
        <v>1</v>
      </c>
      <c r="HJ38" s="102">
        <v>0</v>
      </c>
      <c r="HK38" s="102">
        <v>0</v>
      </c>
      <c r="HL38" s="102">
        <v>0</v>
      </c>
      <c r="HM38" s="103">
        <v>1</v>
      </c>
      <c r="HN38" s="104">
        <v>2</v>
      </c>
      <c r="HO38" s="101">
        <v>1</v>
      </c>
      <c r="HP38" s="102">
        <v>1</v>
      </c>
      <c r="HQ38" s="103">
        <v>2</v>
      </c>
      <c r="HR38" s="413">
        <v>0</v>
      </c>
      <c r="HS38" s="102">
        <v>0</v>
      </c>
      <c r="HT38" s="102">
        <v>2</v>
      </c>
      <c r="HU38" s="102">
        <v>0</v>
      </c>
      <c r="HV38" s="102">
        <v>0</v>
      </c>
      <c r="HW38" s="102">
        <v>0</v>
      </c>
      <c r="HX38" s="103">
        <v>2</v>
      </c>
      <c r="HY38" s="104">
        <v>4</v>
      </c>
      <c r="HZ38" s="101">
        <v>2</v>
      </c>
      <c r="IA38" s="102">
        <v>2</v>
      </c>
      <c r="IB38" s="103">
        <v>4</v>
      </c>
      <c r="IC38" s="413">
        <v>0</v>
      </c>
      <c r="ID38" s="102">
        <v>3</v>
      </c>
      <c r="IE38" s="102">
        <v>1</v>
      </c>
      <c r="IF38" s="102">
        <v>2</v>
      </c>
      <c r="IG38" s="102">
        <v>1</v>
      </c>
      <c r="IH38" s="102">
        <v>1</v>
      </c>
      <c r="II38" s="103">
        <v>8</v>
      </c>
      <c r="IJ38" s="104">
        <v>12</v>
      </c>
      <c r="IK38" s="101">
        <v>3</v>
      </c>
      <c r="IL38" s="102">
        <v>6</v>
      </c>
      <c r="IM38" s="103">
        <v>9</v>
      </c>
      <c r="IN38" s="413">
        <v>0</v>
      </c>
      <c r="IO38" s="102">
        <v>4</v>
      </c>
      <c r="IP38" s="102">
        <v>3</v>
      </c>
      <c r="IQ38" s="102">
        <v>2</v>
      </c>
      <c r="IR38" s="102">
        <v>1</v>
      </c>
      <c r="IS38" s="102">
        <v>1</v>
      </c>
      <c r="IT38" s="103">
        <v>11</v>
      </c>
      <c r="IU38" s="104">
        <v>20</v>
      </c>
      <c r="IV38" s="101">
        <v>4</v>
      </c>
      <c r="IW38" s="102">
        <v>3</v>
      </c>
      <c r="IX38" s="103">
        <v>7</v>
      </c>
      <c r="IY38" s="413">
        <v>0</v>
      </c>
      <c r="IZ38" s="102">
        <v>10</v>
      </c>
      <c r="JA38" s="102">
        <v>4</v>
      </c>
      <c r="JB38" s="102">
        <v>0</v>
      </c>
      <c r="JC38" s="102">
        <v>2</v>
      </c>
      <c r="JD38" s="102">
        <v>0</v>
      </c>
      <c r="JE38" s="103">
        <v>16</v>
      </c>
      <c r="JF38" s="104">
        <v>23</v>
      </c>
      <c r="JG38" s="101">
        <v>2</v>
      </c>
      <c r="JH38" s="102">
        <v>4</v>
      </c>
      <c r="JI38" s="103">
        <v>6</v>
      </c>
      <c r="JJ38" s="413">
        <v>0</v>
      </c>
      <c r="JK38" s="102">
        <v>6</v>
      </c>
      <c r="JL38" s="102">
        <v>5</v>
      </c>
      <c r="JM38" s="102">
        <v>2</v>
      </c>
      <c r="JN38" s="102">
        <v>2</v>
      </c>
      <c r="JO38" s="102">
        <v>1</v>
      </c>
      <c r="JP38" s="103">
        <v>16</v>
      </c>
      <c r="JQ38" s="104">
        <v>22</v>
      </c>
      <c r="JR38" s="101">
        <v>0</v>
      </c>
      <c r="JS38" s="102">
        <v>0</v>
      </c>
      <c r="JT38" s="103">
        <v>0</v>
      </c>
      <c r="JU38" s="413">
        <v>0</v>
      </c>
      <c r="JV38" s="102">
        <v>0</v>
      </c>
      <c r="JW38" s="102">
        <v>0</v>
      </c>
      <c r="JX38" s="102">
        <v>0</v>
      </c>
      <c r="JY38" s="102">
        <v>0</v>
      </c>
      <c r="JZ38" s="102">
        <v>0</v>
      </c>
      <c r="KA38" s="103">
        <v>0</v>
      </c>
      <c r="KB38" s="104">
        <v>0</v>
      </c>
      <c r="KC38" s="101">
        <v>12</v>
      </c>
      <c r="KD38" s="102">
        <v>17</v>
      </c>
      <c r="KE38" s="103">
        <v>29</v>
      </c>
      <c r="KF38" s="413">
        <v>0</v>
      </c>
      <c r="KG38" s="102">
        <v>23</v>
      </c>
      <c r="KH38" s="102">
        <v>16</v>
      </c>
      <c r="KI38" s="102">
        <v>6</v>
      </c>
      <c r="KJ38" s="102">
        <v>6</v>
      </c>
      <c r="KK38" s="102">
        <v>3</v>
      </c>
      <c r="KL38" s="103">
        <v>54</v>
      </c>
      <c r="KM38" s="104">
        <v>83</v>
      </c>
    </row>
    <row r="39" spans="2:299" s="70" customFormat="1" ht="21" customHeight="1" x14ac:dyDescent="0.2">
      <c r="B39" s="106" t="s">
        <v>36</v>
      </c>
      <c r="C39" s="96">
        <v>5</v>
      </c>
      <c r="D39" s="97">
        <v>8</v>
      </c>
      <c r="E39" s="98">
        <v>13</v>
      </c>
      <c r="F39" s="413">
        <v>0</v>
      </c>
      <c r="G39" s="97">
        <v>15</v>
      </c>
      <c r="H39" s="97">
        <v>6</v>
      </c>
      <c r="I39" s="97">
        <v>4</v>
      </c>
      <c r="J39" s="97">
        <v>6</v>
      </c>
      <c r="K39" s="97">
        <v>1</v>
      </c>
      <c r="L39" s="99">
        <v>32</v>
      </c>
      <c r="M39" s="100">
        <v>45</v>
      </c>
      <c r="N39" s="101">
        <v>1</v>
      </c>
      <c r="O39" s="102">
        <v>1</v>
      </c>
      <c r="P39" s="103">
        <v>2</v>
      </c>
      <c r="Q39" s="413">
        <v>0</v>
      </c>
      <c r="R39" s="102">
        <v>1</v>
      </c>
      <c r="S39" s="102">
        <v>0</v>
      </c>
      <c r="T39" s="102">
        <v>1</v>
      </c>
      <c r="U39" s="102">
        <v>0</v>
      </c>
      <c r="V39" s="102">
        <v>0</v>
      </c>
      <c r="W39" s="103">
        <v>2</v>
      </c>
      <c r="X39" s="104">
        <v>4</v>
      </c>
      <c r="Y39" s="101">
        <v>0</v>
      </c>
      <c r="Z39" s="102">
        <v>1</v>
      </c>
      <c r="AA39" s="103">
        <v>1</v>
      </c>
      <c r="AB39" s="413">
        <v>0</v>
      </c>
      <c r="AC39" s="102">
        <v>2</v>
      </c>
      <c r="AD39" s="102">
        <v>2</v>
      </c>
      <c r="AE39" s="102">
        <v>1</v>
      </c>
      <c r="AF39" s="102">
        <v>0</v>
      </c>
      <c r="AG39" s="102">
        <v>0</v>
      </c>
      <c r="AH39" s="103">
        <v>5</v>
      </c>
      <c r="AI39" s="104">
        <v>6</v>
      </c>
      <c r="AJ39" s="101">
        <v>2</v>
      </c>
      <c r="AK39" s="102">
        <v>0</v>
      </c>
      <c r="AL39" s="103">
        <v>2</v>
      </c>
      <c r="AM39" s="413">
        <v>0</v>
      </c>
      <c r="AN39" s="102">
        <v>3</v>
      </c>
      <c r="AO39" s="102">
        <v>1</v>
      </c>
      <c r="AP39" s="102">
        <v>0</v>
      </c>
      <c r="AQ39" s="102">
        <v>1</v>
      </c>
      <c r="AR39" s="102">
        <v>0</v>
      </c>
      <c r="AS39" s="103">
        <v>5</v>
      </c>
      <c r="AT39" s="104">
        <v>7</v>
      </c>
      <c r="AU39" s="101">
        <v>1</v>
      </c>
      <c r="AV39" s="102">
        <v>2</v>
      </c>
      <c r="AW39" s="103">
        <v>3</v>
      </c>
      <c r="AX39" s="413">
        <v>0</v>
      </c>
      <c r="AY39" s="102">
        <v>3</v>
      </c>
      <c r="AZ39" s="102">
        <v>0</v>
      </c>
      <c r="BA39" s="102">
        <v>0</v>
      </c>
      <c r="BB39" s="102">
        <v>1</v>
      </c>
      <c r="BC39" s="102">
        <v>0</v>
      </c>
      <c r="BD39" s="103">
        <v>4</v>
      </c>
      <c r="BE39" s="104">
        <v>7</v>
      </c>
      <c r="BF39" s="101">
        <v>1</v>
      </c>
      <c r="BG39" s="102">
        <v>1</v>
      </c>
      <c r="BH39" s="103">
        <v>2</v>
      </c>
      <c r="BI39" s="413">
        <v>0</v>
      </c>
      <c r="BJ39" s="102">
        <v>3</v>
      </c>
      <c r="BK39" s="102">
        <v>2</v>
      </c>
      <c r="BL39" s="102">
        <v>2</v>
      </c>
      <c r="BM39" s="102">
        <v>1</v>
      </c>
      <c r="BN39" s="102">
        <v>0</v>
      </c>
      <c r="BO39" s="103">
        <v>8</v>
      </c>
      <c r="BP39" s="104">
        <v>10</v>
      </c>
      <c r="BQ39" s="101">
        <v>0</v>
      </c>
      <c r="BR39" s="102">
        <v>3</v>
      </c>
      <c r="BS39" s="103">
        <v>3</v>
      </c>
      <c r="BT39" s="413">
        <v>0</v>
      </c>
      <c r="BU39" s="102">
        <v>3</v>
      </c>
      <c r="BV39" s="102">
        <v>1</v>
      </c>
      <c r="BW39" s="102">
        <v>0</v>
      </c>
      <c r="BX39" s="102">
        <v>3</v>
      </c>
      <c r="BY39" s="102">
        <v>1</v>
      </c>
      <c r="BZ39" s="103">
        <v>8</v>
      </c>
      <c r="CA39" s="104">
        <v>11</v>
      </c>
      <c r="CB39" s="101">
        <v>0</v>
      </c>
      <c r="CC39" s="102">
        <v>0</v>
      </c>
      <c r="CD39" s="103">
        <v>0</v>
      </c>
      <c r="CE39" s="413">
        <v>0</v>
      </c>
      <c r="CF39" s="102">
        <v>0</v>
      </c>
      <c r="CG39" s="102">
        <v>0</v>
      </c>
      <c r="CH39" s="102">
        <v>0</v>
      </c>
      <c r="CI39" s="102">
        <v>0</v>
      </c>
      <c r="CJ39" s="102">
        <v>0</v>
      </c>
      <c r="CK39" s="103">
        <v>0</v>
      </c>
      <c r="CL39" s="104">
        <v>0</v>
      </c>
      <c r="CM39" s="101">
        <v>5</v>
      </c>
      <c r="CN39" s="102">
        <v>8</v>
      </c>
      <c r="CO39" s="103">
        <v>13</v>
      </c>
      <c r="CP39" s="413">
        <v>0</v>
      </c>
      <c r="CQ39" s="102">
        <v>15</v>
      </c>
      <c r="CR39" s="102">
        <v>6</v>
      </c>
      <c r="CS39" s="102">
        <v>4</v>
      </c>
      <c r="CT39" s="102">
        <v>6</v>
      </c>
      <c r="CU39" s="102">
        <v>1</v>
      </c>
      <c r="CV39" s="103">
        <v>32</v>
      </c>
      <c r="CW39" s="104">
        <v>45</v>
      </c>
      <c r="CX39" s="105">
        <v>3</v>
      </c>
      <c r="CY39" s="97">
        <v>3</v>
      </c>
      <c r="CZ39" s="98">
        <v>6</v>
      </c>
      <c r="DA39" s="413">
        <v>0</v>
      </c>
      <c r="DB39" s="97">
        <v>8</v>
      </c>
      <c r="DC39" s="97">
        <v>4</v>
      </c>
      <c r="DD39" s="97">
        <v>3</v>
      </c>
      <c r="DE39" s="97">
        <v>3</v>
      </c>
      <c r="DF39" s="97">
        <v>2</v>
      </c>
      <c r="DG39" s="99">
        <v>20</v>
      </c>
      <c r="DH39" s="100">
        <v>26</v>
      </c>
      <c r="DI39" s="101">
        <v>0</v>
      </c>
      <c r="DJ39" s="102">
        <v>0</v>
      </c>
      <c r="DK39" s="103">
        <v>0</v>
      </c>
      <c r="DL39" s="413">
        <v>0</v>
      </c>
      <c r="DM39" s="102">
        <v>0</v>
      </c>
      <c r="DN39" s="102">
        <v>0</v>
      </c>
      <c r="DO39" s="102">
        <v>0</v>
      </c>
      <c r="DP39" s="102">
        <v>0</v>
      </c>
      <c r="DQ39" s="102">
        <v>0</v>
      </c>
      <c r="DR39" s="103">
        <v>0</v>
      </c>
      <c r="DS39" s="104">
        <v>0</v>
      </c>
      <c r="DT39" s="101">
        <v>0</v>
      </c>
      <c r="DU39" s="102">
        <v>0</v>
      </c>
      <c r="DV39" s="103">
        <v>0</v>
      </c>
      <c r="DW39" s="413">
        <v>0</v>
      </c>
      <c r="DX39" s="102">
        <v>2</v>
      </c>
      <c r="DY39" s="102">
        <v>0</v>
      </c>
      <c r="DZ39" s="102">
        <v>0</v>
      </c>
      <c r="EA39" s="102">
        <v>0</v>
      </c>
      <c r="EB39" s="102">
        <v>0</v>
      </c>
      <c r="EC39" s="103">
        <v>2</v>
      </c>
      <c r="ED39" s="104">
        <v>2</v>
      </c>
      <c r="EE39" s="101">
        <v>0</v>
      </c>
      <c r="EF39" s="102">
        <v>1</v>
      </c>
      <c r="EG39" s="103">
        <v>1</v>
      </c>
      <c r="EH39" s="413">
        <v>0</v>
      </c>
      <c r="EI39" s="102">
        <v>0</v>
      </c>
      <c r="EJ39" s="102">
        <v>0</v>
      </c>
      <c r="EK39" s="102">
        <v>0</v>
      </c>
      <c r="EL39" s="102">
        <v>0</v>
      </c>
      <c r="EM39" s="102">
        <v>0</v>
      </c>
      <c r="EN39" s="103">
        <v>0</v>
      </c>
      <c r="EO39" s="104">
        <v>1</v>
      </c>
      <c r="EP39" s="101">
        <v>0</v>
      </c>
      <c r="EQ39" s="102">
        <v>0</v>
      </c>
      <c r="ER39" s="103">
        <v>0</v>
      </c>
      <c r="ES39" s="413">
        <v>0</v>
      </c>
      <c r="ET39" s="102">
        <v>1</v>
      </c>
      <c r="EU39" s="102">
        <v>0</v>
      </c>
      <c r="EV39" s="102">
        <v>0</v>
      </c>
      <c r="EW39" s="102">
        <v>0</v>
      </c>
      <c r="EX39" s="102">
        <v>0</v>
      </c>
      <c r="EY39" s="103">
        <v>1</v>
      </c>
      <c r="EZ39" s="104">
        <v>1</v>
      </c>
      <c r="FA39" s="101">
        <v>2</v>
      </c>
      <c r="FB39" s="102">
        <v>2</v>
      </c>
      <c r="FC39" s="103">
        <v>4</v>
      </c>
      <c r="FD39" s="413">
        <v>0</v>
      </c>
      <c r="FE39" s="102">
        <v>2</v>
      </c>
      <c r="FF39" s="102">
        <v>2</v>
      </c>
      <c r="FG39" s="102">
        <v>1</v>
      </c>
      <c r="FH39" s="102">
        <v>1</v>
      </c>
      <c r="FI39" s="102">
        <v>0</v>
      </c>
      <c r="FJ39" s="103">
        <v>6</v>
      </c>
      <c r="FK39" s="104">
        <v>10</v>
      </c>
      <c r="FL39" s="101">
        <v>1</v>
      </c>
      <c r="FM39" s="102">
        <v>0</v>
      </c>
      <c r="FN39" s="103">
        <v>1</v>
      </c>
      <c r="FO39" s="413">
        <v>0</v>
      </c>
      <c r="FP39" s="102">
        <v>3</v>
      </c>
      <c r="FQ39" s="102">
        <v>2</v>
      </c>
      <c r="FR39" s="102">
        <v>2</v>
      </c>
      <c r="FS39" s="102">
        <v>2</v>
      </c>
      <c r="FT39" s="102">
        <v>2</v>
      </c>
      <c r="FU39" s="103">
        <v>11</v>
      </c>
      <c r="FV39" s="104">
        <v>12</v>
      </c>
      <c r="FW39" s="101">
        <v>0</v>
      </c>
      <c r="FX39" s="102">
        <v>0</v>
      </c>
      <c r="FY39" s="103">
        <v>0</v>
      </c>
      <c r="FZ39" s="413">
        <v>0</v>
      </c>
      <c r="GA39" s="102">
        <v>0</v>
      </c>
      <c r="GB39" s="102">
        <v>0</v>
      </c>
      <c r="GC39" s="102">
        <v>0</v>
      </c>
      <c r="GD39" s="102">
        <v>0</v>
      </c>
      <c r="GE39" s="102">
        <v>0</v>
      </c>
      <c r="GF39" s="103">
        <v>0</v>
      </c>
      <c r="GG39" s="104">
        <v>0</v>
      </c>
      <c r="GH39" s="101">
        <v>3</v>
      </c>
      <c r="GI39" s="102">
        <v>3</v>
      </c>
      <c r="GJ39" s="103">
        <v>6</v>
      </c>
      <c r="GK39" s="413">
        <v>0</v>
      </c>
      <c r="GL39" s="102">
        <v>8</v>
      </c>
      <c r="GM39" s="102">
        <v>4</v>
      </c>
      <c r="GN39" s="102">
        <v>3</v>
      </c>
      <c r="GO39" s="102">
        <v>3</v>
      </c>
      <c r="GP39" s="102">
        <v>2</v>
      </c>
      <c r="GQ39" s="103">
        <v>20</v>
      </c>
      <c r="GR39" s="104">
        <v>26</v>
      </c>
      <c r="GS39" s="105">
        <v>8</v>
      </c>
      <c r="GT39" s="97">
        <v>11</v>
      </c>
      <c r="GU39" s="98">
        <v>19</v>
      </c>
      <c r="GV39" s="413">
        <v>0</v>
      </c>
      <c r="GW39" s="97">
        <v>23</v>
      </c>
      <c r="GX39" s="97">
        <v>10</v>
      </c>
      <c r="GY39" s="97">
        <v>7</v>
      </c>
      <c r="GZ39" s="97">
        <v>9</v>
      </c>
      <c r="HA39" s="97">
        <v>3</v>
      </c>
      <c r="HB39" s="99">
        <v>52</v>
      </c>
      <c r="HC39" s="100">
        <v>71</v>
      </c>
      <c r="HD39" s="101">
        <v>1</v>
      </c>
      <c r="HE39" s="102">
        <v>1</v>
      </c>
      <c r="HF39" s="103">
        <v>2</v>
      </c>
      <c r="HG39" s="413">
        <v>0</v>
      </c>
      <c r="HH39" s="102">
        <v>1</v>
      </c>
      <c r="HI39" s="102">
        <v>0</v>
      </c>
      <c r="HJ39" s="102">
        <v>1</v>
      </c>
      <c r="HK39" s="102">
        <v>0</v>
      </c>
      <c r="HL39" s="102">
        <v>0</v>
      </c>
      <c r="HM39" s="103">
        <v>2</v>
      </c>
      <c r="HN39" s="104">
        <v>4</v>
      </c>
      <c r="HO39" s="101">
        <v>0</v>
      </c>
      <c r="HP39" s="102">
        <v>1</v>
      </c>
      <c r="HQ39" s="103">
        <v>1</v>
      </c>
      <c r="HR39" s="413">
        <v>0</v>
      </c>
      <c r="HS39" s="102">
        <v>4</v>
      </c>
      <c r="HT39" s="102">
        <v>2</v>
      </c>
      <c r="HU39" s="102">
        <v>1</v>
      </c>
      <c r="HV39" s="102">
        <v>0</v>
      </c>
      <c r="HW39" s="102">
        <v>0</v>
      </c>
      <c r="HX39" s="103">
        <v>7</v>
      </c>
      <c r="HY39" s="104">
        <v>8</v>
      </c>
      <c r="HZ39" s="101">
        <v>2</v>
      </c>
      <c r="IA39" s="102">
        <v>1</v>
      </c>
      <c r="IB39" s="103">
        <v>3</v>
      </c>
      <c r="IC39" s="413">
        <v>0</v>
      </c>
      <c r="ID39" s="102">
        <v>3</v>
      </c>
      <c r="IE39" s="102">
        <v>1</v>
      </c>
      <c r="IF39" s="102">
        <v>0</v>
      </c>
      <c r="IG39" s="102">
        <v>1</v>
      </c>
      <c r="IH39" s="102">
        <v>0</v>
      </c>
      <c r="II39" s="103">
        <v>5</v>
      </c>
      <c r="IJ39" s="104">
        <v>8</v>
      </c>
      <c r="IK39" s="101">
        <v>1</v>
      </c>
      <c r="IL39" s="102">
        <v>2</v>
      </c>
      <c r="IM39" s="103">
        <v>3</v>
      </c>
      <c r="IN39" s="413">
        <v>0</v>
      </c>
      <c r="IO39" s="102">
        <v>4</v>
      </c>
      <c r="IP39" s="102">
        <v>0</v>
      </c>
      <c r="IQ39" s="102">
        <v>0</v>
      </c>
      <c r="IR39" s="102">
        <v>1</v>
      </c>
      <c r="IS39" s="102">
        <v>0</v>
      </c>
      <c r="IT39" s="103">
        <v>5</v>
      </c>
      <c r="IU39" s="104">
        <v>8</v>
      </c>
      <c r="IV39" s="101">
        <v>3</v>
      </c>
      <c r="IW39" s="102">
        <v>3</v>
      </c>
      <c r="IX39" s="103">
        <v>6</v>
      </c>
      <c r="IY39" s="413">
        <v>0</v>
      </c>
      <c r="IZ39" s="102">
        <v>5</v>
      </c>
      <c r="JA39" s="102">
        <v>4</v>
      </c>
      <c r="JB39" s="102">
        <v>3</v>
      </c>
      <c r="JC39" s="102">
        <v>2</v>
      </c>
      <c r="JD39" s="102">
        <v>0</v>
      </c>
      <c r="JE39" s="103">
        <v>14</v>
      </c>
      <c r="JF39" s="104">
        <v>20</v>
      </c>
      <c r="JG39" s="101">
        <v>1</v>
      </c>
      <c r="JH39" s="102">
        <v>3</v>
      </c>
      <c r="JI39" s="103">
        <v>4</v>
      </c>
      <c r="JJ39" s="413">
        <v>0</v>
      </c>
      <c r="JK39" s="102">
        <v>6</v>
      </c>
      <c r="JL39" s="102">
        <v>3</v>
      </c>
      <c r="JM39" s="102">
        <v>2</v>
      </c>
      <c r="JN39" s="102">
        <v>5</v>
      </c>
      <c r="JO39" s="102">
        <v>3</v>
      </c>
      <c r="JP39" s="103">
        <v>19</v>
      </c>
      <c r="JQ39" s="104">
        <v>23</v>
      </c>
      <c r="JR39" s="101">
        <v>0</v>
      </c>
      <c r="JS39" s="102">
        <v>0</v>
      </c>
      <c r="JT39" s="103">
        <v>0</v>
      </c>
      <c r="JU39" s="413">
        <v>0</v>
      </c>
      <c r="JV39" s="102">
        <v>0</v>
      </c>
      <c r="JW39" s="102">
        <v>0</v>
      </c>
      <c r="JX39" s="102">
        <v>0</v>
      </c>
      <c r="JY39" s="102">
        <v>0</v>
      </c>
      <c r="JZ39" s="102">
        <v>0</v>
      </c>
      <c r="KA39" s="103">
        <v>0</v>
      </c>
      <c r="KB39" s="104">
        <v>0</v>
      </c>
      <c r="KC39" s="101">
        <v>8</v>
      </c>
      <c r="KD39" s="102">
        <v>11</v>
      </c>
      <c r="KE39" s="103">
        <v>19</v>
      </c>
      <c r="KF39" s="413">
        <v>0</v>
      </c>
      <c r="KG39" s="102">
        <v>23</v>
      </c>
      <c r="KH39" s="102">
        <v>10</v>
      </c>
      <c r="KI39" s="102">
        <v>7</v>
      </c>
      <c r="KJ39" s="102">
        <v>9</v>
      </c>
      <c r="KK39" s="102">
        <v>3</v>
      </c>
      <c r="KL39" s="103">
        <v>52</v>
      </c>
      <c r="KM39" s="104">
        <v>71</v>
      </c>
    </row>
    <row r="40" spans="2:299" s="70" customFormat="1" ht="21" customHeight="1" thickBot="1" x14ac:dyDescent="0.25">
      <c r="B40" s="108" t="s">
        <v>37</v>
      </c>
      <c r="C40" s="109">
        <v>0</v>
      </c>
      <c r="D40" s="110">
        <v>0</v>
      </c>
      <c r="E40" s="111">
        <v>0</v>
      </c>
      <c r="F40" s="414">
        <v>0</v>
      </c>
      <c r="G40" s="110">
        <v>0</v>
      </c>
      <c r="H40" s="110">
        <v>2</v>
      </c>
      <c r="I40" s="110">
        <v>0</v>
      </c>
      <c r="J40" s="110">
        <v>0</v>
      </c>
      <c r="K40" s="110">
        <v>0</v>
      </c>
      <c r="L40" s="112">
        <v>2</v>
      </c>
      <c r="M40" s="113">
        <v>2</v>
      </c>
      <c r="N40" s="114">
        <v>0</v>
      </c>
      <c r="O40" s="115">
        <v>0</v>
      </c>
      <c r="P40" s="116">
        <v>0</v>
      </c>
      <c r="Q40" s="414">
        <v>0</v>
      </c>
      <c r="R40" s="115">
        <v>0</v>
      </c>
      <c r="S40" s="115">
        <v>0</v>
      </c>
      <c r="T40" s="115">
        <v>0</v>
      </c>
      <c r="U40" s="115">
        <v>0</v>
      </c>
      <c r="V40" s="115">
        <v>0</v>
      </c>
      <c r="W40" s="116">
        <v>0</v>
      </c>
      <c r="X40" s="117">
        <v>0</v>
      </c>
      <c r="Y40" s="114">
        <v>0</v>
      </c>
      <c r="Z40" s="115">
        <v>0</v>
      </c>
      <c r="AA40" s="116">
        <v>0</v>
      </c>
      <c r="AB40" s="414">
        <v>0</v>
      </c>
      <c r="AC40" s="115">
        <v>0</v>
      </c>
      <c r="AD40" s="115">
        <v>0</v>
      </c>
      <c r="AE40" s="115">
        <v>0</v>
      </c>
      <c r="AF40" s="115">
        <v>0</v>
      </c>
      <c r="AG40" s="115">
        <v>0</v>
      </c>
      <c r="AH40" s="116">
        <v>0</v>
      </c>
      <c r="AI40" s="117">
        <v>0</v>
      </c>
      <c r="AJ40" s="114">
        <v>0</v>
      </c>
      <c r="AK40" s="115">
        <v>0</v>
      </c>
      <c r="AL40" s="116">
        <v>0</v>
      </c>
      <c r="AM40" s="414">
        <v>0</v>
      </c>
      <c r="AN40" s="115">
        <v>0</v>
      </c>
      <c r="AO40" s="115">
        <v>1</v>
      </c>
      <c r="AP40" s="115">
        <v>0</v>
      </c>
      <c r="AQ40" s="115">
        <v>0</v>
      </c>
      <c r="AR40" s="115">
        <v>0</v>
      </c>
      <c r="AS40" s="116">
        <v>1</v>
      </c>
      <c r="AT40" s="117">
        <v>1</v>
      </c>
      <c r="AU40" s="114">
        <v>0</v>
      </c>
      <c r="AV40" s="115">
        <v>0</v>
      </c>
      <c r="AW40" s="116">
        <v>0</v>
      </c>
      <c r="AX40" s="414">
        <v>0</v>
      </c>
      <c r="AY40" s="115">
        <v>0</v>
      </c>
      <c r="AZ40" s="115">
        <v>0</v>
      </c>
      <c r="BA40" s="115">
        <v>0</v>
      </c>
      <c r="BB40" s="115">
        <v>0</v>
      </c>
      <c r="BC40" s="115">
        <v>0</v>
      </c>
      <c r="BD40" s="116">
        <v>0</v>
      </c>
      <c r="BE40" s="117">
        <v>0</v>
      </c>
      <c r="BF40" s="114">
        <v>0</v>
      </c>
      <c r="BG40" s="115">
        <v>0</v>
      </c>
      <c r="BH40" s="116">
        <v>0</v>
      </c>
      <c r="BI40" s="414">
        <v>0</v>
      </c>
      <c r="BJ40" s="115">
        <v>0</v>
      </c>
      <c r="BK40" s="115">
        <v>0</v>
      </c>
      <c r="BL40" s="115">
        <v>0</v>
      </c>
      <c r="BM40" s="115">
        <v>0</v>
      </c>
      <c r="BN40" s="115">
        <v>0</v>
      </c>
      <c r="BO40" s="116">
        <v>0</v>
      </c>
      <c r="BP40" s="117">
        <v>0</v>
      </c>
      <c r="BQ40" s="114">
        <v>0</v>
      </c>
      <c r="BR40" s="115">
        <v>0</v>
      </c>
      <c r="BS40" s="116">
        <v>0</v>
      </c>
      <c r="BT40" s="414">
        <v>0</v>
      </c>
      <c r="BU40" s="115">
        <v>0</v>
      </c>
      <c r="BV40" s="115">
        <v>1</v>
      </c>
      <c r="BW40" s="115">
        <v>0</v>
      </c>
      <c r="BX40" s="115">
        <v>0</v>
      </c>
      <c r="BY40" s="115">
        <v>0</v>
      </c>
      <c r="BZ40" s="116">
        <v>1</v>
      </c>
      <c r="CA40" s="117">
        <v>1</v>
      </c>
      <c r="CB40" s="114">
        <v>0</v>
      </c>
      <c r="CC40" s="115">
        <v>0</v>
      </c>
      <c r="CD40" s="116">
        <v>0</v>
      </c>
      <c r="CE40" s="414">
        <v>0</v>
      </c>
      <c r="CF40" s="115">
        <v>0</v>
      </c>
      <c r="CG40" s="115">
        <v>0</v>
      </c>
      <c r="CH40" s="115">
        <v>0</v>
      </c>
      <c r="CI40" s="115">
        <v>0</v>
      </c>
      <c r="CJ40" s="115">
        <v>0</v>
      </c>
      <c r="CK40" s="116">
        <v>0</v>
      </c>
      <c r="CL40" s="117">
        <v>0</v>
      </c>
      <c r="CM40" s="114">
        <v>0</v>
      </c>
      <c r="CN40" s="115">
        <v>0</v>
      </c>
      <c r="CO40" s="116">
        <v>0</v>
      </c>
      <c r="CP40" s="414">
        <v>0</v>
      </c>
      <c r="CQ40" s="115">
        <v>0</v>
      </c>
      <c r="CR40" s="115">
        <v>2</v>
      </c>
      <c r="CS40" s="115">
        <v>0</v>
      </c>
      <c r="CT40" s="115">
        <v>0</v>
      </c>
      <c r="CU40" s="115">
        <v>0</v>
      </c>
      <c r="CV40" s="116">
        <v>2</v>
      </c>
      <c r="CW40" s="117">
        <v>2</v>
      </c>
      <c r="CX40" s="118">
        <v>0</v>
      </c>
      <c r="CY40" s="110">
        <v>0</v>
      </c>
      <c r="CZ40" s="111">
        <v>0</v>
      </c>
      <c r="DA40" s="414">
        <v>0</v>
      </c>
      <c r="DB40" s="110">
        <v>0</v>
      </c>
      <c r="DC40" s="110">
        <v>0</v>
      </c>
      <c r="DD40" s="110">
        <v>0</v>
      </c>
      <c r="DE40" s="110">
        <v>0</v>
      </c>
      <c r="DF40" s="110">
        <v>0</v>
      </c>
      <c r="DG40" s="112">
        <v>0</v>
      </c>
      <c r="DH40" s="113">
        <v>0</v>
      </c>
      <c r="DI40" s="114">
        <v>0</v>
      </c>
      <c r="DJ40" s="115">
        <v>0</v>
      </c>
      <c r="DK40" s="116">
        <v>0</v>
      </c>
      <c r="DL40" s="414">
        <v>0</v>
      </c>
      <c r="DM40" s="115">
        <v>0</v>
      </c>
      <c r="DN40" s="115">
        <v>0</v>
      </c>
      <c r="DO40" s="115">
        <v>0</v>
      </c>
      <c r="DP40" s="115">
        <v>0</v>
      </c>
      <c r="DQ40" s="115">
        <v>0</v>
      </c>
      <c r="DR40" s="116">
        <v>0</v>
      </c>
      <c r="DS40" s="117">
        <v>0</v>
      </c>
      <c r="DT40" s="114">
        <v>0</v>
      </c>
      <c r="DU40" s="115">
        <v>0</v>
      </c>
      <c r="DV40" s="116">
        <v>0</v>
      </c>
      <c r="DW40" s="414">
        <v>0</v>
      </c>
      <c r="DX40" s="115">
        <v>0</v>
      </c>
      <c r="DY40" s="115">
        <v>0</v>
      </c>
      <c r="DZ40" s="115">
        <v>0</v>
      </c>
      <c r="EA40" s="115">
        <v>0</v>
      </c>
      <c r="EB40" s="115">
        <v>0</v>
      </c>
      <c r="EC40" s="116">
        <v>0</v>
      </c>
      <c r="ED40" s="117">
        <v>0</v>
      </c>
      <c r="EE40" s="114">
        <v>0</v>
      </c>
      <c r="EF40" s="115">
        <v>0</v>
      </c>
      <c r="EG40" s="116">
        <v>0</v>
      </c>
      <c r="EH40" s="414">
        <v>0</v>
      </c>
      <c r="EI40" s="115">
        <v>0</v>
      </c>
      <c r="EJ40" s="115">
        <v>0</v>
      </c>
      <c r="EK40" s="115">
        <v>0</v>
      </c>
      <c r="EL40" s="115">
        <v>0</v>
      </c>
      <c r="EM40" s="115">
        <v>0</v>
      </c>
      <c r="EN40" s="116">
        <v>0</v>
      </c>
      <c r="EO40" s="117">
        <v>0</v>
      </c>
      <c r="EP40" s="114">
        <v>0</v>
      </c>
      <c r="EQ40" s="115">
        <v>0</v>
      </c>
      <c r="ER40" s="116">
        <v>0</v>
      </c>
      <c r="ES40" s="414">
        <v>0</v>
      </c>
      <c r="ET40" s="115">
        <v>0</v>
      </c>
      <c r="EU40" s="115">
        <v>0</v>
      </c>
      <c r="EV40" s="115">
        <v>0</v>
      </c>
      <c r="EW40" s="115">
        <v>0</v>
      </c>
      <c r="EX40" s="115">
        <v>0</v>
      </c>
      <c r="EY40" s="116">
        <v>0</v>
      </c>
      <c r="EZ40" s="117">
        <v>0</v>
      </c>
      <c r="FA40" s="114">
        <v>0</v>
      </c>
      <c r="FB40" s="115">
        <v>0</v>
      </c>
      <c r="FC40" s="116">
        <v>0</v>
      </c>
      <c r="FD40" s="414">
        <v>0</v>
      </c>
      <c r="FE40" s="115">
        <v>0</v>
      </c>
      <c r="FF40" s="115">
        <v>0</v>
      </c>
      <c r="FG40" s="115">
        <v>0</v>
      </c>
      <c r="FH40" s="115">
        <v>0</v>
      </c>
      <c r="FI40" s="115">
        <v>0</v>
      </c>
      <c r="FJ40" s="116">
        <v>0</v>
      </c>
      <c r="FK40" s="117">
        <v>0</v>
      </c>
      <c r="FL40" s="114">
        <v>0</v>
      </c>
      <c r="FM40" s="115">
        <v>0</v>
      </c>
      <c r="FN40" s="116">
        <v>0</v>
      </c>
      <c r="FO40" s="414">
        <v>0</v>
      </c>
      <c r="FP40" s="115">
        <v>0</v>
      </c>
      <c r="FQ40" s="115">
        <v>0</v>
      </c>
      <c r="FR40" s="115">
        <v>0</v>
      </c>
      <c r="FS40" s="115">
        <v>0</v>
      </c>
      <c r="FT40" s="115">
        <v>0</v>
      </c>
      <c r="FU40" s="116">
        <v>0</v>
      </c>
      <c r="FV40" s="117">
        <v>0</v>
      </c>
      <c r="FW40" s="114">
        <v>0</v>
      </c>
      <c r="FX40" s="115">
        <v>0</v>
      </c>
      <c r="FY40" s="116">
        <v>0</v>
      </c>
      <c r="FZ40" s="414">
        <v>0</v>
      </c>
      <c r="GA40" s="115">
        <v>0</v>
      </c>
      <c r="GB40" s="115">
        <v>0</v>
      </c>
      <c r="GC40" s="115">
        <v>0</v>
      </c>
      <c r="GD40" s="115">
        <v>0</v>
      </c>
      <c r="GE40" s="115">
        <v>0</v>
      </c>
      <c r="GF40" s="116">
        <v>0</v>
      </c>
      <c r="GG40" s="117">
        <v>0</v>
      </c>
      <c r="GH40" s="114">
        <v>0</v>
      </c>
      <c r="GI40" s="115">
        <v>0</v>
      </c>
      <c r="GJ40" s="116">
        <v>0</v>
      </c>
      <c r="GK40" s="414">
        <v>0</v>
      </c>
      <c r="GL40" s="115">
        <v>0</v>
      </c>
      <c r="GM40" s="115">
        <v>0</v>
      </c>
      <c r="GN40" s="115">
        <v>0</v>
      </c>
      <c r="GO40" s="115">
        <v>0</v>
      </c>
      <c r="GP40" s="115">
        <v>0</v>
      </c>
      <c r="GQ40" s="116">
        <v>0</v>
      </c>
      <c r="GR40" s="117">
        <v>0</v>
      </c>
      <c r="GS40" s="118">
        <v>0</v>
      </c>
      <c r="GT40" s="110">
        <v>0</v>
      </c>
      <c r="GU40" s="111">
        <v>0</v>
      </c>
      <c r="GV40" s="414">
        <v>0</v>
      </c>
      <c r="GW40" s="110">
        <v>0</v>
      </c>
      <c r="GX40" s="110">
        <v>2</v>
      </c>
      <c r="GY40" s="110">
        <v>0</v>
      </c>
      <c r="GZ40" s="110">
        <v>0</v>
      </c>
      <c r="HA40" s="110">
        <v>0</v>
      </c>
      <c r="HB40" s="112">
        <v>2</v>
      </c>
      <c r="HC40" s="113">
        <v>2</v>
      </c>
      <c r="HD40" s="114">
        <v>0</v>
      </c>
      <c r="HE40" s="115">
        <v>0</v>
      </c>
      <c r="HF40" s="116">
        <v>0</v>
      </c>
      <c r="HG40" s="414">
        <v>0</v>
      </c>
      <c r="HH40" s="115">
        <v>0</v>
      </c>
      <c r="HI40" s="115">
        <v>0</v>
      </c>
      <c r="HJ40" s="115">
        <v>0</v>
      </c>
      <c r="HK40" s="115">
        <v>0</v>
      </c>
      <c r="HL40" s="115">
        <v>0</v>
      </c>
      <c r="HM40" s="116">
        <v>0</v>
      </c>
      <c r="HN40" s="117">
        <v>0</v>
      </c>
      <c r="HO40" s="114">
        <v>0</v>
      </c>
      <c r="HP40" s="115">
        <v>0</v>
      </c>
      <c r="HQ40" s="116">
        <v>0</v>
      </c>
      <c r="HR40" s="414">
        <v>0</v>
      </c>
      <c r="HS40" s="115">
        <v>0</v>
      </c>
      <c r="HT40" s="115">
        <v>0</v>
      </c>
      <c r="HU40" s="115">
        <v>0</v>
      </c>
      <c r="HV40" s="115">
        <v>0</v>
      </c>
      <c r="HW40" s="115">
        <v>0</v>
      </c>
      <c r="HX40" s="116">
        <v>0</v>
      </c>
      <c r="HY40" s="117">
        <v>0</v>
      </c>
      <c r="HZ40" s="114">
        <v>0</v>
      </c>
      <c r="IA40" s="115">
        <v>0</v>
      </c>
      <c r="IB40" s="116">
        <v>0</v>
      </c>
      <c r="IC40" s="414">
        <v>0</v>
      </c>
      <c r="ID40" s="115">
        <v>0</v>
      </c>
      <c r="IE40" s="115">
        <v>1</v>
      </c>
      <c r="IF40" s="115">
        <v>0</v>
      </c>
      <c r="IG40" s="115">
        <v>0</v>
      </c>
      <c r="IH40" s="115">
        <v>0</v>
      </c>
      <c r="II40" s="116">
        <v>1</v>
      </c>
      <c r="IJ40" s="117">
        <v>1</v>
      </c>
      <c r="IK40" s="114">
        <v>0</v>
      </c>
      <c r="IL40" s="115">
        <v>0</v>
      </c>
      <c r="IM40" s="116">
        <v>0</v>
      </c>
      <c r="IN40" s="414">
        <v>0</v>
      </c>
      <c r="IO40" s="115">
        <v>0</v>
      </c>
      <c r="IP40" s="115">
        <v>0</v>
      </c>
      <c r="IQ40" s="115">
        <v>0</v>
      </c>
      <c r="IR40" s="115">
        <v>0</v>
      </c>
      <c r="IS40" s="115">
        <v>0</v>
      </c>
      <c r="IT40" s="116">
        <v>0</v>
      </c>
      <c r="IU40" s="117">
        <v>0</v>
      </c>
      <c r="IV40" s="114">
        <v>0</v>
      </c>
      <c r="IW40" s="115">
        <v>0</v>
      </c>
      <c r="IX40" s="116">
        <v>0</v>
      </c>
      <c r="IY40" s="414">
        <v>0</v>
      </c>
      <c r="IZ40" s="115">
        <v>0</v>
      </c>
      <c r="JA40" s="115">
        <v>0</v>
      </c>
      <c r="JB40" s="115">
        <v>0</v>
      </c>
      <c r="JC40" s="115">
        <v>0</v>
      </c>
      <c r="JD40" s="115">
        <v>0</v>
      </c>
      <c r="JE40" s="116">
        <v>0</v>
      </c>
      <c r="JF40" s="117">
        <v>0</v>
      </c>
      <c r="JG40" s="114">
        <v>0</v>
      </c>
      <c r="JH40" s="115">
        <v>0</v>
      </c>
      <c r="JI40" s="116">
        <v>0</v>
      </c>
      <c r="JJ40" s="414">
        <v>0</v>
      </c>
      <c r="JK40" s="115">
        <v>0</v>
      </c>
      <c r="JL40" s="115">
        <v>1</v>
      </c>
      <c r="JM40" s="115">
        <v>0</v>
      </c>
      <c r="JN40" s="115">
        <v>0</v>
      </c>
      <c r="JO40" s="115">
        <v>0</v>
      </c>
      <c r="JP40" s="116">
        <v>1</v>
      </c>
      <c r="JQ40" s="117">
        <v>1</v>
      </c>
      <c r="JR40" s="114">
        <v>0</v>
      </c>
      <c r="JS40" s="115">
        <v>0</v>
      </c>
      <c r="JT40" s="116">
        <v>0</v>
      </c>
      <c r="JU40" s="414">
        <v>0</v>
      </c>
      <c r="JV40" s="115">
        <v>0</v>
      </c>
      <c r="JW40" s="115">
        <v>0</v>
      </c>
      <c r="JX40" s="115">
        <v>0</v>
      </c>
      <c r="JY40" s="115">
        <v>0</v>
      </c>
      <c r="JZ40" s="115">
        <v>0</v>
      </c>
      <c r="KA40" s="116">
        <v>0</v>
      </c>
      <c r="KB40" s="117">
        <v>0</v>
      </c>
      <c r="KC40" s="114">
        <v>0</v>
      </c>
      <c r="KD40" s="115">
        <v>0</v>
      </c>
      <c r="KE40" s="116">
        <v>0</v>
      </c>
      <c r="KF40" s="414">
        <v>0</v>
      </c>
      <c r="KG40" s="115">
        <v>0</v>
      </c>
      <c r="KH40" s="115">
        <v>2</v>
      </c>
      <c r="KI40" s="115">
        <v>0</v>
      </c>
      <c r="KJ40" s="115">
        <v>0</v>
      </c>
      <c r="KK40" s="115">
        <v>0</v>
      </c>
      <c r="KL40" s="116">
        <v>2</v>
      </c>
      <c r="KM40" s="117">
        <v>2</v>
      </c>
    </row>
    <row r="41" spans="2:299" ht="32.25" customHeight="1" x14ac:dyDescent="0.2"/>
  </sheetData>
  <mergeCells count="36">
    <mergeCell ref="EP5:EZ5"/>
    <mergeCell ref="FA5:FK5"/>
    <mergeCell ref="B3:B5"/>
    <mergeCell ref="C3:CW3"/>
    <mergeCell ref="CX3:GR3"/>
    <mergeCell ref="C5:M5"/>
    <mergeCell ref="N5:X5"/>
    <mergeCell ref="Y5:AI5"/>
    <mergeCell ref="AJ5:AT5"/>
    <mergeCell ref="AU5:BE5"/>
    <mergeCell ref="EE5:EO5"/>
    <mergeCell ref="FW4:GG5"/>
    <mergeCell ref="GH4:GR5"/>
    <mergeCell ref="BF5:BP5"/>
    <mergeCell ref="CX5:DH5"/>
    <mergeCell ref="IV5:JF5"/>
    <mergeCell ref="GS5:HC5"/>
    <mergeCell ref="HD5:HN5"/>
    <mergeCell ref="HO5:HY5"/>
    <mergeCell ref="JG5:JQ5"/>
    <mergeCell ref="F1:G1"/>
    <mergeCell ref="I1:J1"/>
    <mergeCell ref="GS3:KM3"/>
    <mergeCell ref="CM4:CW5"/>
    <mergeCell ref="CX4:FV4"/>
    <mergeCell ref="KC4:KM5"/>
    <mergeCell ref="GS4:JQ4"/>
    <mergeCell ref="JR4:KB5"/>
    <mergeCell ref="DI5:DS5"/>
    <mergeCell ref="DT5:ED5"/>
    <mergeCell ref="HZ5:IJ5"/>
    <mergeCell ref="IK5:IU5"/>
    <mergeCell ref="BQ5:CA5"/>
    <mergeCell ref="C4:CA4"/>
    <mergeCell ref="CB4:CL5"/>
    <mergeCell ref="FL5:FV5"/>
  </mergeCells>
  <phoneticPr fontId="4"/>
  <printOptions horizontalCentered="1"/>
  <pageMargins left="0.59055118110236227" right="0.39370078740157483" top="0.59055118110236227" bottom="0.55118110236220474" header="0.23622047244094491" footer="0.27559055118110237"/>
  <pageSetup paperSize="9" scale="45" orientation="landscape" r:id="rId1"/>
  <headerFooter alignWithMargins="0">
    <oddFooter>&amp;L&amp;20&amp;X&amp;A&amp;C&amp;P/&amp;N</oddFooter>
  </headerFooter>
  <colBreaks count="4" manualBreakCount="4">
    <brk id="35" max="40" man="1"/>
    <brk id="68" max="1048575" man="1"/>
    <brk id="101" max="1048575" man="1"/>
    <brk id="134" max="40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  <pageSetUpPr fitToPage="1"/>
  </sheetPr>
  <dimension ref="B1:AI39"/>
  <sheetViews>
    <sheetView zoomScaleNormal="100" zoomScaleSheetLayoutView="75" workbookViewId="0">
      <pane xSplit="2" ySplit="5" topLeftCell="C6" activePane="bottomRight" state="frozen"/>
      <selection activeCell="F37" sqref="F37"/>
      <selection pane="topRight" activeCell="F37" sqref="F37"/>
      <selection pane="bottomLeft" activeCell="F37" sqref="F37"/>
      <selection pane="bottomRight" activeCell="C5" sqref="C5"/>
    </sheetView>
  </sheetViews>
  <sheetFormatPr defaultColWidth="9" defaultRowHeight="9.6" x14ac:dyDescent="0.2"/>
  <cols>
    <col min="1" max="1" width="3.77734375" style="13" customWidth="1"/>
    <col min="2" max="2" width="9.77734375" style="13" customWidth="1"/>
    <col min="3" max="6" width="7.77734375" style="11" customWidth="1"/>
    <col min="7" max="7" width="8.109375" style="11" customWidth="1"/>
    <col min="8" max="8" width="7.44140625" style="11" customWidth="1"/>
    <col min="9" max="9" width="9.109375" style="11" customWidth="1"/>
    <col min="10" max="10" width="7.77734375" style="11" customWidth="1"/>
    <col min="11" max="11" width="8.6640625" style="11" customWidth="1"/>
    <col min="12" max="12" width="9.33203125" style="11" customWidth="1"/>
    <col min="13" max="13" width="8.33203125" style="11" customWidth="1"/>
    <col min="14" max="26" width="7.77734375" style="11" customWidth="1"/>
    <col min="27" max="33" width="7.77734375" style="13" customWidth="1"/>
    <col min="34" max="34" width="9" style="13"/>
    <col min="35" max="35" width="8.6640625" style="13" customWidth="1"/>
    <col min="36" max="16384" width="9" style="13"/>
  </cols>
  <sheetData>
    <row r="1" spans="2:35" ht="24" customHeight="1" x14ac:dyDescent="0.2">
      <c r="B1" s="10" t="s">
        <v>130</v>
      </c>
      <c r="F1" s="12"/>
      <c r="G1" s="442">
        <f>第１表!F2</f>
        <v>7</v>
      </c>
      <c r="H1" s="442"/>
      <c r="I1" s="18">
        <f>第１表!G2</f>
        <v>3</v>
      </c>
      <c r="J1" s="447">
        <f>IF(I1&lt;3,I1+12-2,I1-2)</f>
        <v>1</v>
      </c>
      <c r="K1" s="447"/>
    </row>
    <row r="2" spans="2:35" ht="24" customHeight="1" thickBot="1" x14ac:dyDescent="0.25">
      <c r="B2" s="71"/>
      <c r="J2" s="14"/>
      <c r="K2" s="14"/>
      <c r="L2" s="14"/>
      <c r="M2" s="14"/>
      <c r="N2" s="14"/>
      <c r="O2" s="14"/>
      <c r="P2" s="15"/>
      <c r="Q2" s="15"/>
      <c r="R2" s="15"/>
    </row>
    <row r="3" spans="2:35" s="71" customFormat="1" ht="21" customHeight="1" thickBot="1" x14ac:dyDescent="0.25">
      <c r="B3" s="119"/>
      <c r="C3" s="444" t="s">
        <v>53</v>
      </c>
      <c r="D3" s="445"/>
      <c r="E3" s="445"/>
      <c r="F3" s="445"/>
      <c r="G3" s="445"/>
      <c r="H3" s="445"/>
      <c r="I3" s="445"/>
      <c r="J3" s="445"/>
      <c r="K3" s="445"/>
      <c r="L3" s="445"/>
      <c r="M3" s="446"/>
      <c r="N3" s="444" t="s">
        <v>54</v>
      </c>
      <c r="O3" s="445"/>
      <c r="P3" s="445"/>
      <c r="Q3" s="445"/>
      <c r="R3" s="445"/>
      <c r="S3" s="445"/>
      <c r="T3" s="445"/>
      <c r="U3" s="445"/>
      <c r="V3" s="445"/>
      <c r="W3" s="445"/>
      <c r="X3" s="446"/>
      <c r="Y3" s="444" t="s">
        <v>55</v>
      </c>
      <c r="Z3" s="445"/>
      <c r="AA3" s="445"/>
      <c r="AB3" s="445"/>
      <c r="AC3" s="445"/>
      <c r="AD3" s="445"/>
      <c r="AE3" s="445"/>
      <c r="AF3" s="445"/>
      <c r="AG3" s="445"/>
      <c r="AH3" s="445"/>
      <c r="AI3" s="446"/>
    </row>
    <row r="4" spans="2:35" s="71" customFormat="1" ht="30" customHeight="1" thickBot="1" x14ac:dyDescent="0.25">
      <c r="B4" s="119" t="s">
        <v>42</v>
      </c>
      <c r="C4" s="120" t="s">
        <v>43</v>
      </c>
      <c r="D4" s="121" t="s">
        <v>44</v>
      </c>
      <c r="E4" s="122" t="s">
        <v>45</v>
      </c>
      <c r="F4" s="123" t="s">
        <v>46</v>
      </c>
      <c r="G4" s="121" t="s">
        <v>47</v>
      </c>
      <c r="H4" s="121" t="s">
        <v>48</v>
      </c>
      <c r="I4" s="121" t="s">
        <v>49</v>
      </c>
      <c r="J4" s="121" t="s">
        <v>50</v>
      </c>
      <c r="K4" s="121" t="s">
        <v>51</v>
      </c>
      <c r="L4" s="122" t="s">
        <v>45</v>
      </c>
      <c r="M4" s="69" t="s">
        <v>52</v>
      </c>
      <c r="N4" s="120" t="s">
        <v>43</v>
      </c>
      <c r="O4" s="121" t="s">
        <v>44</v>
      </c>
      <c r="P4" s="122" t="s">
        <v>45</v>
      </c>
      <c r="Q4" s="123" t="s">
        <v>46</v>
      </c>
      <c r="R4" s="121" t="s">
        <v>47</v>
      </c>
      <c r="S4" s="121" t="s">
        <v>48</v>
      </c>
      <c r="T4" s="121" t="s">
        <v>49</v>
      </c>
      <c r="U4" s="121" t="s">
        <v>50</v>
      </c>
      <c r="V4" s="121" t="s">
        <v>51</v>
      </c>
      <c r="W4" s="122" t="s">
        <v>45</v>
      </c>
      <c r="X4" s="69" t="s">
        <v>52</v>
      </c>
      <c r="Y4" s="120" t="s">
        <v>43</v>
      </c>
      <c r="Z4" s="121" t="s">
        <v>44</v>
      </c>
      <c r="AA4" s="122" t="s">
        <v>45</v>
      </c>
      <c r="AB4" s="123" t="s">
        <v>46</v>
      </c>
      <c r="AC4" s="121" t="s">
        <v>47</v>
      </c>
      <c r="AD4" s="121" t="s">
        <v>48</v>
      </c>
      <c r="AE4" s="121" t="s">
        <v>49</v>
      </c>
      <c r="AF4" s="121" t="s">
        <v>50</v>
      </c>
      <c r="AG4" s="121" t="s">
        <v>51</v>
      </c>
      <c r="AH4" s="122" t="s">
        <v>45</v>
      </c>
      <c r="AI4" s="69" t="s">
        <v>52</v>
      </c>
    </row>
    <row r="5" spans="2:35" ht="21" customHeight="1" x14ac:dyDescent="0.2">
      <c r="B5" s="84" t="s">
        <v>4</v>
      </c>
      <c r="C5" s="124">
        <v>18509</v>
      </c>
      <c r="D5" s="125">
        <v>33113</v>
      </c>
      <c r="E5" s="126">
        <v>51622</v>
      </c>
      <c r="F5" s="127">
        <v>0</v>
      </c>
      <c r="G5" s="125">
        <v>63021</v>
      </c>
      <c r="H5" s="125">
        <v>65281</v>
      </c>
      <c r="I5" s="125">
        <v>36380</v>
      </c>
      <c r="J5" s="125">
        <v>27948</v>
      </c>
      <c r="K5" s="125">
        <v>16476</v>
      </c>
      <c r="L5" s="126">
        <v>209106</v>
      </c>
      <c r="M5" s="128">
        <v>260728</v>
      </c>
      <c r="N5" s="129">
        <v>343</v>
      </c>
      <c r="O5" s="125">
        <v>926</v>
      </c>
      <c r="P5" s="126">
        <v>1269</v>
      </c>
      <c r="Q5" s="127">
        <v>0</v>
      </c>
      <c r="R5" s="125">
        <v>1085</v>
      </c>
      <c r="S5" s="125">
        <v>2006</v>
      </c>
      <c r="T5" s="125">
        <v>1045</v>
      </c>
      <c r="U5" s="125">
        <v>847</v>
      </c>
      <c r="V5" s="125">
        <v>804</v>
      </c>
      <c r="W5" s="126">
        <v>5787</v>
      </c>
      <c r="X5" s="128">
        <v>7056</v>
      </c>
      <c r="Y5" s="124">
        <v>18852</v>
      </c>
      <c r="Z5" s="125">
        <v>34039</v>
      </c>
      <c r="AA5" s="126">
        <v>52891</v>
      </c>
      <c r="AB5" s="127">
        <v>0</v>
      </c>
      <c r="AC5" s="125">
        <v>64106</v>
      </c>
      <c r="AD5" s="125">
        <v>67287</v>
      </c>
      <c r="AE5" s="125">
        <v>37425</v>
      </c>
      <c r="AF5" s="125">
        <v>28795</v>
      </c>
      <c r="AG5" s="125">
        <v>17280</v>
      </c>
      <c r="AH5" s="126">
        <v>214893</v>
      </c>
      <c r="AI5" s="128">
        <v>267784</v>
      </c>
    </row>
    <row r="6" spans="2:35" ht="21" customHeight="1" x14ac:dyDescent="0.2">
      <c r="B6" s="95" t="s">
        <v>5</v>
      </c>
      <c r="C6" s="130">
        <v>6520</v>
      </c>
      <c r="D6" s="131">
        <v>14737</v>
      </c>
      <c r="E6" s="132">
        <v>21257</v>
      </c>
      <c r="F6" s="133">
        <v>0</v>
      </c>
      <c r="G6" s="131">
        <v>16693</v>
      </c>
      <c r="H6" s="131">
        <v>24513</v>
      </c>
      <c r="I6" s="131">
        <v>11973</v>
      </c>
      <c r="J6" s="131">
        <v>9498</v>
      </c>
      <c r="K6" s="131">
        <v>5460</v>
      </c>
      <c r="L6" s="132">
        <v>68137</v>
      </c>
      <c r="M6" s="134">
        <v>89394</v>
      </c>
      <c r="N6" s="135">
        <v>113</v>
      </c>
      <c r="O6" s="131">
        <v>416</v>
      </c>
      <c r="P6" s="132">
        <v>529</v>
      </c>
      <c r="Q6" s="133">
        <v>0</v>
      </c>
      <c r="R6" s="131">
        <v>247</v>
      </c>
      <c r="S6" s="131">
        <v>849</v>
      </c>
      <c r="T6" s="131">
        <v>362</v>
      </c>
      <c r="U6" s="131">
        <v>300</v>
      </c>
      <c r="V6" s="131">
        <v>313</v>
      </c>
      <c r="W6" s="132">
        <v>2071</v>
      </c>
      <c r="X6" s="134">
        <v>2600</v>
      </c>
      <c r="Y6" s="130">
        <v>6633</v>
      </c>
      <c r="Z6" s="131">
        <v>15153</v>
      </c>
      <c r="AA6" s="132">
        <v>21786</v>
      </c>
      <c r="AB6" s="133">
        <v>0</v>
      </c>
      <c r="AC6" s="131">
        <v>16940</v>
      </c>
      <c r="AD6" s="131">
        <v>25362</v>
      </c>
      <c r="AE6" s="131">
        <v>12335</v>
      </c>
      <c r="AF6" s="131">
        <v>9798</v>
      </c>
      <c r="AG6" s="131">
        <v>5773</v>
      </c>
      <c r="AH6" s="132">
        <v>70208</v>
      </c>
      <c r="AI6" s="134">
        <v>91994</v>
      </c>
    </row>
    <row r="7" spans="2:35" ht="21" customHeight="1" x14ac:dyDescent="0.2">
      <c r="B7" s="106" t="s">
        <v>6</v>
      </c>
      <c r="C7" s="130">
        <v>2667</v>
      </c>
      <c r="D7" s="131">
        <v>3912</v>
      </c>
      <c r="E7" s="132">
        <v>6579</v>
      </c>
      <c r="F7" s="133">
        <v>0</v>
      </c>
      <c r="G7" s="131">
        <v>11206</v>
      </c>
      <c r="H7" s="131">
        <v>9665</v>
      </c>
      <c r="I7" s="131">
        <v>5626</v>
      </c>
      <c r="J7" s="131">
        <v>4316</v>
      </c>
      <c r="K7" s="131">
        <v>2764</v>
      </c>
      <c r="L7" s="132">
        <v>33577</v>
      </c>
      <c r="M7" s="134">
        <v>40156</v>
      </c>
      <c r="N7" s="135">
        <v>68</v>
      </c>
      <c r="O7" s="131">
        <v>118</v>
      </c>
      <c r="P7" s="132">
        <v>186</v>
      </c>
      <c r="Q7" s="133">
        <v>0</v>
      </c>
      <c r="R7" s="131">
        <v>224</v>
      </c>
      <c r="S7" s="131">
        <v>276</v>
      </c>
      <c r="T7" s="131">
        <v>162</v>
      </c>
      <c r="U7" s="131">
        <v>137</v>
      </c>
      <c r="V7" s="131">
        <v>133</v>
      </c>
      <c r="W7" s="132">
        <v>932</v>
      </c>
      <c r="X7" s="134">
        <v>1118</v>
      </c>
      <c r="Y7" s="130">
        <v>2735</v>
      </c>
      <c r="Z7" s="131">
        <v>4030</v>
      </c>
      <c r="AA7" s="132">
        <v>6765</v>
      </c>
      <c r="AB7" s="133">
        <v>0</v>
      </c>
      <c r="AC7" s="131">
        <v>11430</v>
      </c>
      <c r="AD7" s="131">
        <v>9941</v>
      </c>
      <c r="AE7" s="131">
        <v>5788</v>
      </c>
      <c r="AF7" s="131">
        <v>4453</v>
      </c>
      <c r="AG7" s="131">
        <v>2897</v>
      </c>
      <c r="AH7" s="132">
        <v>34509</v>
      </c>
      <c r="AI7" s="134">
        <v>41274</v>
      </c>
    </row>
    <row r="8" spans="2:35" ht="21" customHeight="1" x14ac:dyDescent="0.2">
      <c r="B8" s="106" t="s">
        <v>14</v>
      </c>
      <c r="C8" s="130">
        <v>1302</v>
      </c>
      <c r="D8" s="131">
        <v>2917</v>
      </c>
      <c r="E8" s="132">
        <v>4219</v>
      </c>
      <c r="F8" s="133">
        <v>0</v>
      </c>
      <c r="G8" s="131">
        <v>4809</v>
      </c>
      <c r="H8" s="131">
        <v>6120</v>
      </c>
      <c r="I8" s="131">
        <v>3771</v>
      </c>
      <c r="J8" s="131">
        <v>2515</v>
      </c>
      <c r="K8" s="131">
        <v>1386</v>
      </c>
      <c r="L8" s="132">
        <v>18601</v>
      </c>
      <c r="M8" s="134">
        <v>22820</v>
      </c>
      <c r="N8" s="135">
        <v>21</v>
      </c>
      <c r="O8" s="131">
        <v>95</v>
      </c>
      <c r="P8" s="132">
        <v>116</v>
      </c>
      <c r="Q8" s="133">
        <v>0</v>
      </c>
      <c r="R8" s="131">
        <v>74</v>
      </c>
      <c r="S8" s="131">
        <v>190</v>
      </c>
      <c r="T8" s="131">
        <v>97</v>
      </c>
      <c r="U8" s="131">
        <v>86</v>
      </c>
      <c r="V8" s="131">
        <v>65</v>
      </c>
      <c r="W8" s="132">
        <v>512</v>
      </c>
      <c r="X8" s="134">
        <v>628</v>
      </c>
      <c r="Y8" s="130">
        <v>1323</v>
      </c>
      <c r="Z8" s="131">
        <v>3012</v>
      </c>
      <c r="AA8" s="132">
        <v>4335</v>
      </c>
      <c r="AB8" s="133">
        <v>0</v>
      </c>
      <c r="AC8" s="131">
        <v>4883</v>
      </c>
      <c r="AD8" s="131">
        <v>6310</v>
      </c>
      <c r="AE8" s="131">
        <v>3868</v>
      </c>
      <c r="AF8" s="131">
        <v>2601</v>
      </c>
      <c r="AG8" s="131">
        <v>1451</v>
      </c>
      <c r="AH8" s="132">
        <v>19113</v>
      </c>
      <c r="AI8" s="134">
        <v>23448</v>
      </c>
    </row>
    <row r="9" spans="2:35" ht="21" customHeight="1" x14ac:dyDescent="0.2">
      <c r="B9" s="106" t="s">
        <v>7</v>
      </c>
      <c r="C9" s="130">
        <v>725</v>
      </c>
      <c r="D9" s="131">
        <v>1036</v>
      </c>
      <c r="E9" s="132">
        <v>1761</v>
      </c>
      <c r="F9" s="133">
        <v>0</v>
      </c>
      <c r="G9" s="131">
        <v>5251</v>
      </c>
      <c r="H9" s="131">
        <v>3487</v>
      </c>
      <c r="I9" s="131">
        <v>1891</v>
      </c>
      <c r="J9" s="131">
        <v>1570</v>
      </c>
      <c r="K9" s="131">
        <v>855</v>
      </c>
      <c r="L9" s="132">
        <v>13054</v>
      </c>
      <c r="M9" s="134">
        <v>14815</v>
      </c>
      <c r="N9" s="135">
        <v>6</v>
      </c>
      <c r="O9" s="131">
        <v>18</v>
      </c>
      <c r="P9" s="132">
        <v>24</v>
      </c>
      <c r="Q9" s="133">
        <v>0</v>
      </c>
      <c r="R9" s="131">
        <v>106</v>
      </c>
      <c r="S9" s="131">
        <v>87</v>
      </c>
      <c r="T9" s="131">
        <v>50</v>
      </c>
      <c r="U9" s="131">
        <v>36</v>
      </c>
      <c r="V9" s="131">
        <v>27</v>
      </c>
      <c r="W9" s="132">
        <v>306</v>
      </c>
      <c r="X9" s="134">
        <v>330</v>
      </c>
      <c r="Y9" s="130">
        <v>731</v>
      </c>
      <c r="Z9" s="131">
        <v>1054</v>
      </c>
      <c r="AA9" s="132">
        <v>1785</v>
      </c>
      <c r="AB9" s="133">
        <v>0</v>
      </c>
      <c r="AC9" s="131">
        <v>5357</v>
      </c>
      <c r="AD9" s="131">
        <v>3574</v>
      </c>
      <c r="AE9" s="131">
        <v>1941</v>
      </c>
      <c r="AF9" s="131">
        <v>1606</v>
      </c>
      <c r="AG9" s="131">
        <v>882</v>
      </c>
      <c r="AH9" s="132">
        <v>13360</v>
      </c>
      <c r="AI9" s="134">
        <v>15145</v>
      </c>
    </row>
    <row r="10" spans="2:35" ht="21" customHeight="1" x14ac:dyDescent="0.2">
      <c r="B10" s="106" t="s">
        <v>8</v>
      </c>
      <c r="C10" s="130">
        <v>687</v>
      </c>
      <c r="D10" s="131">
        <v>727</v>
      </c>
      <c r="E10" s="132">
        <v>1414</v>
      </c>
      <c r="F10" s="133">
        <v>0</v>
      </c>
      <c r="G10" s="131">
        <v>2243</v>
      </c>
      <c r="H10" s="131">
        <v>2198</v>
      </c>
      <c r="I10" s="131">
        <v>1277</v>
      </c>
      <c r="J10" s="131">
        <v>922</v>
      </c>
      <c r="K10" s="131">
        <v>583</v>
      </c>
      <c r="L10" s="132">
        <v>7223</v>
      </c>
      <c r="M10" s="134">
        <v>8637</v>
      </c>
      <c r="N10" s="135">
        <v>9</v>
      </c>
      <c r="O10" s="131">
        <v>25</v>
      </c>
      <c r="P10" s="132">
        <v>34</v>
      </c>
      <c r="Q10" s="133">
        <v>0</v>
      </c>
      <c r="R10" s="131">
        <v>45</v>
      </c>
      <c r="S10" s="131">
        <v>75</v>
      </c>
      <c r="T10" s="131">
        <v>33</v>
      </c>
      <c r="U10" s="131">
        <v>26</v>
      </c>
      <c r="V10" s="131">
        <v>18</v>
      </c>
      <c r="W10" s="132">
        <v>197</v>
      </c>
      <c r="X10" s="134">
        <v>231</v>
      </c>
      <c r="Y10" s="130">
        <v>696</v>
      </c>
      <c r="Z10" s="131">
        <v>752</v>
      </c>
      <c r="AA10" s="132">
        <v>1448</v>
      </c>
      <c r="AB10" s="133">
        <v>0</v>
      </c>
      <c r="AC10" s="131">
        <v>2288</v>
      </c>
      <c r="AD10" s="131">
        <v>2273</v>
      </c>
      <c r="AE10" s="131">
        <v>1310</v>
      </c>
      <c r="AF10" s="131">
        <v>948</v>
      </c>
      <c r="AG10" s="131">
        <v>601</v>
      </c>
      <c r="AH10" s="132">
        <v>7420</v>
      </c>
      <c r="AI10" s="134">
        <v>8868</v>
      </c>
    </row>
    <row r="11" spans="2:35" ht="21" customHeight="1" x14ac:dyDescent="0.2">
      <c r="B11" s="106" t="s">
        <v>9</v>
      </c>
      <c r="C11" s="130">
        <v>564</v>
      </c>
      <c r="D11" s="131">
        <v>614</v>
      </c>
      <c r="E11" s="132">
        <v>1178</v>
      </c>
      <c r="F11" s="133">
        <v>0</v>
      </c>
      <c r="G11" s="131">
        <v>2069</v>
      </c>
      <c r="H11" s="131">
        <v>1536</v>
      </c>
      <c r="I11" s="131">
        <v>1086</v>
      </c>
      <c r="J11" s="131">
        <v>915</v>
      </c>
      <c r="K11" s="131">
        <v>530</v>
      </c>
      <c r="L11" s="132">
        <v>6136</v>
      </c>
      <c r="M11" s="134">
        <v>7314</v>
      </c>
      <c r="N11" s="135">
        <v>4</v>
      </c>
      <c r="O11" s="131">
        <v>10</v>
      </c>
      <c r="P11" s="132">
        <v>14</v>
      </c>
      <c r="Q11" s="133">
        <v>0</v>
      </c>
      <c r="R11" s="131">
        <v>33</v>
      </c>
      <c r="S11" s="131">
        <v>48</v>
      </c>
      <c r="T11" s="131">
        <v>19</v>
      </c>
      <c r="U11" s="131">
        <v>18</v>
      </c>
      <c r="V11" s="131">
        <v>17</v>
      </c>
      <c r="W11" s="132">
        <v>135</v>
      </c>
      <c r="X11" s="134">
        <v>149</v>
      </c>
      <c r="Y11" s="130">
        <v>568</v>
      </c>
      <c r="Z11" s="131">
        <v>624</v>
      </c>
      <c r="AA11" s="132">
        <v>1192</v>
      </c>
      <c r="AB11" s="133">
        <v>0</v>
      </c>
      <c r="AC11" s="131">
        <v>2102</v>
      </c>
      <c r="AD11" s="131">
        <v>1584</v>
      </c>
      <c r="AE11" s="131">
        <v>1105</v>
      </c>
      <c r="AF11" s="131">
        <v>933</v>
      </c>
      <c r="AG11" s="131">
        <v>547</v>
      </c>
      <c r="AH11" s="132">
        <v>6271</v>
      </c>
      <c r="AI11" s="134">
        <v>7463</v>
      </c>
    </row>
    <row r="12" spans="2:35" ht="21" customHeight="1" x14ac:dyDescent="0.2">
      <c r="B12" s="106" t="s">
        <v>10</v>
      </c>
      <c r="C12" s="130">
        <v>1411</v>
      </c>
      <c r="D12" s="131">
        <v>1680</v>
      </c>
      <c r="E12" s="132">
        <v>3091</v>
      </c>
      <c r="F12" s="133">
        <v>0</v>
      </c>
      <c r="G12" s="131">
        <v>4298</v>
      </c>
      <c r="H12" s="131">
        <v>2442</v>
      </c>
      <c r="I12" s="131">
        <v>1574</v>
      </c>
      <c r="J12" s="131">
        <v>1338</v>
      </c>
      <c r="K12" s="131">
        <v>901</v>
      </c>
      <c r="L12" s="132">
        <v>10553</v>
      </c>
      <c r="M12" s="134">
        <v>13644</v>
      </c>
      <c r="N12" s="135">
        <v>30</v>
      </c>
      <c r="O12" s="131">
        <v>38</v>
      </c>
      <c r="P12" s="132">
        <v>68</v>
      </c>
      <c r="Q12" s="133">
        <v>0</v>
      </c>
      <c r="R12" s="131">
        <v>90</v>
      </c>
      <c r="S12" s="131">
        <v>84</v>
      </c>
      <c r="T12" s="131">
        <v>53</v>
      </c>
      <c r="U12" s="131">
        <v>36</v>
      </c>
      <c r="V12" s="131">
        <v>39</v>
      </c>
      <c r="W12" s="132">
        <v>302</v>
      </c>
      <c r="X12" s="134">
        <v>370</v>
      </c>
      <c r="Y12" s="130">
        <v>1441</v>
      </c>
      <c r="Z12" s="131">
        <v>1718</v>
      </c>
      <c r="AA12" s="132">
        <v>3159</v>
      </c>
      <c r="AB12" s="133">
        <v>0</v>
      </c>
      <c r="AC12" s="131">
        <v>4388</v>
      </c>
      <c r="AD12" s="131">
        <v>2526</v>
      </c>
      <c r="AE12" s="131">
        <v>1627</v>
      </c>
      <c r="AF12" s="131">
        <v>1374</v>
      </c>
      <c r="AG12" s="131">
        <v>940</v>
      </c>
      <c r="AH12" s="132">
        <v>10855</v>
      </c>
      <c r="AI12" s="134">
        <v>14014</v>
      </c>
    </row>
    <row r="13" spans="2:35" ht="21" customHeight="1" x14ac:dyDescent="0.2">
      <c r="B13" s="106" t="s">
        <v>11</v>
      </c>
      <c r="C13" s="130">
        <v>598</v>
      </c>
      <c r="D13" s="131">
        <v>672</v>
      </c>
      <c r="E13" s="132">
        <v>1270</v>
      </c>
      <c r="F13" s="133">
        <v>0</v>
      </c>
      <c r="G13" s="131">
        <v>2041</v>
      </c>
      <c r="H13" s="131">
        <v>1460</v>
      </c>
      <c r="I13" s="131">
        <v>1004</v>
      </c>
      <c r="J13" s="131">
        <v>771</v>
      </c>
      <c r="K13" s="131">
        <v>454</v>
      </c>
      <c r="L13" s="132">
        <v>5730</v>
      </c>
      <c r="M13" s="134">
        <v>7000</v>
      </c>
      <c r="N13" s="135">
        <v>8</v>
      </c>
      <c r="O13" s="131">
        <v>19</v>
      </c>
      <c r="P13" s="132">
        <v>27</v>
      </c>
      <c r="Q13" s="133">
        <v>0</v>
      </c>
      <c r="R13" s="131">
        <v>42</v>
      </c>
      <c r="S13" s="131">
        <v>24</v>
      </c>
      <c r="T13" s="131">
        <v>24</v>
      </c>
      <c r="U13" s="131">
        <v>26</v>
      </c>
      <c r="V13" s="131">
        <v>20</v>
      </c>
      <c r="W13" s="132">
        <v>136</v>
      </c>
      <c r="X13" s="134">
        <v>163</v>
      </c>
      <c r="Y13" s="130">
        <v>606</v>
      </c>
      <c r="Z13" s="131">
        <v>691</v>
      </c>
      <c r="AA13" s="132">
        <v>1297</v>
      </c>
      <c r="AB13" s="133">
        <v>0</v>
      </c>
      <c r="AC13" s="131">
        <v>2083</v>
      </c>
      <c r="AD13" s="131">
        <v>1484</v>
      </c>
      <c r="AE13" s="131">
        <v>1028</v>
      </c>
      <c r="AF13" s="131">
        <v>797</v>
      </c>
      <c r="AG13" s="131">
        <v>474</v>
      </c>
      <c r="AH13" s="132">
        <v>5866</v>
      </c>
      <c r="AI13" s="134">
        <v>7163</v>
      </c>
    </row>
    <row r="14" spans="2:35" ht="21" customHeight="1" x14ac:dyDescent="0.2">
      <c r="B14" s="106" t="s">
        <v>12</v>
      </c>
      <c r="C14" s="130">
        <v>759</v>
      </c>
      <c r="D14" s="131">
        <v>1229</v>
      </c>
      <c r="E14" s="132">
        <v>1988</v>
      </c>
      <c r="F14" s="133">
        <v>0</v>
      </c>
      <c r="G14" s="131">
        <v>1814</v>
      </c>
      <c r="H14" s="131">
        <v>1593</v>
      </c>
      <c r="I14" s="131">
        <v>994</v>
      </c>
      <c r="J14" s="131">
        <v>895</v>
      </c>
      <c r="K14" s="131">
        <v>475</v>
      </c>
      <c r="L14" s="132">
        <v>5771</v>
      </c>
      <c r="M14" s="134">
        <v>7759</v>
      </c>
      <c r="N14" s="135">
        <v>14</v>
      </c>
      <c r="O14" s="131">
        <v>36</v>
      </c>
      <c r="P14" s="132">
        <v>50</v>
      </c>
      <c r="Q14" s="133">
        <v>0</v>
      </c>
      <c r="R14" s="131">
        <v>15</v>
      </c>
      <c r="S14" s="131">
        <v>41</v>
      </c>
      <c r="T14" s="131">
        <v>30</v>
      </c>
      <c r="U14" s="131">
        <v>20</v>
      </c>
      <c r="V14" s="131">
        <v>20</v>
      </c>
      <c r="W14" s="132">
        <v>126</v>
      </c>
      <c r="X14" s="134">
        <v>176</v>
      </c>
      <c r="Y14" s="130">
        <v>773</v>
      </c>
      <c r="Z14" s="131">
        <v>1265</v>
      </c>
      <c r="AA14" s="132">
        <v>2038</v>
      </c>
      <c r="AB14" s="133">
        <v>0</v>
      </c>
      <c r="AC14" s="131">
        <v>1829</v>
      </c>
      <c r="AD14" s="131">
        <v>1634</v>
      </c>
      <c r="AE14" s="131">
        <v>1024</v>
      </c>
      <c r="AF14" s="131">
        <v>915</v>
      </c>
      <c r="AG14" s="131">
        <v>495</v>
      </c>
      <c r="AH14" s="132">
        <v>5897</v>
      </c>
      <c r="AI14" s="134">
        <v>7935</v>
      </c>
    </row>
    <row r="15" spans="2:35" ht="21" customHeight="1" x14ac:dyDescent="0.2">
      <c r="B15" s="106" t="s">
        <v>13</v>
      </c>
      <c r="C15" s="130">
        <v>130</v>
      </c>
      <c r="D15" s="131">
        <v>209</v>
      </c>
      <c r="E15" s="132">
        <v>339</v>
      </c>
      <c r="F15" s="133">
        <v>0</v>
      </c>
      <c r="G15" s="131">
        <v>719</v>
      </c>
      <c r="H15" s="131">
        <v>720</v>
      </c>
      <c r="I15" s="131">
        <v>379</v>
      </c>
      <c r="J15" s="131">
        <v>302</v>
      </c>
      <c r="K15" s="131">
        <v>215</v>
      </c>
      <c r="L15" s="132">
        <v>2335</v>
      </c>
      <c r="M15" s="134">
        <v>2674</v>
      </c>
      <c r="N15" s="135">
        <v>0</v>
      </c>
      <c r="O15" s="131">
        <v>1</v>
      </c>
      <c r="P15" s="132">
        <v>1</v>
      </c>
      <c r="Q15" s="133">
        <v>0</v>
      </c>
      <c r="R15" s="131">
        <v>15</v>
      </c>
      <c r="S15" s="131">
        <v>11</v>
      </c>
      <c r="T15" s="131">
        <v>11</v>
      </c>
      <c r="U15" s="131">
        <v>3</v>
      </c>
      <c r="V15" s="131">
        <v>9</v>
      </c>
      <c r="W15" s="132">
        <v>49</v>
      </c>
      <c r="X15" s="134">
        <v>50</v>
      </c>
      <c r="Y15" s="130">
        <v>130</v>
      </c>
      <c r="Z15" s="131">
        <v>210</v>
      </c>
      <c r="AA15" s="132">
        <v>340</v>
      </c>
      <c r="AB15" s="133">
        <v>0</v>
      </c>
      <c r="AC15" s="131">
        <v>734</v>
      </c>
      <c r="AD15" s="131">
        <v>731</v>
      </c>
      <c r="AE15" s="131">
        <v>390</v>
      </c>
      <c r="AF15" s="131">
        <v>305</v>
      </c>
      <c r="AG15" s="131">
        <v>224</v>
      </c>
      <c r="AH15" s="132">
        <v>2384</v>
      </c>
      <c r="AI15" s="134">
        <v>2724</v>
      </c>
    </row>
    <row r="16" spans="2:35" ht="21" customHeight="1" x14ac:dyDescent="0.2">
      <c r="B16" s="106" t="s">
        <v>15</v>
      </c>
      <c r="C16" s="130">
        <v>97</v>
      </c>
      <c r="D16" s="131">
        <v>215</v>
      </c>
      <c r="E16" s="132">
        <v>312</v>
      </c>
      <c r="F16" s="133">
        <v>0</v>
      </c>
      <c r="G16" s="131">
        <v>541</v>
      </c>
      <c r="H16" s="131">
        <v>580</v>
      </c>
      <c r="I16" s="131">
        <v>255</v>
      </c>
      <c r="J16" s="131">
        <v>215</v>
      </c>
      <c r="K16" s="131">
        <v>119</v>
      </c>
      <c r="L16" s="132">
        <v>1710</v>
      </c>
      <c r="M16" s="134">
        <v>2022</v>
      </c>
      <c r="N16" s="135">
        <v>0</v>
      </c>
      <c r="O16" s="131">
        <v>4</v>
      </c>
      <c r="P16" s="132">
        <v>4</v>
      </c>
      <c r="Q16" s="133">
        <v>0</v>
      </c>
      <c r="R16" s="131">
        <v>8</v>
      </c>
      <c r="S16" s="131">
        <v>10</v>
      </c>
      <c r="T16" s="131">
        <v>12</v>
      </c>
      <c r="U16" s="131">
        <v>9</v>
      </c>
      <c r="V16" s="131">
        <v>5</v>
      </c>
      <c r="W16" s="132">
        <v>44</v>
      </c>
      <c r="X16" s="134">
        <v>48</v>
      </c>
      <c r="Y16" s="130">
        <v>97</v>
      </c>
      <c r="Z16" s="131">
        <v>219</v>
      </c>
      <c r="AA16" s="132">
        <v>316</v>
      </c>
      <c r="AB16" s="133">
        <v>0</v>
      </c>
      <c r="AC16" s="131">
        <v>549</v>
      </c>
      <c r="AD16" s="131">
        <v>590</v>
      </c>
      <c r="AE16" s="131">
        <v>267</v>
      </c>
      <c r="AF16" s="131">
        <v>224</v>
      </c>
      <c r="AG16" s="131">
        <v>124</v>
      </c>
      <c r="AH16" s="132">
        <v>1754</v>
      </c>
      <c r="AI16" s="134">
        <v>2070</v>
      </c>
    </row>
    <row r="17" spans="2:35" ht="21" customHeight="1" x14ac:dyDescent="0.2">
      <c r="B17" s="106" t="s">
        <v>16</v>
      </c>
      <c r="C17" s="130">
        <v>279</v>
      </c>
      <c r="D17" s="131">
        <v>540</v>
      </c>
      <c r="E17" s="132">
        <v>819</v>
      </c>
      <c r="F17" s="133">
        <v>0</v>
      </c>
      <c r="G17" s="131">
        <v>1019</v>
      </c>
      <c r="H17" s="131">
        <v>1327</v>
      </c>
      <c r="I17" s="131">
        <v>691</v>
      </c>
      <c r="J17" s="131">
        <v>553</v>
      </c>
      <c r="K17" s="131">
        <v>320</v>
      </c>
      <c r="L17" s="132">
        <v>3910</v>
      </c>
      <c r="M17" s="134">
        <v>4729</v>
      </c>
      <c r="N17" s="135">
        <v>6</v>
      </c>
      <c r="O17" s="131">
        <v>20</v>
      </c>
      <c r="P17" s="132">
        <v>26</v>
      </c>
      <c r="Q17" s="133">
        <v>0</v>
      </c>
      <c r="R17" s="131">
        <v>11</v>
      </c>
      <c r="S17" s="131">
        <v>36</v>
      </c>
      <c r="T17" s="131">
        <v>27</v>
      </c>
      <c r="U17" s="131">
        <v>17</v>
      </c>
      <c r="V17" s="131">
        <v>18</v>
      </c>
      <c r="W17" s="132">
        <v>109</v>
      </c>
      <c r="X17" s="134">
        <v>135</v>
      </c>
      <c r="Y17" s="130">
        <v>285</v>
      </c>
      <c r="Z17" s="131">
        <v>560</v>
      </c>
      <c r="AA17" s="132">
        <v>845</v>
      </c>
      <c r="AB17" s="133">
        <v>0</v>
      </c>
      <c r="AC17" s="131">
        <v>1030</v>
      </c>
      <c r="AD17" s="131">
        <v>1363</v>
      </c>
      <c r="AE17" s="131">
        <v>718</v>
      </c>
      <c r="AF17" s="131">
        <v>570</v>
      </c>
      <c r="AG17" s="131">
        <v>338</v>
      </c>
      <c r="AH17" s="132">
        <v>4019</v>
      </c>
      <c r="AI17" s="134">
        <v>4864</v>
      </c>
    </row>
    <row r="18" spans="2:35" ht="21" customHeight="1" x14ac:dyDescent="0.2">
      <c r="B18" s="106" t="s">
        <v>17</v>
      </c>
      <c r="C18" s="130">
        <v>364</v>
      </c>
      <c r="D18" s="131">
        <v>688</v>
      </c>
      <c r="E18" s="132">
        <v>1052</v>
      </c>
      <c r="F18" s="133">
        <v>0</v>
      </c>
      <c r="G18" s="131">
        <v>1098</v>
      </c>
      <c r="H18" s="131">
        <v>1864</v>
      </c>
      <c r="I18" s="131">
        <v>1081</v>
      </c>
      <c r="J18" s="131">
        <v>802</v>
      </c>
      <c r="K18" s="131">
        <v>404</v>
      </c>
      <c r="L18" s="132">
        <v>5249</v>
      </c>
      <c r="M18" s="134">
        <v>6301</v>
      </c>
      <c r="N18" s="135">
        <v>3</v>
      </c>
      <c r="O18" s="131">
        <v>20</v>
      </c>
      <c r="P18" s="132">
        <v>23</v>
      </c>
      <c r="Q18" s="133">
        <v>0</v>
      </c>
      <c r="R18" s="131">
        <v>22</v>
      </c>
      <c r="S18" s="131">
        <v>50</v>
      </c>
      <c r="T18" s="131">
        <v>45</v>
      </c>
      <c r="U18" s="131">
        <v>25</v>
      </c>
      <c r="V18" s="131">
        <v>27</v>
      </c>
      <c r="W18" s="132">
        <v>169</v>
      </c>
      <c r="X18" s="134">
        <v>192</v>
      </c>
      <c r="Y18" s="130">
        <v>367</v>
      </c>
      <c r="Z18" s="131">
        <v>708</v>
      </c>
      <c r="AA18" s="132">
        <v>1075</v>
      </c>
      <c r="AB18" s="133">
        <v>0</v>
      </c>
      <c r="AC18" s="131">
        <v>1120</v>
      </c>
      <c r="AD18" s="131">
        <v>1914</v>
      </c>
      <c r="AE18" s="131">
        <v>1126</v>
      </c>
      <c r="AF18" s="131">
        <v>827</v>
      </c>
      <c r="AG18" s="131">
        <v>431</v>
      </c>
      <c r="AH18" s="132">
        <v>5418</v>
      </c>
      <c r="AI18" s="134">
        <v>6493</v>
      </c>
    </row>
    <row r="19" spans="2:35" ht="21" customHeight="1" x14ac:dyDescent="0.2">
      <c r="B19" s="106" t="s">
        <v>18</v>
      </c>
      <c r="C19" s="130">
        <v>379</v>
      </c>
      <c r="D19" s="131">
        <v>793</v>
      </c>
      <c r="E19" s="132">
        <v>1172</v>
      </c>
      <c r="F19" s="133">
        <v>0</v>
      </c>
      <c r="G19" s="131">
        <v>1938</v>
      </c>
      <c r="H19" s="131">
        <v>1819</v>
      </c>
      <c r="I19" s="131">
        <v>1151</v>
      </c>
      <c r="J19" s="131">
        <v>806</v>
      </c>
      <c r="K19" s="131">
        <v>468</v>
      </c>
      <c r="L19" s="132">
        <v>6182</v>
      </c>
      <c r="M19" s="134">
        <v>7354</v>
      </c>
      <c r="N19" s="135">
        <v>17</v>
      </c>
      <c r="O19" s="131">
        <v>22</v>
      </c>
      <c r="P19" s="132">
        <v>39</v>
      </c>
      <c r="Q19" s="133">
        <v>0</v>
      </c>
      <c r="R19" s="131">
        <v>41</v>
      </c>
      <c r="S19" s="131">
        <v>61</v>
      </c>
      <c r="T19" s="131">
        <v>26</v>
      </c>
      <c r="U19" s="131">
        <v>36</v>
      </c>
      <c r="V19" s="131">
        <v>23</v>
      </c>
      <c r="W19" s="132">
        <v>187</v>
      </c>
      <c r="X19" s="134">
        <v>226</v>
      </c>
      <c r="Y19" s="130">
        <v>396</v>
      </c>
      <c r="Z19" s="131">
        <v>815</v>
      </c>
      <c r="AA19" s="132">
        <v>1211</v>
      </c>
      <c r="AB19" s="133">
        <v>0</v>
      </c>
      <c r="AC19" s="131">
        <v>1979</v>
      </c>
      <c r="AD19" s="131">
        <v>1880</v>
      </c>
      <c r="AE19" s="131">
        <v>1177</v>
      </c>
      <c r="AF19" s="131">
        <v>842</v>
      </c>
      <c r="AG19" s="131">
        <v>491</v>
      </c>
      <c r="AH19" s="132">
        <v>6369</v>
      </c>
      <c r="AI19" s="134">
        <v>7580</v>
      </c>
    </row>
    <row r="20" spans="2:35" ht="21" customHeight="1" x14ac:dyDescent="0.2">
      <c r="B20" s="106" t="s">
        <v>19</v>
      </c>
      <c r="C20" s="130">
        <v>274</v>
      </c>
      <c r="D20" s="131">
        <v>363</v>
      </c>
      <c r="E20" s="132">
        <v>637</v>
      </c>
      <c r="F20" s="133">
        <v>0</v>
      </c>
      <c r="G20" s="131">
        <v>894</v>
      </c>
      <c r="H20" s="131">
        <v>661</v>
      </c>
      <c r="I20" s="131">
        <v>443</v>
      </c>
      <c r="J20" s="131">
        <v>275</v>
      </c>
      <c r="K20" s="131">
        <v>199</v>
      </c>
      <c r="L20" s="132">
        <v>2472</v>
      </c>
      <c r="M20" s="134">
        <v>3109</v>
      </c>
      <c r="N20" s="135">
        <v>10</v>
      </c>
      <c r="O20" s="131">
        <v>16</v>
      </c>
      <c r="P20" s="132">
        <v>26</v>
      </c>
      <c r="Q20" s="133">
        <v>0</v>
      </c>
      <c r="R20" s="131">
        <v>18</v>
      </c>
      <c r="S20" s="131">
        <v>19</v>
      </c>
      <c r="T20" s="131">
        <v>9</v>
      </c>
      <c r="U20" s="131">
        <v>8</v>
      </c>
      <c r="V20" s="131">
        <v>5</v>
      </c>
      <c r="W20" s="132">
        <v>59</v>
      </c>
      <c r="X20" s="134">
        <v>85</v>
      </c>
      <c r="Y20" s="130">
        <v>284</v>
      </c>
      <c r="Z20" s="131">
        <v>379</v>
      </c>
      <c r="AA20" s="132">
        <v>663</v>
      </c>
      <c r="AB20" s="133">
        <v>0</v>
      </c>
      <c r="AC20" s="131">
        <v>912</v>
      </c>
      <c r="AD20" s="131">
        <v>680</v>
      </c>
      <c r="AE20" s="131">
        <v>452</v>
      </c>
      <c r="AF20" s="131">
        <v>283</v>
      </c>
      <c r="AG20" s="131">
        <v>204</v>
      </c>
      <c r="AH20" s="132">
        <v>2531</v>
      </c>
      <c r="AI20" s="134">
        <v>3194</v>
      </c>
    </row>
    <row r="21" spans="2:35" ht="21" customHeight="1" x14ac:dyDescent="0.2">
      <c r="B21" s="106" t="s">
        <v>20</v>
      </c>
      <c r="C21" s="130">
        <v>262</v>
      </c>
      <c r="D21" s="131">
        <v>445</v>
      </c>
      <c r="E21" s="132">
        <v>707</v>
      </c>
      <c r="F21" s="133">
        <v>0</v>
      </c>
      <c r="G21" s="131">
        <v>1324</v>
      </c>
      <c r="H21" s="131">
        <v>839</v>
      </c>
      <c r="I21" s="131">
        <v>567</v>
      </c>
      <c r="J21" s="131">
        <v>378</v>
      </c>
      <c r="K21" s="131">
        <v>200</v>
      </c>
      <c r="L21" s="132">
        <v>3308</v>
      </c>
      <c r="M21" s="134">
        <v>4015</v>
      </c>
      <c r="N21" s="135">
        <v>5</v>
      </c>
      <c r="O21" s="131">
        <v>14</v>
      </c>
      <c r="P21" s="132">
        <v>19</v>
      </c>
      <c r="Q21" s="133">
        <v>0</v>
      </c>
      <c r="R21" s="131">
        <v>25</v>
      </c>
      <c r="S21" s="131">
        <v>23</v>
      </c>
      <c r="T21" s="131">
        <v>13</v>
      </c>
      <c r="U21" s="131">
        <v>12</v>
      </c>
      <c r="V21" s="131">
        <v>9</v>
      </c>
      <c r="W21" s="132">
        <v>82</v>
      </c>
      <c r="X21" s="134">
        <v>101</v>
      </c>
      <c r="Y21" s="130">
        <v>267</v>
      </c>
      <c r="Z21" s="131">
        <v>459</v>
      </c>
      <c r="AA21" s="132">
        <v>726</v>
      </c>
      <c r="AB21" s="133">
        <v>0</v>
      </c>
      <c r="AC21" s="131">
        <v>1349</v>
      </c>
      <c r="AD21" s="131">
        <v>862</v>
      </c>
      <c r="AE21" s="131">
        <v>580</v>
      </c>
      <c r="AF21" s="131">
        <v>390</v>
      </c>
      <c r="AG21" s="131">
        <v>209</v>
      </c>
      <c r="AH21" s="132">
        <v>3390</v>
      </c>
      <c r="AI21" s="134">
        <v>4116</v>
      </c>
    </row>
    <row r="22" spans="2:35" ht="21" customHeight="1" x14ac:dyDescent="0.2">
      <c r="B22" s="106" t="s">
        <v>21</v>
      </c>
      <c r="C22" s="130">
        <v>367</v>
      </c>
      <c r="D22" s="131">
        <v>491</v>
      </c>
      <c r="E22" s="132">
        <v>858</v>
      </c>
      <c r="F22" s="133">
        <v>0</v>
      </c>
      <c r="G22" s="131">
        <v>1108</v>
      </c>
      <c r="H22" s="131">
        <v>1116</v>
      </c>
      <c r="I22" s="131">
        <v>638</v>
      </c>
      <c r="J22" s="131">
        <v>384</v>
      </c>
      <c r="K22" s="131">
        <v>272</v>
      </c>
      <c r="L22" s="132">
        <v>3518</v>
      </c>
      <c r="M22" s="134">
        <v>4376</v>
      </c>
      <c r="N22" s="135">
        <v>10</v>
      </c>
      <c r="O22" s="131">
        <v>14</v>
      </c>
      <c r="P22" s="132">
        <v>24</v>
      </c>
      <c r="Q22" s="133">
        <v>0</v>
      </c>
      <c r="R22" s="131">
        <v>8</v>
      </c>
      <c r="S22" s="131">
        <v>33</v>
      </c>
      <c r="T22" s="131">
        <v>26</v>
      </c>
      <c r="U22" s="131">
        <v>16</v>
      </c>
      <c r="V22" s="131">
        <v>24</v>
      </c>
      <c r="W22" s="132">
        <v>107</v>
      </c>
      <c r="X22" s="134">
        <v>131</v>
      </c>
      <c r="Y22" s="130">
        <v>377</v>
      </c>
      <c r="Z22" s="131">
        <v>505</v>
      </c>
      <c r="AA22" s="132">
        <v>882</v>
      </c>
      <c r="AB22" s="133">
        <v>0</v>
      </c>
      <c r="AC22" s="131">
        <v>1116</v>
      </c>
      <c r="AD22" s="131">
        <v>1149</v>
      </c>
      <c r="AE22" s="131">
        <v>664</v>
      </c>
      <c r="AF22" s="131">
        <v>400</v>
      </c>
      <c r="AG22" s="131">
        <v>296</v>
      </c>
      <c r="AH22" s="132">
        <v>3625</v>
      </c>
      <c r="AI22" s="134">
        <v>4507</v>
      </c>
    </row>
    <row r="23" spans="2:35" ht="21" customHeight="1" x14ac:dyDescent="0.2">
      <c r="B23" s="106" t="s">
        <v>22</v>
      </c>
      <c r="C23" s="130">
        <v>78</v>
      </c>
      <c r="D23" s="131">
        <v>183</v>
      </c>
      <c r="E23" s="132">
        <v>261</v>
      </c>
      <c r="F23" s="133">
        <v>0</v>
      </c>
      <c r="G23" s="131">
        <v>410</v>
      </c>
      <c r="H23" s="131">
        <v>390</v>
      </c>
      <c r="I23" s="131">
        <v>230</v>
      </c>
      <c r="J23" s="131">
        <v>158</v>
      </c>
      <c r="K23" s="131">
        <v>81</v>
      </c>
      <c r="L23" s="132">
        <v>1269</v>
      </c>
      <c r="M23" s="134">
        <v>1530</v>
      </c>
      <c r="N23" s="135">
        <v>2</v>
      </c>
      <c r="O23" s="131">
        <v>6</v>
      </c>
      <c r="P23" s="132">
        <v>8</v>
      </c>
      <c r="Q23" s="133">
        <v>0</v>
      </c>
      <c r="R23" s="131">
        <v>7</v>
      </c>
      <c r="S23" s="131">
        <v>8</v>
      </c>
      <c r="T23" s="131">
        <v>3</v>
      </c>
      <c r="U23" s="131">
        <v>1</v>
      </c>
      <c r="V23" s="131">
        <v>4</v>
      </c>
      <c r="W23" s="132">
        <v>23</v>
      </c>
      <c r="X23" s="134">
        <v>31</v>
      </c>
      <c r="Y23" s="130">
        <v>80</v>
      </c>
      <c r="Z23" s="131">
        <v>189</v>
      </c>
      <c r="AA23" s="132">
        <v>269</v>
      </c>
      <c r="AB23" s="133">
        <v>0</v>
      </c>
      <c r="AC23" s="131">
        <v>417</v>
      </c>
      <c r="AD23" s="131">
        <v>398</v>
      </c>
      <c r="AE23" s="131">
        <v>233</v>
      </c>
      <c r="AF23" s="131">
        <v>159</v>
      </c>
      <c r="AG23" s="131">
        <v>85</v>
      </c>
      <c r="AH23" s="132">
        <v>1292</v>
      </c>
      <c r="AI23" s="134">
        <v>1561</v>
      </c>
    </row>
    <row r="24" spans="2:35" ht="21" customHeight="1" x14ac:dyDescent="0.2">
      <c r="B24" s="106" t="s">
        <v>23</v>
      </c>
      <c r="C24" s="130">
        <v>168</v>
      </c>
      <c r="D24" s="131">
        <v>327</v>
      </c>
      <c r="E24" s="132">
        <v>495</v>
      </c>
      <c r="F24" s="133">
        <v>0</v>
      </c>
      <c r="G24" s="131">
        <v>653</v>
      </c>
      <c r="H24" s="131">
        <v>614</v>
      </c>
      <c r="I24" s="131">
        <v>327</v>
      </c>
      <c r="J24" s="131">
        <v>294</v>
      </c>
      <c r="K24" s="131">
        <v>157</v>
      </c>
      <c r="L24" s="132">
        <v>2045</v>
      </c>
      <c r="M24" s="134">
        <v>2540</v>
      </c>
      <c r="N24" s="135">
        <v>7</v>
      </c>
      <c r="O24" s="131">
        <v>14</v>
      </c>
      <c r="P24" s="132">
        <v>21</v>
      </c>
      <c r="Q24" s="133">
        <v>0</v>
      </c>
      <c r="R24" s="131">
        <v>10</v>
      </c>
      <c r="S24" s="131">
        <v>23</v>
      </c>
      <c r="T24" s="131">
        <v>10</v>
      </c>
      <c r="U24" s="131">
        <v>7</v>
      </c>
      <c r="V24" s="131">
        <v>3</v>
      </c>
      <c r="W24" s="132">
        <v>53</v>
      </c>
      <c r="X24" s="134">
        <v>74</v>
      </c>
      <c r="Y24" s="130">
        <v>175</v>
      </c>
      <c r="Z24" s="131">
        <v>341</v>
      </c>
      <c r="AA24" s="132">
        <v>516</v>
      </c>
      <c r="AB24" s="133">
        <v>0</v>
      </c>
      <c r="AC24" s="131">
        <v>663</v>
      </c>
      <c r="AD24" s="131">
        <v>637</v>
      </c>
      <c r="AE24" s="131">
        <v>337</v>
      </c>
      <c r="AF24" s="131">
        <v>301</v>
      </c>
      <c r="AG24" s="131">
        <v>160</v>
      </c>
      <c r="AH24" s="132">
        <v>2098</v>
      </c>
      <c r="AI24" s="134">
        <v>2614</v>
      </c>
    </row>
    <row r="25" spans="2:35" ht="21" customHeight="1" x14ac:dyDescent="0.2">
      <c r="B25" s="106" t="s">
        <v>24</v>
      </c>
      <c r="C25" s="130">
        <v>119</v>
      </c>
      <c r="D25" s="131">
        <v>135</v>
      </c>
      <c r="E25" s="132">
        <v>254</v>
      </c>
      <c r="F25" s="133">
        <v>0</v>
      </c>
      <c r="G25" s="131">
        <v>349</v>
      </c>
      <c r="H25" s="131">
        <v>252</v>
      </c>
      <c r="I25" s="131">
        <v>160</v>
      </c>
      <c r="J25" s="131">
        <v>144</v>
      </c>
      <c r="K25" s="131">
        <v>92</v>
      </c>
      <c r="L25" s="132">
        <v>997</v>
      </c>
      <c r="M25" s="134">
        <v>1251</v>
      </c>
      <c r="N25" s="135">
        <v>1</v>
      </c>
      <c r="O25" s="131">
        <v>0</v>
      </c>
      <c r="P25" s="132">
        <v>1</v>
      </c>
      <c r="Q25" s="133">
        <v>0</v>
      </c>
      <c r="R25" s="131">
        <v>5</v>
      </c>
      <c r="S25" s="131">
        <v>8</v>
      </c>
      <c r="T25" s="131">
        <v>5</v>
      </c>
      <c r="U25" s="131">
        <v>2</v>
      </c>
      <c r="V25" s="131">
        <v>3</v>
      </c>
      <c r="W25" s="132">
        <v>23</v>
      </c>
      <c r="X25" s="134">
        <v>24</v>
      </c>
      <c r="Y25" s="130">
        <v>120</v>
      </c>
      <c r="Z25" s="131">
        <v>135</v>
      </c>
      <c r="AA25" s="132">
        <v>255</v>
      </c>
      <c r="AB25" s="133">
        <v>0</v>
      </c>
      <c r="AC25" s="131">
        <v>354</v>
      </c>
      <c r="AD25" s="131">
        <v>260</v>
      </c>
      <c r="AE25" s="131">
        <v>165</v>
      </c>
      <c r="AF25" s="131">
        <v>146</v>
      </c>
      <c r="AG25" s="131">
        <v>95</v>
      </c>
      <c r="AH25" s="132">
        <v>1020</v>
      </c>
      <c r="AI25" s="134">
        <v>1275</v>
      </c>
    </row>
    <row r="26" spans="2:35" ht="21" customHeight="1" x14ac:dyDescent="0.2">
      <c r="B26" s="106" t="s">
        <v>25</v>
      </c>
      <c r="C26" s="130">
        <v>127</v>
      </c>
      <c r="D26" s="131">
        <v>211</v>
      </c>
      <c r="E26" s="132">
        <v>338</v>
      </c>
      <c r="F26" s="133">
        <v>0</v>
      </c>
      <c r="G26" s="131">
        <v>398</v>
      </c>
      <c r="H26" s="131">
        <v>342</v>
      </c>
      <c r="I26" s="131">
        <v>176</v>
      </c>
      <c r="J26" s="131">
        <v>122</v>
      </c>
      <c r="K26" s="131">
        <v>75</v>
      </c>
      <c r="L26" s="132">
        <v>1113</v>
      </c>
      <c r="M26" s="134">
        <v>1451</v>
      </c>
      <c r="N26" s="135">
        <v>0</v>
      </c>
      <c r="O26" s="131">
        <v>4</v>
      </c>
      <c r="P26" s="132">
        <v>4</v>
      </c>
      <c r="Q26" s="133">
        <v>0</v>
      </c>
      <c r="R26" s="131">
        <v>3</v>
      </c>
      <c r="S26" s="131">
        <v>12</v>
      </c>
      <c r="T26" s="131">
        <v>2</v>
      </c>
      <c r="U26" s="131">
        <v>5</v>
      </c>
      <c r="V26" s="131">
        <v>2</v>
      </c>
      <c r="W26" s="132">
        <v>24</v>
      </c>
      <c r="X26" s="134">
        <v>28</v>
      </c>
      <c r="Y26" s="130">
        <v>127</v>
      </c>
      <c r="Z26" s="131">
        <v>215</v>
      </c>
      <c r="AA26" s="132">
        <v>342</v>
      </c>
      <c r="AB26" s="133">
        <v>0</v>
      </c>
      <c r="AC26" s="131">
        <v>401</v>
      </c>
      <c r="AD26" s="131">
        <v>354</v>
      </c>
      <c r="AE26" s="131">
        <v>178</v>
      </c>
      <c r="AF26" s="131">
        <v>127</v>
      </c>
      <c r="AG26" s="131">
        <v>77</v>
      </c>
      <c r="AH26" s="132">
        <v>1137</v>
      </c>
      <c r="AI26" s="134">
        <v>1479</v>
      </c>
    </row>
    <row r="27" spans="2:35" ht="21" customHeight="1" x14ac:dyDescent="0.2">
      <c r="B27" s="106" t="s">
        <v>26</v>
      </c>
      <c r="C27" s="130">
        <v>95</v>
      </c>
      <c r="D27" s="131">
        <v>137</v>
      </c>
      <c r="E27" s="132">
        <v>232</v>
      </c>
      <c r="F27" s="133">
        <v>0</v>
      </c>
      <c r="G27" s="131">
        <v>288</v>
      </c>
      <c r="H27" s="131">
        <v>351</v>
      </c>
      <c r="I27" s="131">
        <v>189</v>
      </c>
      <c r="J27" s="131">
        <v>124</v>
      </c>
      <c r="K27" s="131">
        <v>97</v>
      </c>
      <c r="L27" s="132">
        <v>1049</v>
      </c>
      <c r="M27" s="134">
        <v>1281</v>
      </c>
      <c r="N27" s="135">
        <v>1</v>
      </c>
      <c r="O27" s="131">
        <v>3</v>
      </c>
      <c r="P27" s="132">
        <v>4</v>
      </c>
      <c r="Q27" s="133">
        <v>0</v>
      </c>
      <c r="R27" s="131">
        <v>6</v>
      </c>
      <c r="S27" s="131">
        <v>7</v>
      </c>
      <c r="T27" s="131">
        <v>4</v>
      </c>
      <c r="U27" s="131">
        <v>1</v>
      </c>
      <c r="V27" s="131">
        <v>3</v>
      </c>
      <c r="W27" s="132">
        <v>21</v>
      </c>
      <c r="X27" s="134">
        <v>25</v>
      </c>
      <c r="Y27" s="130">
        <v>96</v>
      </c>
      <c r="Z27" s="131">
        <v>140</v>
      </c>
      <c r="AA27" s="132">
        <v>236</v>
      </c>
      <c r="AB27" s="133">
        <v>0</v>
      </c>
      <c r="AC27" s="131">
        <v>294</v>
      </c>
      <c r="AD27" s="131">
        <v>358</v>
      </c>
      <c r="AE27" s="131">
        <v>193</v>
      </c>
      <c r="AF27" s="131">
        <v>125</v>
      </c>
      <c r="AG27" s="131">
        <v>100</v>
      </c>
      <c r="AH27" s="132">
        <v>1070</v>
      </c>
      <c r="AI27" s="134">
        <v>1306</v>
      </c>
    </row>
    <row r="28" spans="2:35" ht="21" customHeight="1" x14ac:dyDescent="0.2">
      <c r="B28" s="106" t="s">
        <v>27</v>
      </c>
      <c r="C28" s="130">
        <v>159</v>
      </c>
      <c r="D28" s="131">
        <v>208</v>
      </c>
      <c r="E28" s="132">
        <v>367</v>
      </c>
      <c r="F28" s="133">
        <v>0</v>
      </c>
      <c r="G28" s="131">
        <v>292</v>
      </c>
      <c r="H28" s="131">
        <v>185</v>
      </c>
      <c r="I28" s="131">
        <v>132</v>
      </c>
      <c r="J28" s="131">
        <v>120</v>
      </c>
      <c r="K28" s="131">
        <v>67</v>
      </c>
      <c r="L28" s="132">
        <v>796</v>
      </c>
      <c r="M28" s="134">
        <v>1163</v>
      </c>
      <c r="N28" s="135">
        <v>7</v>
      </c>
      <c r="O28" s="131">
        <v>3</v>
      </c>
      <c r="P28" s="132">
        <v>10</v>
      </c>
      <c r="Q28" s="133">
        <v>0</v>
      </c>
      <c r="R28" s="131">
        <v>3</v>
      </c>
      <c r="S28" s="131">
        <v>7</v>
      </c>
      <c r="T28" s="131">
        <v>3</v>
      </c>
      <c r="U28" s="131">
        <v>2</v>
      </c>
      <c r="V28" s="131">
        <v>2</v>
      </c>
      <c r="W28" s="132">
        <v>17</v>
      </c>
      <c r="X28" s="134">
        <v>27</v>
      </c>
      <c r="Y28" s="130">
        <v>166</v>
      </c>
      <c r="Z28" s="131">
        <v>211</v>
      </c>
      <c r="AA28" s="132">
        <v>377</v>
      </c>
      <c r="AB28" s="133">
        <v>0</v>
      </c>
      <c r="AC28" s="131">
        <v>295</v>
      </c>
      <c r="AD28" s="131">
        <v>192</v>
      </c>
      <c r="AE28" s="131">
        <v>135</v>
      </c>
      <c r="AF28" s="131">
        <v>122</v>
      </c>
      <c r="AG28" s="131">
        <v>69</v>
      </c>
      <c r="AH28" s="132">
        <v>813</v>
      </c>
      <c r="AI28" s="134">
        <v>1190</v>
      </c>
    </row>
    <row r="29" spans="2:35" ht="21" customHeight="1" x14ac:dyDescent="0.2">
      <c r="B29" s="106" t="s">
        <v>28</v>
      </c>
      <c r="C29" s="130">
        <v>9</v>
      </c>
      <c r="D29" s="131">
        <v>31</v>
      </c>
      <c r="E29" s="132">
        <v>40</v>
      </c>
      <c r="F29" s="133">
        <v>0</v>
      </c>
      <c r="G29" s="131">
        <v>99</v>
      </c>
      <c r="H29" s="131">
        <v>102</v>
      </c>
      <c r="I29" s="131">
        <v>51</v>
      </c>
      <c r="J29" s="131">
        <v>32</v>
      </c>
      <c r="K29" s="131">
        <v>21</v>
      </c>
      <c r="L29" s="132">
        <v>305</v>
      </c>
      <c r="M29" s="134">
        <v>345</v>
      </c>
      <c r="N29" s="135">
        <v>0</v>
      </c>
      <c r="O29" s="131">
        <v>0</v>
      </c>
      <c r="P29" s="132">
        <v>0</v>
      </c>
      <c r="Q29" s="133">
        <v>0</v>
      </c>
      <c r="R29" s="131">
        <v>1</v>
      </c>
      <c r="S29" s="131">
        <v>1</v>
      </c>
      <c r="T29" s="131">
        <v>2</v>
      </c>
      <c r="U29" s="131">
        <v>0</v>
      </c>
      <c r="V29" s="131">
        <v>2</v>
      </c>
      <c r="W29" s="132">
        <v>6</v>
      </c>
      <c r="X29" s="134">
        <v>6</v>
      </c>
      <c r="Y29" s="130">
        <v>9</v>
      </c>
      <c r="Z29" s="131">
        <v>31</v>
      </c>
      <c r="AA29" s="132">
        <v>40</v>
      </c>
      <c r="AB29" s="133">
        <v>0</v>
      </c>
      <c r="AC29" s="131">
        <v>100</v>
      </c>
      <c r="AD29" s="131">
        <v>103</v>
      </c>
      <c r="AE29" s="131">
        <v>53</v>
      </c>
      <c r="AF29" s="131">
        <v>32</v>
      </c>
      <c r="AG29" s="131">
        <v>23</v>
      </c>
      <c r="AH29" s="132">
        <v>311</v>
      </c>
      <c r="AI29" s="134">
        <v>351</v>
      </c>
    </row>
    <row r="30" spans="2:35" ht="21" customHeight="1" x14ac:dyDescent="0.2">
      <c r="B30" s="106" t="s">
        <v>29</v>
      </c>
      <c r="C30" s="130">
        <v>36</v>
      </c>
      <c r="D30" s="131">
        <v>47</v>
      </c>
      <c r="E30" s="132">
        <v>83</v>
      </c>
      <c r="F30" s="133">
        <v>0</v>
      </c>
      <c r="G30" s="131">
        <v>105</v>
      </c>
      <c r="H30" s="131">
        <v>117</v>
      </c>
      <c r="I30" s="131">
        <v>84</v>
      </c>
      <c r="J30" s="131">
        <v>58</v>
      </c>
      <c r="K30" s="131">
        <v>28</v>
      </c>
      <c r="L30" s="132">
        <v>392</v>
      </c>
      <c r="M30" s="134">
        <v>475</v>
      </c>
      <c r="N30" s="135">
        <v>0</v>
      </c>
      <c r="O30" s="131">
        <v>1</v>
      </c>
      <c r="P30" s="132">
        <v>1</v>
      </c>
      <c r="Q30" s="133">
        <v>0</v>
      </c>
      <c r="R30" s="131">
        <v>2</v>
      </c>
      <c r="S30" s="131">
        <v>2</v>
      </c>
      <c r="T30" s="131">
        <v>3</v>
      </c>
      <c r="U30" s="131">
        <v>1</v>
      </c>
      <c r="V30" s="131">
        <v>1</v>
      </c>
      <c r="W30" s="132">
        <v>9</v>
      </c>
      <c r="X30" s="134">
        <v>10</v>
      </c>
      <c r="Y30" s="130">
        <v>36</v>
      </c>
      <c r="Z30" s="131">
        <v>48</v>
      </c>
      <c r="AA30" s="132">
        <v>84</v>
      </c>
      <c r="AB30" s="133">
        <v>0</v>
      </c>
      <c r="AC30" s="131">
        <v>107</v>
      </c>
      <c r="AD30" s="131">
        <v>119</v>
      </c>
      <c r="AE30" s="131">
        <v>87</v>
      </c>
      <c r="AF30" s="131">
        <v>59</v>
      </c>
      <c r="AG30" s="131">
        <v>29</v>
      </c>
      <c r="AH30" s="132">
        <v>401</v>
      </c>
      <c r="AI30" s="134">
        <v>485</v>
      </c>
    </row>
    <row r="31" spans="2:35" ht="21" customHeight="1" x14ac:dyDescent="0.2">
      <c r="B31" s="106" t="s">
        <v>30</v>
      </c>
      <c r="C31" s="130">
        <v>39</v>
      </c>
      <c r="D31" s="131">
        <v>38</v>
      </c>
      <c r="E31" s="132">
        <v>77</v>
      </c>
      <c r="F31" s="133">
        <v>0</v>
      </c>
      <c r="G31" s="131">
        <v>116</v>
      </c>
      <c r="H31" s="131">
        <v>80</v>
      </c>
      <c r="I31" s="131">
        <v>63</v>
      </c>
      <c r="J31" s="131">
        <v>34</v>
      </c>
      <c r="K31" s="131">
        <v>15</v>
      </c>
      <c r="L31" s="132">
        <v>308</v>
      </c>
      <c r="M31" s="134">
        <v>385</v>
      </c>
      <c r="N31" s="135">
        <v>0</v>
      </c>
      <c r="O31" s="131">
        <v>0</v>
      </c>
      <c r="P31" s="132">
        <v>0</v>
      </c>
      <c r="Q31" s="133">
        <v>0</v>
      </c>
      <c r="R31" s="131">
        <v>1</v>
      </c>
      <c r="S31" s="131">
        <v>3</v>
      </c>
      <c r="T31" s="131">
        <v>3</v>
      </c>
      <c r="U31" s="131">
        <v>0</v>
      </c>
      <c r="V31" s="131">
        <v>1</v>
      </c>
      <c r="W31" s="132">
        <v>8</v>
      </c>
      <c r="X31" s="134">
        <v>8</v>
      </c>
      <c r="Y31" s="130">
        <v>39</v>
      </c>
      <c r="Z31" s="131">
        <v>38</v>
      </c>
      <c r="AA31" s="132">
        <v>77</v>
      </c>
      <c r="AB31" s="133">
        <v>0</v>
      </c>
      <c r="AC31" s="131">
        <v>117</v>
      </c>
      <c r="AD31" s="131">
        <v>83</v>
      </c>
      <c r="AE31" s="131">
        <v>66</v>
      </c>
      <c r="AF31" s="131">
        <v>34</v>
      </c>
      <c r="AG31" s="131">
        <v>16</v>
      </c>
      <c r="AH31" s="132">
        <v>316</v>
      </c>
      <c r="AI31" s="134">
        <v>393</v>
      </c>
    </row>
    <row r="32" spans="2:35" ht="21" customHeight="1" x14ac:dyDescent="0.2">
      <c r="B32" s="106" t="s">
        <v>31</v>
      </c>
      <c r="C32" s="130">
        <v>32</v>
      </c>
      <c r="D32" s="131">
        <v>70</v>
      </c>
      <c r="E32" s="132">
        <v>102</v>
      </c>
      <c r="F32" s="133">
        <v>0</v>
      </c>
      <c r="G32" s="131">
        <v>105</v>
      </c>
      <c r="H32" s="131">
        <v>110</v>
      </c>
      <c r="I32" s="131">
        <v>66</v>
      </c>
      <c r="J32" s="131">
        <v>43</v>
      </c>
      <c r="K32" s="131">
        <v>15</v>
      </c>
      <c r="L32" s="132">
        <v>339</v>
      </c>
      <c r="M32" s="134">
        <v>441</v>
      </c>
      <c r="N32" s="135">
        <v>0</v>
      </c>
      <c r="O32" s="131">
        <v>3</v>
      </c>
      <c r="P32" s="132">
        <v>3</v>
      </c>
      <c r="Q32" s="133">
        <v>0</v>
      </c>
      <c r="R32" s="131">
        <v>2</v>
      </c>
      <c r="S32" s="131">
        <v>0</v>
      </c>
      <c r="T32" s="131">
        <v>0</v>
      </c>
      <c r="U32" s="131">
        <v>2</v>
      </c>
      <c r="V32" s="131">
        <v>2</v>
      </c>
      <c r="W32" s="132">
        <v>6</v>
      </c>
      <c r="X32" s="134">
        <v>9</v>
      </c>
      <c r="Y32" s="130">
        <v>32</v>
      </c>
      <c r="Z32" s="131">
        <v>73</v>
      </c>
      <c r="AA32" s="132">
        <v>105</v>
      </c>
      <c r="AB32" s="133">
        <v>0</v>
      </c>
      <c r="AC32" s="131">
        <v>107</v>
      </c>
      <c r="AD32" s="131">
        <v>110</v>
      </c>
      <c r="AE32" s="131">
        <v>66</v>
      </c>
      <c r="AF32" s="131">
        <v>45</v>
      </c>
      <c r="AG32" s="131">
        <v>17</v>
      </c>
      <c r="AH32" s="132">
        <v>345</v>
      </c>
      <c r="AI32" s="134">
        <v>450</v>
      </c>
    </row>
    <row r="33" spans="2:35" ht="21" customHeight="1" x14ac:dyDescent="0.2">
      <c r="B33" s="106" t="s">
        <v>32</v>
      </c>
      <c r="C33" s="130">
        <v>43</v>
      </c>
      <c r="D33" s="131">
        <v>68</v>
      </c>
      <c r="E33" s="132">
        <v>111</v>
      </c>
      <c r="F33" s="133">
        <v>0</v>
      </c>
      <c r="G33" s="131">
        <v>166</v>
      </c>
      <c r="H33" s="131">
        <v>123</v>
      </c>
      <c r="I33" s="131">
        <v>59</v>
      </c>
      <c r="J33" s="131">
        <v>57</v>
      </c>
      <c r="K33" s="131">
        <v>34</v>
      </c>
      <c r="L33" s="132">
        <v>439</v>
      </c>
      <c r="M33" s="134">
        <v>550</v>
      </c>
      <c r="N33" s="135">
        <v>0</v>
      </c>
      <c r="O33" s="131">
        <v>2</v>
      </c>
      <c r="P33" s="132">
        <v>2</v>
      </c>
      <c r="Q33" s="133">
        <v>0</v>
      </c>
      <c r="R33" s="131">
        <v>5</v>
      </c>
      <c r="S33" s="131">
        <v>4</v>
      </c>
      <c r="T33" s="131">
        <v>2</v>
      </c>
      <c r="U33" s="131">
        <v>0</v>
      </c>
      <c r="V33" s="131">
        <v>2</v>
      </c>
      <c r="W33" s="132">
        <v>13</v>
      </c>
      <c r="X33" s="134">
        <v>15</v>
      </c>
      <c r="Y33" s="130">
        <v>43</v>
      </c>
      <c r="Z33" s="131">
        <v>70</v>
      </c>
      <c r="AA33" s="132">
        <v>113</v>
      </c>
      <c r="AB33" s="133">
        <v>0</v>
      </c>
      <c r="AC33" s="131">
        <v>171</v>
      </c>
      <c r="AD33" s="131">
        <v>127</v>
      </c>
      <c r="AE33" s="131">
        <v>61</v>
      </c>
      <c r="AF33" s="131">
        <v>57</v>
      </c>
      <c r="AG33" s="131">
        <v>36</v>
      </c>
      <c r="AH33" s="132">
        <v>452</v>
      </c>
      <c r="AI33" s="134">
        <v>565</v>
      </c>
    </row>
    <row r="34" spans="2:35" ht="21" customHeight="1" x14ac:dyDescent="0.2">
      <c r="B34" s="106" t="s">
        <v>33</v>
      </c>
      <c r="C34" s="130">
        <v>36</v>
      </c>
      <c r="D34" s="131">
        <v>50</v>
      </c>
      <c r="E34" s="132">
        <v>86</v>
      </c>
      <c r="F34" s="133">
        <v>0</v>
      </c>
      <c r="G34" s="131">
        <v>162</v>
      </c>
      <c r="H34" s="131">
        <v>83</v>
      </c>
      <c r="I34" s="131">
        <v>65</v>
      </c>
      <c r="J34" s="131">
        <v>27</v>
      </c>
      <c r="K34" s="131">
        <v>19</v>
      </c>
      <c r="L34" s="132">
        <v>356</v>
      </c>
      <c r="M34" s="134">
        <v>442</v>
      </c>
      <c r="N34" s="135">
        <v>0</v>
      </c>
      <c r="O34" s="131">
        <v>0</v>
      </c>
      <c r="P34" s="132">
        <v>0</v>
      </c>
      <c r="Q34" s="133">
        <v>0</v>
      </c>
      <c r="R34" s="131">
        <v>1</v>
      </c>
      <c r="S34" s="131">
        <v>1</v>
      </c>
      <c r="T34" s="131">
        <v>0</v>
      </c>
      <c r="U34" s="131">
        <v>1</v>
      </c>
      <c r="V34" s="131">
        <v>1</v>
      </c>
      <c r="W34" s="132">
        <v>4</v>
      </c>
      <c r="X34" s="134">
        <v>4</v>
      </c>
      <c r="Y34" s="130">
        <v>36</v>
      </c>
      <c r="Z34" s="131">
        <v>50</v>
      </c>
      <c r="AA34" s="132">
        <v>86</v>
      </c>
      <c r="AB34" s="133">
        <v>0</v>
      </c>
      <c r="AC34" s="131">
        <v>163</v>
      </c>
      <c r="AD34" s="131">
        <v>84</v>
      </c>
      <c r="AE34" s="131">
        <v>65</v>
      </c>
      <c r="AF34" s="131">
        <v>28</v>
      </c>
      <c r="AG34" s="131">
        <v>20</v>
      </c>
      <c r="AH34" s="132">
        <v>360</v>
      </c>
      <c r="AI34" s="134">
        <v>446</v>
      </c>
    </row>
    <row r="35" spans="2:35" ht="21" customHeight="1" x14ac:dyDescent="0.2">
      <c r="B35" s="106" t="s">
        <v>34</v>
      </c>
      <c r="C35" s="130">
        <v>24</v>
      </c>
      <c r="D35" s="131">
        <v>31</v>
      </c>
      <c r="E35" s="132">
        <v>55</v>
      </c>
      <c r="F35" s="133">
        <v>0</v>
      </c>
      <c r="G35" s="131">
        <v>106</v>
      </c>
      <c r="H35" s="131">
        <v>64</v>
      </c>
      <c r="I35" s="131">
        <v>39</v>
      </c>
      <c r="J35" s="131">
        <v>36</v>
      </c>
      <c r="K35" s="131">
        <v>19</v>
      </c>
      <c r="L35" s="132">
        <v>264</v>
      </c>
      <c r="M35" s="134">
        <v>319</v>
      </c>
      <c r="N35" s="135">
        <v>0</v>
      </c>
      <c r="O35" s="131">
        <v>0</v>
      </c>
      <c r="P35" s="132">
        <v>0</v>
      </c>
      <c r="Q35" s="133">
        <v>0</v>
      </c>
      <c r="R35" s="131">
        <v>2</v>
      </c>
      <c r="S35" s="131">
        <v>1</v>
      </c>
      <c r="T35" s="131">
        <v>1</v>
      </c>
      <c r="U35" s="131">
        <v>1</v>
      </c>
      <c r="V35" s="131">
        <v>2</v>
      </c>
      <c r="W35" s="132">
        <v>7</v>
      </c>
      <c r="X35" s="134">
        <v>7</v>
      </c>
      <c r="Y35" s="130">
        <v>24</v>
      </c>
      <c r="Z35" s="131">
        <v>31</v>
      </c>
      <c r="AA35" s="132">
        <v>55</v>
      </c>
      <c r="AB35" s="133">
        <v>0</v>
      </c>
      <c r="AC35" s="131">
        <v>108</v>
      </c>
      <c r="AD35" s="131">
        <v>65</v>
      </c>
      <c r="AE35" s="131">
        <v>40</v>
      </c>
      <c r="AF35" s="131">
        <v>37</v>
      </c>
      <c r="AG35" s="131">
        <v>21</v>
      </c>
      <c r="AH35" s="132">
        <v>271</v>
      </c>
      <c r="AI35" s="134">
        <v>326</v>
      </c>
    </row>
    <row r="36" spans="2:35" ht="21" customHeight="1" x14ac:dyDescent="0.2">
      <c r="B36" s="106" t="s">
        <v>35</v>
      </c>
      <c r="C36" s="130">
        <v>93</v>
      </c>
      <c r="D36" s="131">
        <v>156</v>
      </c>
      <c r="E36" s="132">
        <v>249</v>
      </c>
      <c r="F36" s="133">
        <v>0</v>
      </c>
      <c r="G36" s="131">
        <v>379</v>
      </c>
      <c r="H36" s="131">
        <v>211</v>
      </c>
      <c r="I36" s="131">
        <v>134</v>
      </c>
      <c r="J36" s="131">
        <v>127</v>
      </c>
      <c r="K36" s="131">
        <v>61</v>
      </c>
      <c r="L36" s="132">
        <v>912</v>
      </c>
      <c r="M36" s="134">
        <v>1161</v>
      </c>
      <c r="N36" s="135">
        <v>0</v>
      </c>
      <c r="O36" s="131">
        <v>1</v>
      </c>
      <c r="P36" s="132">
        <v>1</v>
      </c>
      <c r="Q36" s="133">
        <v>0</v>
      </c>
      <c r="R36" s="131">
        <v>5</v>
      </c>
      <c r="S36" s="131">
        <v>4</v>
      </c>
      <c r="T36" s="131">
        <v>1</v>
      </c>
      <c r="U36" s="131">
        <v>4</v>
      </c>
      <c r="V36" s="131">
        <v>1</v>
      </c>
      <c r="W36" s="132">
        <v>15</v>
      </c>
      <c r="X36" s="134">
        <v>16</v>
      </c>
      <c r="Y36" s="130">
        <v>93</v>
      </c>
      <c r="Z36" s="131">
        <v>157</v>
      </c>
      <c r="AA36" s="132">
        <v>250</v>
      </c>
      <c r="AB36" s="133">
        <v>0</v>
      </c>
      <c r="AC36" s="131">
        <v>384</v>
      </c>
      <c r="AD36" s="131">
        <v>215</v>
      </c>
      <c r="AE36" s="131">
        <v>135</v>
      </c>
      <c r="AF36" s="131">
        <v>131</v>
      </c>
      <c r="AG36" s="131">
        <v>62</v>
      </c>
      <c r="AH36" s="132">
        <v>927</v>
      </c>
      <c r="AI36" s="134">
        <v>1177</v>
      </c>
    </row>
    <row r="37" spans="2:35" ht="21" customHeight="1" x14ac:dyDescent="0.2">
      <c r="B37" s="106" t="s">
        <v>36</v>
      </c>
      <c r="C37" s="130">
        <v>55</v>
      </c>
      <c r="D37" s="131">
        <v>147</v>
      </c>
      <c r="E37" s="132">
        <v>202</v>
      </c>
      <c r="F37" s="133">
        <v>0</v>
      </c>
      <c r="G37" s="131">
        <v>302</v>
      </c>
      <c r="H37" s="131">
        <v>288</v>
      </c>
      <c r="I37" s="131">
        <v>188</v>
      </c>
      <c r="J37" s="131">
        <v>104</v>
      </c>
      <c r="K37" s="131">
        <v>84</v>
      </c>
      <c r="L37" s="132">
        <v>966</v>
      </c>
      <c r="M37" s="134">
        <v>1168</v>
      </c>
      <c r="N37" s="135">
        <v>1</v>
      </c>
      <c r="O37" s="131">
        <v>3</v>
      </c>
      <c r="P37" s="132">
        <v>4</v>
      </c>
      <c r="Q37" s="133">
        <v>0</v>
      </c>
      <c r="R37" s="131">
        <v>8</v>
      </c>
      <c r="S37" s="131">
        <v>5</v>
      </c>
      <c r="T37" s="131">
        <v>7</v>
      </c>
      <c r="U37" s="131">
        <v>7</v>
      </c>
      <c r="V37" s="131">
        <v>3</v>
      </c>
      <c r="W37" s="132">
        <v>30</v>
      </c>
      <c r="X37" s="134">
        <v>34</v>
      </c>
      <c r="Y37" s="130">
        <v>56</v>
      </c>
      <c r="Z37" s="131">
        <v>150</v>
      </c>
      <c r="AA37" s="132">
        <v>206</v>
      </c>
      <c r="AB37" s="133">
        <v>0</v>
      </c>
      <c r="AC37" s="131">
        <v>310</v>
      </c>
      <c r="AD37" s="131">
        <v>293</v>
      </c>
      <c r="AE37" s="131">
        <v>195</v>
      </c>
      <c r="AF37" s="131">
        <v>111</v>
      </c>
      <c r="AG37" s="131">
        <v>87</v>
      </c>
      <c r="AH37" s="132">
        <v>996</v>
      </c>
      <c r="AI37" s="134">
        <v>1202</v>
      </c>
    </row>
    <row r="38" spans="2:35" ht="21" customHeight="1" thickBot="1" x14ac:dyDescent="0.25">
      <c r="B38" s="108" t="s">
        <v>37</v>
      </c>
      <c r="C38" s="136">
        <v>11</v>
      </c>
      <c r="D38" s="137">
        <v>6</v>
      </c>
      <c r="E38" s="138">
        <v>17</v>
      </c>
      <c r="F38" s="139">
        <v>0</v>
      </c>
      <c r="G38" s="137">
        <v>26</v>
      </c>
      <c r="H38" s="137">
        <v>29</v>
      </c>
      <c r="I38" s="137">
        <v>16</v>
      </c>
      <c r="J38" s="137">
        <v>13</v>
      </c>
      <c r="K38" s="137">
        <v>6</v>
      </c>
      <c r="L38" s="138">
        <v>90</v>
      </c>
      <c r="M38" s="140">
        <v>107</v>
      </c>
      <c r="N38" s="141">
        <v>0</v>
      </c>
      <c r="O38" s="137">
        <v>0</v>
      </c>
      <c r="P38" s="138">
        <v>0</v>
      </c>
      <c r="Q38" s="139">
        <v>0</v>
      </c>
      <c r="R38" s="137">
        <v>0</v>
      </c>
      <c r="S38" s="137">
        <v>3</v>
      </c>
      <c r="T38" s="137">
        <v>0</v>
      </c>
      <c r="U38" s="137">
        <v>2</v>
      </c>
      <c r="V38" s="137">
        <v>0</v>
      </c>
      <c r="W38" s="138">
        <v>5</v>
      </c>
      <c r="X38" s="140">
        <v>5</v>
      </c>
      <c r="Y38" s="136">
        <v>11</v>
      </c>
      <c r="Z38" s="137">
        <v>6</v>
      </c>
      <c r="AA38" s="138">
        <v>17</v>
      </c>
      <c r="AB38" s="139">
        <v>0</v>
      </c>
      <c r="AC38" s="137">
        <v>26</v>
      </c>
      <c r="AD38" s="137">
        <v>32</v>
      </c>
      <c r="AE38" s="137">
        <v>16</v>
      </c>
      <c r="AF38" s="137">
        <v>15</v>
      </c>
      <c r="AG38" s="137">
        <v>6</v>
      </c>
      <c r="AH38" s="138">
        <v>95</v>
      </c>
      <c r="AI38" s="140">
        <v>112</v>
      </c>
    </row>
    <row r="39" spans="2:35" x14ac:dyDescent="0.2">
      <c r="AA39" s="11"/>
      <c r="AB39" s="11"/>
      <c r="AC39" s="11"/>
      <c r="AD39" s="11"/>
      <c r="AE39" s="11"/>
      <c r="AF39" s="11"/>
      <c r="AG39" s="11"/>
      <c r="AH39" s="11"/>
      <c r="AI39" s="11"/>
    </row>
  </sheetData>
  <mergeCells count="5">
    <mergeCell ref="C3:M3"/>
    <mergeCell ref="N3:X3"/>
    <mergeCell ref="Y3:AI3"/>
    <mergeCell ref="G1:H1"/>
    <mergeCell ref="J1:K1"/>
  </mergeCells>
  <phoneticPr fontId="4"/>
  <pageMargins left="0.43307086614173229" right="0.27559055118110237" top="0.35433070866141736" bottom="0.39370078740157483" header="0.19685039370078741" footer="0.19685039370078741"/>
  <pageSetup paperSize="9" scale="48" orientation="landscape" r:id="rId1"/>
  <headerFooter alignWithMargins="0">
    <oddFooter>&amp;L&amp;20&amp;A&amp;C&amp;P/&amp;N</oddFooter>
  </headerFooter>
  <colBreaks count="1" manualBreakCount="1">
    <brk id="24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B1:EZ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143" customWidth="1"/>
    <col min="2" max="2" width="9.77734375" style="143" customWidth="1"/>
    <col min="3" max="4" width="9" style="143"/>
    <col min="5" max="5" width="10.33203125" style="143" customWidth="1"/>
    <col min="6" max="6" width="7.6640625" style="143" customWidth="1"/>
    <col min="7" max="7" width="10.21875" style="143" customWidth="1"/>
    <col min="8" max="8" width="10.44140625" style="143" customWidth="1"/>
    <col min="9" max="16" width="9" style="143"/>
    <col min="17" max="17" width="7.21875" style="143" customWidth="1"/>
    <col min="18" max="27" width="9" style="143"/>
    <col min="28" max="28" width="7.6640625" style="143" customWidth="1"/>
    <col min="29" max="38" width="9" style="143"/>
    <col min="39" max="39" width="7.6640625" style="143" customWidth="1"/>
    <col min="40" max="49" width="9" style="143"/>
    <col min="50" max="50" width="7.21875" style="143" customWidth="1"/>
    <col min="51" max="60" width="9" style="143"/>
    <col min="61" max="61" width="7.21875" style="143" customWidth="1"/>
    <col min="62" max="71" width="9" style="143"/>
    <col min="72" max="72" width="7.33203125" style="143" customWidth="1"/>
    <col min="73" max="82" width="9" style="143"/>
    <col min="83" max="83" width="7.44140625" style="143" customWidth="1"/>
    <col min="84" max="93" width="9" style="143"/>
    <col min="94" max="94" width="7.6640625" style="143" customWidth="1"/>
    <col min="95" max="104" width="9" style="143"/>
    <col min="105" max="105" width="7.44140625" style="143" customWidth="1"/>
    <col min="106" max="115" width="9" style="143"/>
    <col min="116" max="116" width="7.44140625" style="143" customWidth="1"/>
    <col min="117" max="126" width="9" style="143"/>
    <col min="127" max="127" width="7.44140625" style="143" customWidth="1"/>
    <col min="128" max="137" width="9" style="143"/>
    <col min="138" max="138" width="7.33203125" style="143" customWidth="1"/>
    <col min="139" max="148" width="9" style="143"/>
    <col min="149" max="149" width="7.77734375" style="143" customWidth="1"/>
    <col min="150" max="16384" width="9" style="143"/>
  </cols>
  <sheetData>
    <row r="1" spans="2:156" ht="24" customHeight="1" x14ac:dyDescent="0.2">
      <c r="B1" s="142" t="s">
        <v>120</v>
      </c>
      <c r="I1" s="442">
        <f>第１表!F2</f>
        <v>7</v>
      </c>
      <c r="J1" s="442"/>
      <c r="K1" s="18">
        <f>第１表!G2</f>
        <v>3</v>
      </c>
      <c r="L1" s="461">
        <f>IF(K1&lt;3,K1+12-2,K1-2)</f>
        <v>1</v>
      </c>
      <c r="M1" s="461"/>
    </row>
    <row r="2" spans="2:156" ht="24" customHeight="1" thickBot="1" x14ac:dyDescent="0.25">
      <c r="B2" s="142" t="s">
        <v>134</v>
      </c>
      <c r="G2" s="17"/>
      <c r="H2" s="18"/>
      <c r="J2" s="68"/>
      <c r="K2" s="68"/>
    </row>
    <row r="3" spans="2:156" ht="21" customHeight="1" thickBot="1" x14ac:dyDescent="0.25">
      <c r="B3" s="455"/>
      <c r="C3" s="458" t="s">
        <v>70</v>
      </c>
      <c r="D3" s="459"/>
      <c r="E3" s="459"/>
      <c r="F3" s="459"/>
      <c r="G3" s="459"/>
      <c r="H3" s="459"/>
      <c r="I3" s="459"/>
      <c r="J3" s="459"/>
      <c r="K3" s="459"/>
      <c r="L3" s="459"/>
      <c r="M3" s="460"/>
      <c r="N3" s="458" t="s">
        <v>71</v>
      </c>
      <c r="O3" s="459"/>
      <c r="P3" s="459"/>
      <c r="Q3" s="459"/>
      <c r="R3" s="459"/>
      <c r="S3" s="459"/>
      <c r="T3" s="459"/>
      <c r="U3" s="459"/>
      <c r="V3" s="459"/>
      <c r="W3" s="459"/>
      <c r="X3" s="460"/>
      <c r="Y3" s="458" t="s">
        <v>72</v>
      </c>
      <c r="Z3" s="459"/>
      <c r="AA3" s="459"/>
      <c r="AB3" s="459"/>
      <c r="AC3" s="459"/>
      <c r="AD3" s="459"/>
      <c r="AE3" s="459"/>
      <c r="AF3" s="459"/>
      <c r="AG3" s="459"/>
      <c r="AH3" s="459"/>
      <c r="AI3" s="460"/>
      <c r="AJ3" s="458" t="s">
        <v>73</v>
      </c>
      <c r="AK3" s="459"/>
      <c r="AL3" s="459"/>
      <c r="AM3" s="459"/>
      <c r="AN3" s="459"/>
      <c r="AO3" s="459"/>
      <c r="AP3" s="459"/>
      <c r="AQ3" s="459"/>
      <c r="AR3" s="459"/>
      <c r="AS3" s="459"/>
      <c r="AT3" s="460"/>
      <c r="AU3" s="458" t="s">
        <v>74</v>
      </c>
      <c r="AV3" s="459"/>
      <c r="AW3" s="459"/>
      <c r="AX3" s="459"/>
      <c r="AY3" s="459"/>
      <c r="AZ3" s="459"/>
      <c r="BA3" s="459"/>
      <c r="BB3" s="459"/>
      <c r="BC3" s="459"/>
      <c r="BD3" s="459"/>
      <c r="BE3" s="460"/>
      <c r="BF3" s="458" t="s">
        <v>75</v>
      </c>
      <c r="BG3" s="459"/>
      <c r="BH3" s="459"/>
      <c r="BI3" s="459"/>
      <c r="BJ3" s="459"/>
      <c r="BK3" s="459"/>
      <c r="BL3" s="459"/>
      <c r="BM3" s="459"/>
      <c r="BN3" s="459"/>
      <c r="BO3" s="459"/>
      <c r="BP3" s="460"/>
      <c r="BQ3" s="458" t="s">
        <v>76</v>
      </c>
      <c r="BR3" s="459"/>
      <c r="BS3" s="459"/>
      <c r="BT3" s="459"/>
      <c r="BU3" s="459"/>
      <c r="BV3" s="459"/>
      <c r="BW3" s="459"/>
      <c r="BX3" s="459"/>
      <c r="BY3" s="459"/>
      <c r="BZ3" s="459"/>
      <c r="CA3" s="460"/>
      <c r="CB3" s="458" t="s">
        <v>77</v>
      </c>
      <c r="CC3" s="459"/>
      <c r="CD3" s="459"/>
      <c r="CE3" s="459"/>
      <c r="CF3" s="459"/>
      <c r="CG3" s="459"/>
      <c r="CH3" s="459"/>
      <c r="CI3" s="459"/>
      <c r="CJ3" s="459"/>
      <c r="CK3" s="459"/>
      <c r="CL3" s="460"/>
      <c r="CM3" s="458" t="s">
        <v>78</v>
      </c>
      <c r="CN3" s="459"/>
      <c r="CO3" s="459"/>
      <c r="CP3" s="459"/>
      <c r="CQ3" s="459"/>
      <c r="CR3" s="459"/>
      <c r="CS3" s="459"/>
      <c r="CT3" s="459"/>
      <c r="CU3" s="459"/>
      <c r="CV3" s="459"/>
      <c r="CW3" s="460"/>
      <c r="CX3" s="458" t="s">
        <v>79</v>
      </c>
      <c r="CY3" s="459"/>
      <c r="CZ3" s="459"/>
      <c r="DA3" s="459"/>
      <c r="DB3" s="459"/>
      <c r="DC3" s="459"/>
      <c r="DD3" s="459"/>
      <c r="DE3" s="459"/>
      <c r="DF3" s="459"/>
      <c r="DG3" s="459"/>
      <c r="DH3" s="460"/>
      <c r="DI3" s="458" t="s">
        <v>148</v>
      </c>
      <c r="DJ3" s="459"/>
      <c r="DK3" s="459"/>
      <c r="DL3" s="459"/>
      <c r="DM3" s="459"/>
      <c r="DN3" s="459"/>
      <c r="DO3" s="459"/>
      <c r="DP3" s="459"/>
      <c r="DQ3" s="459"/>
      <c r="DR3" s="459"/>
      <c r="DS3" s="460"/>
      <c r="DT3" s="458" t="s">
        <v>80</v>
      </c>
      <c r="DU3" s="459"/>
      <c r="DV3" s="459"/>
      <c r="DW3" s="459"/>
      <c r="DX3" s="459"/>
      <c r="DY3" s="459"/>
      <c r="DZ3" s="459"/>
      <c r="EA3" s="459"/>
      <c r="EB3" s="459"/>
      <c r="EC3" s="459"/>
      <c r="ED3" s="460"/>
      <c r="EE3" s="458" t="s">
        <v>68</v>
      </c>
      <c r="EF3" s="459"/>
      <c r="EG3" s="459"/>
      <c r="EH3" s="459"/>
      <c r="EI3" s="459"/>
      <c r="EJ3" s="459"/>
      <c r="EK3" s="459"/>
      <c r="EL3" s="459"/>
      <c r="EM3" s="459"/>
      <c r="EN3" s="459"/>
      <c r="EO3" s="460"/>
      <c r="EP3" s="462" t="s">
        <v>69</v>
      </c>
      <c r="EQ3" s="463"/>
      <c r="ER3" s="463"/>
      <c r="ES3" s="463"/>
      <c r="ET3" s="463"/>
      <c r="EU3" s="463"/>
      <c r="EV3" s="463"/>
      <c r="EW3" s="463"/>
      <c r="EX3" s="463"/>
      <c r="EY3" s="463"/>
      <c r="EZ3" s="464"/>
    </row>
    <row r="4" spans="2:156" ht="21" customHeight="1" x14ac:dyDescent="0.2">
      <c r="B4" s="456"/>
      <c r="C4" s="450" t="s">
        <v>61</v>
      </c>
      <c r="D4" s="451"/>
      <c r="E4" s="452"/>
      <c r="F4" s="453" t="s">
        <v>62</v>
      </c>
      <c r="G4" s="451"/>
      <c r="H4" s="451"/>
      <c r="I4" s="451"/>
      <c r="J4" s="451"/>
      <c r="K4" s="451"/>
      <c r="L4" s="454"/>
      <c r="M4" s="448" t="s">
        <v>52</v>
      </c>
      <c r="N4" s="450" t="s">
        <v>61</v>
      </c>
      <c r="O4" s="451"/>
      <c r="P4" s="452"/>
      <c r="Q4" s="453" t="s">
        <v>62</v>
      </c>
      <c r="R4" s="451"/>
      <c r="S4" s="451"/>
      <c r="T4" s="451"/>
      <c r="U4" s="451"/>
      <c r="V4" s="451"/>
      <c r="W4" s="452"/>
      <c r="X4" s="448" t="s">
        <v>52</v>
      </c>
      <c r="Y4" s="450" t="s">
        <v>61</v>
      </c>
      <c r="Z4" s="451"/>
      <c r="AA4" s="452"/>
      <c r="AB4" s="453" t="s">
        <v>62</v>
      </c>
      <c r="AC4" s="451"/>
      <c r="AD4" s="451"/>
      <c r="AE4" s="451"/>
      <c r="AF4" s="451"/>
      <c r="AG4" s="451"/>
      <c r="AH4" s="452"/>
      <c r="AI4" s="448" t="s">
        <v>52</v>
      </c>
      <c r="AJ4" s="450" t="s">
        <v>61</v>
      </c>
      <c r="AK4" s="451"/>
      <c r="AL4" s="452"/>
      <c r="AM4" s="453" t="s">
        <v>62</v>
      </c>
      <c r="AN4" s="451"/>
      <c r="AO4" s="451"/>
      <c r="AP4" s="451"/>
      <c r="AQ4" s="451"/>
      <c r="AR4" s="451"/>
      <c r="AS4" s="452"/>
      <c r="AT4" s="448" t="s">
        <v>52</v>
      </c>
      <c r="AU4" s="450" t="s">
        <v>61</v>
      </c>
      <c r="AV4" s="451"/>
      <c r="AW4" s="452"/>
      <c r="AX4" s="453" t="s">
        <v>62</v>
      </c>
      <c r="AY4" s="451"/>
      <c r="AZ4" s="451"/>
      <c r="BA4" s="451"/>
      <c r="BB4" s="451"/>
      <c r="BC4" s="451"/>
      <c r="BD4" s="454"/>
      <c r="BE4" s="448" t="s">
        <v>52</v>
      </c>
      <c r="BF4" s="450" t="s">
        <v>61</v>
      </c>
      <c r="BG4" s="451"/>
      <c r="BH4" s="452"/>
      <c r="BI4" s="453" t="s">
        <v>62</v>
      </c>
      <c r="BJ4" s="451"/>
      <c r="BK4" s="451"/>
      <c r="BL4" s="451"/>
      <c r="BM4" s="451"/>
      <c r="BN4" s="451"/>
      <c r="BO4" s="452"/>
      <c r="BP4" s="448" t="s">
        <v>52</v>
      </c>
      <c r="BQ4" s="450" t="s">
        <v>61</v>
      </c>
      <c r="BR4" s="451"/>
      <c r="BS4" s="452"/>
      <c r="BT4" s="453" t="s">
        <v>62</v>
      </c>
      <c r="BU4" s="451"/>
      <c r="BV4" s="451"/>
      <c r="BW4" s="451"/>
      <c r="BX4" s="451"/>
      <c r="BY4" s="451"/>
      <c r="BZ4" s="452"/>
      <c r="CA4" s="448" t="s">
        <v>52</v>
      </c>
      <c r="CB4" s="450" t="s">
        <v>61</v>
      </c>
      <c r="CC4" s="451"/>
      <c r="CD4" s="452"/>
      <c r="CE4" s="453" t="s">
        <v>62</v>
      </c>
      <c r="CF4" s="451"/>
      <c r="CG4" s="451"/>
      <c r="CH4" s="451"/>
      <c r="CI4" s="451"/>
      <c r="CJ4" s="451"/>
      <c r="CK4" s="452"/>
      <c r="CL4" s="448" t="s">
        <v>52</v>
      </c>
      <c r="CM4" s="450" t="s">
        <v>61</v>
      </c>
      <c r="CN4" s="451"/>
      <c r="CO4" s="452"/>
      <c r="CP4" s="453" t="s">
        <v>62</v>
      </c>
      <c r="CQ4" s="451"/>
      <c r="CR4" s="451"/>
      <c r="CS4" s="451"/>
      <c r="CT4" s="451"/>
      <c r="CU4" s="451"/>
      <c r="CV4" s="452"/>
      <c r="CW4" s="448" t="s">
        <v>52</v>
      </c>
      <c r="CX4" s="450" t="s">
        <v>61</v>
      </c>
      <c r="CY4" s="451"/>
      <c r="CZ4" s="452"/>
      <c r="DA4" s="453" t="s">
        <v>62</v>
      </c>
      <c r="DB4" s="451"/>
      <c r="DC4" s="451"/>
      <c r="DD4" s="451"/>
      <c r="DE4" s="451"/>
      <c r="DF4" s="451"/>
      <c r="DG4" s="452"/>
      <c r="DH4" s="448" t="s">
        <v>52</v>
      </c>
      <c r="DI4" s="450" t="s">
        <v>61</v>
      </c>
      <c r="DJ4" s="451"/>
      <c r="DK4" s="452"/>
      <c r="DL4" s="453" t="s">
        <v>62</v>
      </c>
      <c r="DM4" s="451"/>
      <c r="DN4" s="451"/>
      <c r="DO4" s="451"/>
      <c r="DP4" s="451"/>
      <c r="DQ4" s="451"/>
      <c r="DR4" s="452"/>
      <c r="DS4" s="448" t="s">
        <v>52</v>
      </c>
      <c r="DT4" s="450" t="s">
        <v>61</v>
      </c>
      <c r="DU4" s="451"/>
      <c r="DV4" s="452"/>
      <c r="DW4" s="453" t="s">
        <v>62</v>
      </c>
      <c r="DX4" s="451"/>
      <c r="DY4" s="451"/>
      <c r="DZ4" s="451"/>
      <c r="EA4" s="451"/>
      <c r="EB4" s="451"/>
      <c r="EC4" s="452"/>
      <c r="ED4" s="448" t="s">
        <v>52</v>
      </c>
      <c r="EE4" s="450" t="s">
        <v>61</v>
      </c>
      <c r="EF4" s="451"/>
      <c r="EG4" s="452"/>
      <c r="EH4" s="453" t="s">
        <v>62</v>
      </c>
      <c r="EI4" s="451"/>
      <c r="EJ4" s="451"/>
      <c r="EK4" s="451"/>
      <c r="EL4" s="451"/>
      <c r="EM4" s="451"/>
      <c r="EN4" s="452"/>
      <c r="EO4" s="448" t="s">
        <v>52</v>
      </c>
      <c r="EP4" s="450" t="s">
        <v>61</v>
      </c>
      <c r="EQ4" s="451"/>
      <c r="ER4" s="452"/>
      <c r="ES4" s="453" t="s">
        <v>62</v>
      </c>
      <c r="ET4" s="451"/>
      <c r="EU4" s="451"/>
      <c r="EV4" s="451"/>
      <c r="EW4" s="451"/>
      <c r="EX4" s="451"/>
      <c r="EY4" s="452"/>
      <c r="EZ4" s="448" t="s">
        <v>52</v>
      </c>
    </row>
    <row r="5" spans="2:156" ht="30" customHeight="1" thickBot="1" x14ac:dyDescent="0.25">
      <c r="B5" s="457"/>
      <c r="C5" s="144" t="s">
        <v>43</v>
      </c>
      <c r="D5" s="145" t="s">
        <v>44</v>
      </c>
      <c r="E5" s="146" t="s">
        <v>45</v>
      </c>
      <c r="F5" s="147" t="s">
        <v>83</v>
      </c>
      <c r="G5" s="145" t="s">
        <v>47</v>
      </c>
      <c r="H5" s="145" t="s">
        <v>48</v>
      </c>
      <c r="I5" s="145" t="s">
        <v>49</v>
      </c>
      <c r="J5" s="145" t="s">
        <v>50</v>
      </c>
      <c r="K5" s="145" t="s">
        <v>51</v>
      </c>
      <c r="L5" s="148" t="s">
        <v>45</v>
      </c>
      <c r="M5" s="449"/>
      <c r="N5" s="144" t="s">
        <v>43</v>
      </c>
      <c r="O5" s="145" t="s">
        <v>44</v>
      </c>
      <c r="P5" s="149" t="s">
        <v>45</v>
      </c>
      <c r="Q5" s="147" t="s">
        <v>83</v>
      </c>
      <c r="R5" s="145" t="s">
        <v>47</v>
      </c>
      <c r="S5" s="145" t="s">
        <v>48</v>
      </c>
      <c r="T5" s="145" t="s">
        <v>49</v>
      </c>
      <c r="U5" s="145" t="s">
        <v>50</v>
      </c>
      <c r="V5" s="145" t="s">
        <v>51</v>
      </c>
      <c r="W5" s="149" t="s">
        <v>45</v>
      </c>
      <c r="X5" s="449"/>
      <c r="Y5" s="144" t="s">
        <v>43</v>
      </c>
      <c r="Z5" s="145" t="s">
        <v>44</v>
      </c>
      <c r="AA5" s="149" t="s">
        <v>45</v>
      </c>
      <c r="AB5" s="147" t="s">
        <v>83</v>
      </c>
      <c r="AC5" s="145" t="s">
        <v>47</v>
      </c>
      <c r="AD5" s="145" t="s">
        <v>48</v>
      </c>
      <c r="AE5" s="145" t="s">
        <v>49</v>
      </c>
      <c r="AF5" s="145" t="s">
        <v>50</v>
      </c>
      <c r="AG5" s="145" t="s">
        <v>51</v>
      </c>
      <c r="AH5" s="149" t="s">
        <v>45</v>
      </c>
      <c r="AI5" s="449"/>
      <c r="AJ5" s="144" t="s">
        <v>43</v>
      </c>
      <c r="AK5" s="145" t="s">
        <v>44</v>
      </c>
      <c r="AL5" s="149" t="s">
        <v>45</v>
      </c>
      <c r="AM5" s="147" t="s">
        <v>83</v>
      </c>
      <c r="AN5" s="145" t="s">
        <v>47</v>
      </c>
      <c r="AO5" s="145" t="s">
        <v>48</v>
      </c>
      <c r="AP5" s="145" t="s">
        <v>49</v>
      </c>
      <c r="AQ5" s="145" t="s">
        <v>50</v>
      </c>
      <c r="AR5" s="145" t="s">
        <v>51</v>
      </c>
      <c r="AS5" s="149" t="s">
        <v>45</v>
      </c>
      <c r="AT5" s="449"/>
      <c r="AU5" s="144" t="s">
        <v>43</v>
      </c>
      <c r="AV5" s="145" t="s">
        <v>44</v>
      </c>
      <c r="AW5" s="149" t="s">
        <v>45</v>
      </c>
      <c r="AX5" s="147" t="s">
        <v>83</v>
      </c>
      <c r="AY5" s="145" t="s">
        <v>47</v>
      </c>
      <c r="AZ5" s="145" t="s">
        <v>48</v>
      </c>
      <c r="BA5" s="145" t="s">
        <v>49</v>
      </c>
      <c r="BB5" s="145" t="s">
        <v>50</v>
      </c>
      <c r="BC5" s="145" t="s">
        <v>51</v>
      </c>
      <c r="BD5" s="148" t="s">
        <v>45</v>
      </c>
      <c r="BE5" s="449"/>
      <c r="BF5" s="144" t="s">
        <v>43</v>
      </c>
      <c r="BG5" s="145" t="s">
        <v>44</v>
      </c>
      <c r="BH5" s="149" t="s">
        <v>45</v>
      </c>
      <c r="BI5" s="147" t="s">
        <v>83</v>
      </c>
      <c r="BJ5" s="145" t="s">
        <v>47</v>
      </c>
      <c r="BK5" s="145" t="s">
        <v>48</v>
      </c>
      <c r="BL5" s="145" t="s">
        <v>49</v>
      </c>
      <c r="BM5" s="145" t="s">
        <v>50</v>
      </c>
      <c r="BN5" s="145" t="s">
        <v>51</v>
      </c>
      <c r="BO5" s="149" t="s">
        <v>45</v>
      </c>
      <c r="BP5" s="449"/>
      <c r="BQ5" s="144" t="s">
        <v>43</v>
      </c>
      <c r="BR5" s="145" t="s">
        <v>44</v>
      </c>
      <c r="BS5" s="149" t="s">
        <v>45</v>
      </c>
      <c r="BT5" s="147" t="s">
        <v>83</v>
      </c>
      <c r="BU5" s="145" t="s">
        <v>47</v>
      </c>
      <c r="BV5" s="145" t="s">
        <v>48</v>
      </c>
      <c r="BW5" s="145" t="s">
        <v>49</v>
      </c>
      <c r="BX5" s="145" t="s">
        <v>50</v>
      </c>
      <c r="BY5" s="145" t="s">
        <v>51</v>
      </c>
      <c r="BZ5" s="149" t="s">
        <v>45</v>
      </c>
      <c r="CA5" s="449"/>
      <c r="CB5" s="144" t="s">
        <v>43</v>
      </c>
      <c r="CC5" s="145" t="s">
        <v>44</v>
      </c>
      <c r="CD5" s="149" t="s">
        <v>45</v>
      </c>
      <c r="CE5" s="147" t="s">
        <v>83</v>
      </c>
      <c r="CF5" s="145" t="s">
        <v>47</v>
      </c>
      <c r="CG5" s="145" t="s">
        <v>48</v>
      </c>
      <c r="CH5" s="145" t="s">
        <v>49</v>
      </c>
      <c r="CI5" s="145" t="s">
        <v>50</v>
      </c>
      <c r="CJ5" s="145" t="s">
        <v>51</v>
      </c>
      <c r="CK5" s="149" t="s">
        <v>45</v>
      </c>
      <c r="CL5" s="449"/>
      <c r="CM5" s="144" t="s">
        <v>43</v>
      </c>
      <c r="CN5" s="145" t="s">
        <v>44</v>
      </c>
      <c r="CO5" s="149" t="s">
        <v>45</v>
      </c>
      <c r="CP5" s="147" t="s">
        <v>83</v>
      </c>
      <c r="CQ5" s="145" t="s">
        <v>47</v>
      </c>
      <c r="CR5" s="145" t="s">
        <v>48</v>
      </c>
      <c r="CS5" s="145" t="s">
        <v>49</v>
      </c>
      <c r="CT5" s="145" t="s">
        <v>50</v>
      </c>
      <c r="CU5" s="145" t="s">
        <v>51</v>
      </c>
      <c r="CV5" s="149" t="s">
        <v>45</v>
      </c>
      <c r="CW5" s="449"/>
      <c r="CX5" s="144" t="s">
        <v>43</v>
      </c>
      <c r="CY5" s="145" t="s">
        <v>44</v>
      </c>
      <c r="CZ5" s="149" t="s">
        <v>45</v>
      </c>
      <c r="DA5" s="147" t="s">
        <v>83</v>
      </c>
      <c r="DB5" s="145" t="s">
        <v>47</v>
      </c>
      <c r="DC5" s="145" t="s">
        <v>48</v>
      </c>
      <c r="DD5" s="145" t="s">
        <v>49</v>
      </c>
      <c r="DE5" s="145" t="s">
        <v>50</v>
      </c>
      <c r="DF5" s="145" t="s">
        <v>51</v>
      </c>
      <c r="DG5" s="149" t="s">
        <v>45</v>
      </c>
      <c r="DH5" s="449"/>
      <c r="DI5" s="144" t="s">
        <v>43</v>
      </c>
      <c r="DJ5" s="145" t="s">
        <v>44</v>
      </c>
      <c r="DK5" s="149" t="s">
        <v>45</v>
      </c>
      <c r="DL5" s="147" t="s">
        <v>83</v>
      </c>
      <c r="DM5" s="145" t="s">
        <v>47</v>
      </c>
      <c r="DN5" s="145" t="s">
        <v>48</v>
      </c>
      <c r="DO5" s="145" t="s">
        <v>49</v>
      </c>
      <c r="DP5" s="145" t="s">
        <v>50</v>
      </c>
      <c r="DQ5" s="145" t="s">
        <v>51</v>
      </c>
      <c r="DR5" s="149" t="s">
        <v>45</v>
      </c>
      <c r="DS5" s="449"/>
      <c r="DT5" s="144" t="s">
        <v>43</v>
      </c>
      <c r="DU5" s="145" t="s">
        <v>44</v>
      </c>
      <c r="DV5" s="149" t="s">
        <v>45</v>
      </c>
      <c r="DW5" s="147" t="s">
        <v>83</v>
      </c>
      <c r="DX5" s="145" t="s">
        <v>47</v>
      </c>
      <c r="DY5" s="145" t="s">
        <v>48</v>
      </c>
      <c r="DZ5" s="145" t="s">
        <v>49</v>
      </c>
      <c r="EA5" s="145" t="s">
        <v>50</v>
      </c>
      <c r="EB5" s="145" t="s">
        <v>51</v>
      </c>
      <c r="EC5" s="149" t="s">
        <v>45</v>
      </c>
      <c r="ED5" s="449"/>
      <c r="EE5" s="144" t="s">
        <v>43</v>
      </c>
      <c r="EF5" s="145" t="s">
        <v>44</v>
      </c>
      <c r="EG5" s="149" t="s">
        <v>45</v>
      </c>
      <c r="EH5" s="147" t="s">
        <v>83</v>
      </c>
      <c r="EI5" s="145" t="s">
        <v>47</v>
      </c>
      <c r="EJ5" s="145" t="s">
        <v>48</v>
      </c>
      <c r="EK5" s="145" t="s">
        <v>49</v>
      </c>
      <c r="EL5" s="145" t="s">
        <v>50</v>
      </c>
      <c r="EM5" s="145" t="s">
        <v>51</v>
      </c>
      <c r="EN5" s="149" t="s">
        <v>45</v>
      </c>
      <c r="EO5" s="449"/>
      <c r="EP5" s="144" t="s">
        <v>43</v>
      </c>
      <c r="EQ5" s="145" t="s">
        <v>44</v>
      </c>
      <c r="ER5" s="149" t="s">
        <v>45</v>
      </c>
      <c r="ES5" s="147" t="s">
        <v>83</v>
      </c>
      <c r="ET5" s="145" t="s">
        <v>47</v>
      </c>
      <c r="EU5" s="145" t="s">
        <v>48</v>
      </c>
      <c r="EV5" s="145" t="s">
        <v>49</v>
      </c>
      <c r="EW5" s="145" t="s">
        <v>50</v>
      </c>
      <c r="EX5" s="145" t="s">
        <v>51</v>
      </c>
      <c r="EY5" s="149" t="s">
        <v>45</v>
      </c>
      <c r="EZ5" s="449"/>
    </row>
    <row r="6" spans="2:156" ht="21" customHeight="1" x14ac:dyDescent="0.2">
      <c r="B6" s="150" t="s">
        <v>4</v>
      </c>
      <c r="C6" s="151">
        <v>1</v>
      </c>
      <c r="D6" s="152">
        <v>0</v>
      </c>
      <c r="E6" s="153">
        <v>1</v>
      </c>
      <c r="F6" s="154">
        <v>0</v>
      </c>
      <c r="G6" s="152">
        <v>19298</v>
      </c>
      <c r="H6" s="152">
        <v>23770</v>
      </c>
      <c r="I6" s="152">
        <v>12807</v>
      </c>
      <c r="J6" s="152">
        <v>10299</v>
      </c>
      <c r="K6" s="152">
        <v>7675</v>
      </c>
      <c r="L6" s="155">
        <v>73849</v>
      </c>
      <c r="M6" s="156">
        <v>73850</v>
      </c>
      <c r="N6" s="151">
        <v>4</v>
      </c>
      <c r="O6" s="152">
        <v>16</v>
      </c>
      <c r="P6" s="157">
        <v>20</v>
      </c>
      <c r="Q6" s="154">
        <v>0</v>
      </c>
      <c r="R6" s="152">
        <v>108</v>
      </c>
      <c r="S6" s="152">
        <v>404</v>
      </c>
      <c r="T6" s="152">
        <v>758</v>
      </c>
      <c r="U6" s="152">
        <v>1996</v>
      </c>
      <c r="V6" s="152">
        <v>3427</v>
      </c>
      <c r="W6" s="157">
        <v>6693</v>
      </c>
      <c r="X6" s="156">
        <v>6713</v>
      </c>
      <c r="Y6" s="151">
        <v>2695</v>
      </c>
      <c r="Z6" s="152">
        <v>6837</v>
      </c>
      <c r="AA6" s="157">
        <v>9532</v>
      </c>
      <c r="AB6" s="154">
        <v>0</v>
      </c>
      <c r="AC6" s="152">
        <v>13599</v>
      </c>
      <c r="AD6" s="152">
        <v>19461</v>
      </c>
      <c r="AE6" s="152">
        <v>11088</v>
      </c>
      <c r="AF6" s="152">
        <v>9096</v>
      </c>
      <c r="AG6" s="152">
        <v>6683</v>
      </c>
      <c r="AH6" s="157">
        <v>59927</v>
      </c>
      <c r="AI6" s="156">
        <v>69459</v>
      </c>
      <c r="AJ6" s="151">
        <v>262</v>
      </c>
      <c r="AK6" s="152">
        <v>786</v>
      </c>
      <c r="AL6" s="157">
        <v>1048</v>
      </c>
      <c r="AM6" s="154">
        <v>0</v>
      </c>
      <c r="AN6" s="152">
        <v>1146</v>
      </c>
      <c r="AO6" s="152">
        <v>1722</v>
      </c>
      <c r="AP6" s="152">
        <v>1086</v>
      </c>
      <c r="AQ6" s="152">
        <v>865</v>
      </c>
      <c r="AR6" s="152">
        <v>605</v>
      </c>
      <c r="AS6" s="157">
        <v>5424</v>
      </c>
      <c r="AT6" s="156">
        <v>6472</v>
      </c>
      <c r="AU6" s="151">
        <v>3267</v>
      </c>
      <c r="AV6" s="152">
        <v>4696</v>
      </c>
      <c r="AW6" s="157">
        <v>7963</v>
      </c>
      <c r="AX6" s="154">
        <v>0</v>
      </c>
      <c r="AY6" s="152">
        <v>20778</v>
      </c>
      <c r="AZ6" s="152">
        <v>26380</v>
      </c>
      <c r="BA6" s="152">
        <v>21624</v>
      </c>
      <c r="BB6" s="152">
        <v>20897</v>
      </c>
      <c r="BC6" s="152">
        <v>15279</v>
      </c>
      <c r="BD6" s="155">
        <v>104958</v>
      </c>
      <c r="BE6" s="156">
        <v>112921</v>
      </c>
      <c r="BF6" s="151">
        <v>0</v>
      </c>
      <c r="BG6" s="152">
        <v>0</v>
      </c>
      <c r="BH6" s="157">
        <v>0</v>
      </c>
      <c r="BI6" s="154">
        <v>0</v>
      </c>
      <c r="BJ6" s="152">
        <v>22853</v>
      </c>
      <c r="BK6" s="152">
        <v>21985</v>
      </c>
      <c r="BL6" s="152">
        <v>11118</v>
      </c>
      <c r="BM6" s="152">
        <v>6363</v>
      </c>
      <c r="BN6" s="152">
        <v>3002</v>
      </c>
      <c r="BO6" s="157">
        <v>65321</v>
      </c>
      <c r="BP6" s="156">
        <v>65321</v>
      </c>
      <c r="BQ6" s="151">
        <v>1763</v>
      </c>
      <c r="BR6" s="152">
        <v>2810</v>
      </c>
      <c r="BS6" s="157">
        <v>4573</v>
      </c>
      <c r="BT6" s="154">
        <v>0</v>
      </c>
      <c r="BU6" s="152">
        <v>4605</v>
      </c>
      <c r="BV6" s="152">
        <v>6558</v>
      </c>
      <c r="BW6" s="152">
        <v>3629</v>
      </c>
      <c r="BX6" s="152">
        <v>2248</v>
      </c>
      <c r="BY6" s="152">
        <v>830</v>
      </c>
      <c r="BZ6" s="157">
        <v>17870</v>
      </c>
      <c r="CA6" s="156">
        <v>22443</v>
      </c>
      <c r="CB6" s="151">
        <v>67</v>
      </c>
      <c r="CC6" s="152">
        <v>225</v>
      </c>
      <c r="CD6" s="157">
        <v>292</v>
      </c>
      <c r="CE6" s="154">
        <v>0</v>
      </c>
      <c r="CF6" s="152">
        <v>2193</v>
      </c>
      <c r="CG6" s="152">
        <v>3749</v>
      </c>
      <c r="CH6" s="152">
        <v>4406</v>
      </c>
      <c r="CI6" s="152">
        <v>3101</v>
      </c>
      <c r="CJ6" s="152">
        <v>1791</v>
      </c>
      <c r="CK6" s="157">
        <v>15240</v>
      </c>
      <c r="CL6" s="156">
        <v>15532</v>
      </c>
      <c r="CM6" s="151">
        <v>6</v>
      </c>
      <c r="CN6" s="152">
        <v>18</v>
      </c>
      <c r="CO6" s="157">
        <v>24</v>
      </c>
      <c r="CP6" s="154">
        <v>0</v>
      </c>
      <c r="CQ6" s="152">
        <v>192</v>
      </c>
      <c r="CR6" s="152">
        <v>462</v>
      </c>
      <c r="CS6" s="152">
        <v>514</v>
      </c>
      <c r="CT6" s="152">
        <v>477</v>
      </c>
      <c r="CU6" s="152">
        <v>356</v>
      </c>
      <c r="CV6" s="157">
        <v>2001</v>
      </c>
      <c r="CW6" s="156">
        <v>2025</v>
      </c>
      <c r="CX6" s="151">
        <v>0</v>
      </c>
      <c r="CY6" s="152">
        <v>0</v>
      </c>
      <c r="CZ6" s="157">
        <v>0</v>
      </c>
      <c r="DA6" s="154">
        <v>0</v>
      </c>
      <c r="DB6" s="152">
        <v>0</v>
      </c>
      <c r="DC6" s="152">
        <v>0</v>
      </c>
      <c r="DD6" s="152">
        <v>0</v>
      </c>
      <c r="DE6" s="152">
        <v>0</v>
      </c>
      <c r="DF6" s="152">
        <v>0</v>
      </c>
      <c r="DG6" s="157">
        <v>0</v>
      </c>
      <c r="DH6" s="156">
        <v>0</v>
      </c>
      <c r="DI6" s="151">
        <v>0</v>
      </c>
      <c r="DJ6" s="152">
        <v>0</v>
      </c>
      <c r="DK6" s="157">
        <v>0</v>
      </c>
      <c r="DL6" s="154">
        <v>0</v>
      </c>
      <c r="DM6" s="152">
        <v>0</v>
      </c>
      <c r="DN6" s="152">
        <v>0</v>
      </c>
      <c r="DO6" s="152">
        <v>0</v>
      </c>
      <c r="DP6" s="152">
        <v>0</v>
      </c>
      <c r="DQ6" s="152">
        <v>0</v>
      </c>
      <c r="DR6" s="157">
        <v>0</v>
      </c>
      <c r="DS6" s="156">
        <v>0</v>
      </c>
      <c r="DT6" s="151">
        <v>12287</v>
      </c>
      <c r="DU6" s="152">
        <v>25918</v>
      </c>
      <c r="DV6" s="157">
        <v>38205</v>
      </c>
      <c r="DW6" s="154">
        <v>0</v>
      </c>
      <c r="DX6" s="152">
        <v>29172</v>
      </c>
      <c r="DY6" s="152">
        <v>49734</v>
      </c>
      <c r="DZ6" s="152">
        <v>27548</v>
      </c>
      <c r="EA6" s="152">
        <v>21142</v>
      </c>
      <c r="EB6" s="152">
        <v>13334</v>
      </c>
      <c r="EC6" s="157">
        <v>140930</v>
      </c>
      <c r="ED6" s="156">
        <v>179135</v>
      </c>
      <c r="EE6" s="151">
        <v>1649</v>
      </c>
      <c r="EF6" s="152">
        <v>1361</v>
      </c>
      <c r="EG6" s="157">
        <v>3010</v>
      </c>
      <c r="EH6" s="154">
        <v>0</v>
      </c>
      <c r="EI6" s="152">
        <v>6579</v>
      </c>
      <c r="EJ6" s="152">
        <v>6204</v>
      </c>
      <c r="EK6" s="152">
        <v>5120</v>
      </c>
      <c r="EL6" s="152">
        <v>5663</v>
      </c>
      <c r="EM6" s="152">
        <v>3166</v>
      </c>
      <c r="EN6" s="157">
        <v>26732</v>
      </c>
      <c r="EO6" s="156">
        <v>29742</v>
      </c>
      <c r="EP6" s="151">
        <v>15715</v>
      </c>
      <c r="EQ6" s="152">
        <v>30889</v>
      </c>
      <c r="ER6" s="157">
        <v>46604</v>
      </c>
      <c r="ES6" s="154">
        <v>0</v>
      </c>
      <c r="ET6" s="152">
        <v>59945</v>
      </c>
      <c r="EU6" s="152">
        <v>64731</v>
      </c>
      <c r="EV6" s="152">
        <v>32236</v>
      </c>
      <c r="EW6" s="152">
        <v>22355</v>
      </c>
      <c r="EX6" s="152">
        <v>13482</v>
      </c>
      <c r="EY6" s="157">
        <v>192749</v>
      </c>
      <c r="EZ6" s="156">
        <v>239353</v>
      </c>
    </row>
    <row r="7" spans="2:156" ht="21" customHeight="1" x14ac:dyDescent="0.2">
      <c r="B7" s="158" t="s">
        <v>5</v>
      </c>
      <c r="C7" s="159">
        <v>1</v>
      </c>
      <c r="D7" s="160">
        <v>0</v>
      </c>
      <c r="E7" s="161">
        <v>1</v>
      </c>
      <c r="F7" s="162">
        <v>0</v>
      </c>
      <c r="G7" s="160">
        <v>6806</v>
      </c>
      <c r="H7" s="160">
        <v>11629</v>
      </c>
      <c r="I7" s="160">
        <v>5477</v>
      </c>
      <c r="J7" s="160">
        <v>4131</v>
      </c>
      <c r="K7" s="160">
        <v>3107</v>
      </c>
      <c r="L7" s="163">
        <v>31150</v>
      </c>
      <c r="M7" s="164">
        <v>31151</v>
      </c>
      <c r="N7" s="159">
        <v>2</v>
      </c>
      <c r="O7" s="160">
        <v>7</v>
      </c>
      <c r="P7" s="165">
        <v>9</v>
      </c>
      <c r="Q7" s="162">
        <v>0</v>
      </c>
      <c r="R7" s="160">
        <v>26</v>
      </c>
      <c r="S7" s="160">
        <v>157</v>
      </c>
      <c r="T7" s="160">
        <v>287</v>
      </c>
      <c r="U7" s="160">
        <v>788</v>
      </c>
      <c r="V7" s="160">
        <v>1489</v>
      </c>
      <c r="W7" s="165">
        <v>2747</v>
      </c>
      <c r="X7" s="164">
        <v>2756</v>
      </c>
      <c r="Y7" s="159">
        <v>1093</v>
      </c>
      <c r="Z7" s="160">
        <v>3572</v>
      </c>
      <c r="AA7" s="165">
        <v>4665</v>
      </c>
      <c r="AB7" s="162">
        <v>0</v>
      </c>
      <c r="AC7" s="160">
        <v>4900</v>
      </c>
      <c r="AD7" s="160">
        <v>9790</v>
      </c>
      <c r="AE7" s="160">
        <v>5214</v>
      </c>
      <c r="AF7" s="160">
        <v>4011</v>
      </c>
      <c r="AG7" s="160">
        <v>2839</v>
      </c>
      <c r="AH7" s="165">
        <v>26754</v>
      </c>
      <c r="AI7" s="164">
        <v>31419</v>
      </c>
      <c r="AJ7" s="159">
        <v>97</v>
      </c>
      <c r="AK7" s="160">
        <v>371</v>
      </c>
      <c r="AL7" s="165">
        <v>468</v>
      </c>
      <c r="AM7" s="162">
        <v>0</v>
      </c>
      <c r="AN7" s="160">
        <v>279</v>
      </c>
      <c r="AO7" s="160">
        <v>721</v>
      </c>
      <c r="AP7" s="160">
        <v>470</v>
      </c>
      <c r="AQ7" s="160">
        <v>350</v>
      </c>
      <c r="AR7" s="160">
        <v>237</v>
      </c>
      <c r="AS7" s="165">
        <v>2057</v>
      </c>
      <c r="AT7" s="164">
        <v>2525</v>
      </c>
      <c r="AU7" s="159">
        <v>1230</v>
      </c>
      <c r="AV7" s="160">
        <v>2325</v>
      </c>
      <c r="AW7" s="165">
        <v>3555</v>
      </c>
      <c r="AX7" s="162">
        <v>0</v>
      </c>
      <c r="AY7" s="160">
        <v>7474</v>
      </c>
      <c r="AZ7" s="160">
        <v>11585</v>
      </c>
      <c r="BA7" s="160">
        <v>8833</v>
      </c>
      <c r="BB7" s="160">
        <v>8418</v>
      </c>
      <c r="BC7" s="160">
        <v>6163</v>
      </c>
      <c r="BD7" s="163">
        <v>42473</v>
      </c>
      <c r="BE7" s="164">
        <v>46028</v>
      </c>
      <c r="BF7" s="159">
        <v>0</v>
      </c>
      <c r="BG7" s="160">
        <v>0</v>
      </c>
      <c r="BH7" s="165">
        <v>0</v>
      </c>
      <c r="BI7" s="162">
        <v>0</v>
      </c>
      <c r="BJ7" s="160">
        <v>7216</v>
      </c>
      <c r="BK7" s="160">
        <v>9081</v>
      </c>
      <c r="BL7" s="160">
        <v>4119</v>
      </c>
      <c r="BM7" s="160">
        <v>2226</v>
      </c>
      <c r="BN7" s="160">
        <v>1091</v>
      </c>
      <c r="BO7" s="165">
        <v>23733</v>
      </c>
      <c r="BP7" s="164">
        <v>23733</v>
      </c>
      <c r="BQ7" s="159">
        <v>732</v>
      </c>
      <c r="BR7" s="160">
        <v>1278</v>
      </c>
      <c r="BS7" s="165">
        <v>2010</v>
      </c>
      <c r="BT7" s="162">
        <v>0</v>
      </c>
      <c r="BU7" s="160">
        <v>1356</v>
      </c>
      <c r="BV7" s="160">
        <v>2983</v>
      </c>
      <c r="BW7" s="160">
        <v>1607</v>
      </c>
      <c r="BX7" s="160">
        <v>969</v>
      </c>
      <c r="BY7" s="160">
        <v>336</v>
      </c>
      <c r="BZ7" s="165">
        <v>7251</v>
      </c>
      <c r="CA7" s="164">
        <v>9261</v>
      </c>
      <c r="CB7" s="159">
        <v>22</v>
      </c>
      <c r="CC7" s="160">
        <v>92</v>
      </c>
      <c r="CD7" s="165">
        <v>114</v>
      </c>
      <c r="CE7" s="162">
        <v>0</v>
      </c>
      <c r="CF7" s="160">
        <v>658</v>
      </c>
      <c r="CG7" s="160">
        <v>1381</v>
      </c>
      <c r="CH7" s="160">
        <v>1721</v>
      </c>
      <c r="CI7" s="160">
        <v>1100</v>
      </c>
      <c r="CJ7" s="160">
        <v>669</v>
      </c>
      <c r="CK7" s="165">
        <v>5529</v>
      </c>
      <c r="CL7" s="164">
        <v>5643</v>
      </c>
      <c r="CM7" s="159">
        <v>2</v>
      </c>
      <c r="CN7" s="160">
        <v>8</v>
      </c>
      <c r="CO7" s="165">
        <v>10</v>
      </c>
      <c r="CP7" s="162">
        <v>0</v>
      </c>
      <c r="CQ7" s="160">
        <v>79</v>
      </c>
      <c r="CR7" s="160">
        <v>256</v>
      </c>
      <c r="CS7" s="160">
        <v>282</v>
      </c>
      <c r="CT7" s="160">
        <v>275</v>
      </c>
      <c r="CU7" s="160">
        <v>199</v>
      </c>
      <c r="CV7" s="165">
        <v>1091</v>
      </c>
      <c r="CW7" s="164">
        <v>1101</v>
      </c>
      <c r="CX7" s="159">
        <v>0</v>
      </c>
      <c r="CY7" s="160">
        <v>0</v>
      </c>
      <c r="CZ7" s="165">
        <v>0</v>
      </c>
      <c r="DA7" s="162">
        <v>0</v>
      </c>
      <c r="DB7" s="160">
        <v>0</v>
      </c>
      <c r="DC7" s="160">
        <v>0</v>
      </c>
      <c r="DD7" s="160">
        <v>0</v>
      </c>
      <c r="DE7" s="160">
        <v>0</v>
      </c>
      <c r="DF7" s="160">
        <v>0</v>
      </c>
      <c r="DG7" s="165">
        <v>0</v>
      </c>
      <c r="DH7" s="164">
        <v>0</v>
      </c>
      <c r="DI7" s="159">
        <v>0</v>
      </c>
      <c r="DJ7" s="160">
        <v>0</v>
      </c>
      <c r="DK7" s="165">
        <v>0</v>
      </c>
      <c r="DL7" s="162">
        <v>0</v>
      </c>
      <c r="DM7" s="160">
        <v>0</v>
      </c>
      <c r="DN7" s="160">
        <v>0</v>
      </c>
      <c r="DO7" s="160">
        <v>0</v>
      </c>
      <c r="DP7" s="160">
        <v>0</v>
      </c>
      <c r="DQ7" s="160">
        <v>0</v>
      </c>
      <c r="DR7" s="165">
        <v>0</v>
      </c>
      <c r="DS7" s="164">
        <v>0</v>
      </c>
      <c r="DT7" s="159">
        <v>3962</v>
      </c>
      <c r="DU7" s="160">
        <v>11012</v>
      </c>
      <c r="DV7" s="165">
        <v>14974</v>
      </c>
      <c r="DW7" s="162">
        <v>0</v>
      </c>
      <c r="DX7" s="160">
        <v>8347</v>
      </c>
      <c r="DY7" s="160">
        <v>22146</v>
      </c>
      <c r="DZ7" s="160">
        <v>11221</v>
      </c>
      <c r="EA7" s="160">
        <v>8374</v>
      </c>
      <c r="EB7" s="160">
        <v>5384</v>
      </c>
      <c r="EC7" s="165">
        <v>55472</v>
      </c>
      <c r="ED7" s="164">
        <v>70446</v>
      </c>
      <c r="EE7" s="159">
        <v>643</v>
      </c>
      <c r="EF7" s="160">
        <v>654</v>
      </c>
      <c r="EG7" s="165">
        <v>1297</v>
      </c>
      <c r="EH7" s="162">
        <v>0</v>
      </c>
      <c r="EI7" s="160">
        <v>2635</v>
      </c>
      <c r="EJ7" s="160">
        <v>2942</v>
      </c>
      <c r="EK7" s="160">
        <v>2263</v>
      </c>
      <c r="EL7" s="160">
        <v>2491</v>
      </c>
      <c r="EM7" s="160">
        <v>1315</v>
      </c>
      <c r="EN7" s="165">
        <v>11646</v>
      </c>
      <c r="EO7" s="164">
        <v>12943</v>
      </c>
      <c r="EP7" s="159">
        <v>5430</v>
      </c>
      <c r="EQ7" s="160">
        <v>13621</v>
      </c>
      <c r="ER7" s="165">
        <v>19051</v>
      </c>
      <c r="ES7" s="162">
        <v>0</v>
      </c>
      <c r="ET7" s="160">
        <v>19536</v>
      </c>
      <c r="EU7" s="160">
        <v>29228</v>
      </c>
      <c r="EV7" s="160">
        <v>13320</v>
      </c>
      <c r="EW7" s="160">
        <v>8919</v>
      </c>
      <c r="EX7" s="160">
        <v>5483</v>
      </c>
      <c r="EY7" s="165">
        <v>76486</v>
      </c>
      <c r="EZ7" s="164">
        <v>95537</v>
      </c>
    </row>
    <row r="8" spans="2:156" ht="21" customHeight="1" x14ac:dyDescent="0.2">
      <c r="B8" s="166" t="s">
        <v>6</v>
      </c>
      <c r="C8" s="159">
        <v>0</v>
      </c>
      <c r="D8" s="160">
        <v>0</v>
      </c>
      <c r="E8" s="161">
        <v>0</v>
      </c>
      <c r="F8" s="162">
        <v>0</v>
      </c>
      <c r="G8" s="160">
        <v>3353</v>
      </c>
      <c r="H8" s="160">
        <v>3204</v>
      </c>
      <c r="I8" s="160">
        <v>1831</v>
      </c>
      <c r="J8" s="160">
        <v>1551</v>
      </c>
      <c r="K8" s="160">
        <v>1184</v>
      </c>
      <c r="L8" s="163">
        <v>11123</v>
      </c>
      <c r="M8" s="164">
        <v>11123</v>
      </c>
      <c r="N8" s="159">
        <v>2</v>
      </c>
      <c r="O8" s="160">
        <v>1</v>
      </c>
      <c r="P8" s="165">
        <v>3</v>
      </c>
      <c r="Q8" s="162">
        <v>0</v>
      </c>
      <c r="R8" s="160">
        <v>14</v>
      </c>
      <c r="S8" s="160">
        <v>37</v>
      </c>
      <c r="T8" s="160">
        <v>114</v>
      </c>
      <c r="U8" s="160">
        <v>281</v>
      </c>
      <c r="V8" s="160">
        <v>489</v>
      </c>
      <c r="W8" s="165">
        <v>935</v>
      </c>
      <c r="X8" s="164">
        <v>938</v>
      </c>
      <c r="Y8" s="159">
        <v>443</v>
      </c>
      <c r="Z8" s="160">
        <v>854</v>
      </c>
      <c r="AA8" s="165">
        <v>1297</v>
      </c>
      <c r="AB8" s="162">
        <v>0</v>
      </c>
      <c r="AC8" s="160">
        <v>2541</v>
      </c>
      <c r="AD8" s="160">
        <v>2589</v>
      </c>
      <c r="AE8" s="160">
        <v>1480</v>
      </c>
      <c r="AF8" s="160">
        <v>1246</v>
      </c>
      <c r="AG8" s="160">
        <v>943</v>
      </c>
      <c r="AH8" s="165">
        <v>8799</v>
      </c>
      <c r="AI8" s="164">
        <v>10096</v>
      </c>
      <c r="AJ8" s="159">
        <v>29</v>
      </c>
      <c r="AK8" s="160">
        <v>71</v>
      </c>
      <c r="AL8" s="165">
        <v>100</v>
      </c>
      <c r="AM8" s="162">
        <v>0</v>
      </c>
      <c r="AN8" s="160">
        <v>188</v>
      </c>
      <c r="AO8" s="160">
        <v>209</v>
      </c>
      <c r="AP8" s="160">
        <v>107</v>
      </c>
      <c r="AQ8" s="160">
        <v>110</v>
      </c>
      <c r="AR8" s="160">
        <v>77</v>
      </c>
      <c r="AS8" s="165">
        <v>691</v>
      </c>
      <c r="AT8" s="164">
        <v>791</v>
      </c>
      <c r="AU8" s="159">
        <v>579</v>
      </c>
      <c r="AV8" s="160">
        <v>643</v>
      </c>
      <c r="AW8" s="165">
        <v>1222</v>
      </c>
      <c r="AX8" s="162">
        <v>0</v>
      </c>
      <c r="AY8" s="160">
        <v>3885</v>
      </c>
      <c r="AZ8" s="160">
        <v>4278</v>
      </c>
      <c r="BA8" s="160">
        <v>3450</v>
      </c>
      <c r="BB8" s="160">
        <v>3353</v>
      </c>
      <c r="BC8" s="160">
        <v>2562</v>
      </c>
      <c r="BD8" s="163">
        <v>17528</v>
      </c>
      <c r="BE8" s="164">
        <v>18750</v>
      </c>
      <c r="BF8" s="159">
        <v>0</v>
      </c>
      <c r="BG8" s="160">
        <v>0</v>
      </c>
      <c r="BH8" s="165">
        <v>0</v>
      </c>
      <c r="BI8" s="162">
        <v>0</v>
      </c>
      <c r="BJ8" s="160">
        <v>3873</v>
      </c>
      <c r="BK8" s="160">
        <v>3052</v>
      </c>
      <c r="BL8" s="160">
        <v>1567</v>
      </c>
      <c r="BM8" s="160">
        <v>935</v>
      </c>
      <c r="BN8" s="160">
        <v>418</v>
      </c>
      <c r="BO8" s="165">
        <v>9845</v>
      </c>
      <c r="BP8" s="164">
        <v>9845</v>
      </c>
      <c r="BQ8" s="159">
        <v>136</v>
      </c>
      <c r="BR8" s="160">
        <v>217</v>
      </c>
      <c r="BS8" s="165">
        <v>353</v>
      </c>
      <c r="BT8" s="162">
        <v>0</v>
      </c>
      <c r="BU8" s="160">
        <v>629</v>
      </c>
      <c r="BV8" s="160">
        <v>740</v>
      </c>
      <c r="BW8" s="160">
        <v>443</v>
      </c>
      <c r="BX8" s="160">
        <v>288</v>
      </c>
      <c r="BY8" s="160">
        <v>122</v>
      </c>
      <c r="BZ8" s="165">
        <v>2222</v>
      </c>
      <c r="CA8" s="164">
        <v>2575</v>
      </c>
      <c r="CB8" s="159">
        <v>6</v>
      </c>
      <c r="CC8" s="160">
        <v>21</v>
      </c>
      <c r="CD8" s="165">
        <v>27</v>
      </c>
      <c r="CE8" s="162">
        <v>0</v>
      </c>
      <c r="CF8" s="160">
        <v>280</v>
      </c>
      <c r="CG8" s="160">
        <v>446</v>
      </c>
      <c r="CH8" s="160">
        <v>507</v>
      </c>
      <c r="CI8" s="160">
        <v>397</v>
      </c>
      <c r="CJ8" s="160">
        <v>219</v>
      </c>
      <c r="CK8" s="165">
        <v>1849</v>
      </c>
      <c r="CL8" s="164">
        <v>1876</v>
      </c>
      <c r="CM8" s="159">
        <v>1</v>
      </c>
      <c r="CN8" s="160">
        <v>4</v>
      </c>
      <c r="CO8" s="165">
        <v>5</v>
      </c>
      <c r="CP8" s="162">
        <v>0</v>
      </c>
      <c r="CQ8" s="160">
        <v>25</v>
      </c>
      <c r="CR8" s="160">
        <v>66</v>
      </c>
      <c r="CS8" s="160">
        <v>71</v>
      </c>
      <c r="CT8" s="160">
        <v>65</v>
      </c>
      <c r="CU8" s="160">
        <v>59</v>
      </c>
      <c r="CV8" s="165">
        <v>286</v>
      </c>
      <c r="CW8" s="164">
        <v>291</v>
      </c>
      <c r="CX8" s="159">
        <v>0</v>
      </c>
      <c r="CY8" s="160">
        <v>0</v>
      </c>
      <c r="CZ8" s="165">
        <v>0</v>
      </c>
      <c r="DA8" s="162">
        <v>0</v>
      </c>
      <c r="DB8" s="160">
        <v>0</v>
      </c>
      <c r="DC8" s="160">
        <v>0</v>
      </c>
      <c r="DD8" s="160">
        <v>0</v>
      </c>
      <c r="DE8" s="160">
        <v>0</v>
      </c>
      <c r="DF8" s="160">
        <v>0</v>
      </c>
      <c r="DG8" s="165">
        <v>0</v>
      </c>
      <c r="DH8" s="164">
        <v>0</v>
      </c>
      <c r="DI8" s="159">
        <v>0</v>
      </c>
      <c r="DJ8" s="160">
        <v>0</v>
      </c>
      <c r="DK8" s="165">
        <v>0</v>
      </c>
      <c r="DL8" s="162">
        <v>0</v>
      </c>
      <c r="DM8" s="160">
        <v>0</v>
      </c>
      <c r="DN8" s="160">
        <v>0</v>
      </c>
      <c r="DO8" s="160">
        <v>0</v>
      </c>
      <c r="DP8" s="160">
        <v>0</v>
      </c>
      <c r="DQ8" s="160">
        <v>0</v>
      </c>
      <c r="DR8" s="165">
        <v>0</v>
      </c>
      <c r="DS8" s="164">
        <v>0</v>
      </c>
      <c r="DT8" s="159">
        <v>1853</v>
      </c>
      <c r="DU8" s="160">
        <v>3120</v>
      </c>
      <c r="DV8" s="165">
        <v>4973</v>
      </c>
      <c r="DW8" s="162">
        <v>0</v>
      </c>
      <c r="DX8" s="160">
        <v>5195</v>
      </c>
      <c r="DY8" s="160">
        <v>6493</v>
      </c>
      <c r="DZ8" s="160">
        <v>3834</v>
      </c>
      <c r="EA8" s="160">
        <v>3056</v>
      </c>
      <c r="EB8" s="160">
        <v>1996</v>
      </c>
      <c r="EC8" s="165">
        <v>20574</v>
      </c>
      <c r="ED8" s="164">
        <v>25547</v>
      </c>
      <c r="EE8" s="159">
        <v>254</v>
      </c>
      <c r="EF8" s="160">
        <v>162</v>
      </c>
      <c r="EG8" s="165">
        <v>416</v>
      </c>
      <c r="EH8" s="162">
        <v>0</v>
      </c>
      <c r="EI8" s="160">
        <v>995</v>
      </c>
      <c r="EJ8" s="160">
        <v>854</v>
      </c>
      <c r="EK8" s="160">
        <v>716</v>
      </c>
      <c r="EL8" s="160">
        <v>805</v>
      </c>
      <c r="EM8" s="160">
        <v>516</v>
      </c>
      <c r="EN8" s="165">
        <v>3886</v>
      </c>
      <c r="EO8" s="164">
        <v>4302</v>
      </c>
      <c r="EP8" s="159">
        <v>2282</v>
      </c>
      <c r="EQ8" s="160">
        <v>3649</v>
      </c>
      <c r="ER8" s="165">
        <v>5931</v>
      </c>
      <c r="ES8" s="162">
        <v>0</v>
      </c>
      <c r="ET8" s="160">
        <v>9765</v>
      </c>
      <c r="EU8" s="160">
        <v>8312</v>
      </c>
      <c r="EV8" s="160">
        <v>4305</v>
      </c>
      <c r="EW8" s="160">
        <v>3156</v>
      </c>
      <c r="EX8" s="160">
        <v>1988</v>
      </c>
      <c r="EY8" s="165">
        <v>27526</v>
      </c>
      <c r="EZ8" s="164">
        <v>33457</v>
      </c>
    </row>
    <row r="9" spans="2:156" ht="21" customHeight="1" x14ac:dyDescent="0.2">
      <c r="B9" s="166" t="s">
        <v>14</v>
      </c>
      <c r="C9" s="159">
        <v>0</v>
      </c>
      <c r="D9" s="160">
        <v>0</v>
      </c>
      <c r="E9" s="161">
        <v>0</v>
      </c>
      <c r="F9" s="162">
        <v>0</v>
      </c>
      <c r="G9" s="160">
        <v>1183</v>
      </c>
      <c r="H9" s="160">
        <v>1821</v>
      </c>
      <c r="I9" s="160">
        <v>1107</v>
      </c>
      <c r="J9" s="160">
        <v>820</v>
      </c>
      <c r="K9" s="160">
        <v>554</v>
      </c>
      <c r="L9" s="163">
        <v>5485</v>
      </c>
      <c r="M9" s="164">
        <v>5485</v>
      </c>
      <c r="N9" s="159">
        <v>0</v>
      </c>
      <c r="O9" s="160">
        <v>1</v>
      </c>
      <c r="P9" s="165">
        <v>1</v>
      </c>
      <c r="Q9" s="162">
        <v>0</v>
      </c>
      <c r="R9" s="160">
        <v>4</v>
      </c>
      <c r="S9" s="160">
        <v>21</v>
      </c>
      <c r="T9" s="160">
        <v>56</v>
      </c>
      <c r="U9" s="160">
        <v>161</v>
      </c>
      <c r="V9" s="160">
        <v>204</v>
      </c>
      <c r="W9" s="165">
        <v>446</v>
      </c>
      <c r="X9" s="164">
        <v>447</v>
      </c>
      <c r="Y9" s="159">
        <v>135</v>
      </c>
      <c r="Z9" s="160">
        <v>464</v>
      </c>
      <c r="AA9" s="165">
        <v>599</v>
      </c>
      <c r="AB9" s="162">
        <v>0</v>
      </c>
      <c r="AC9" s="160">
        <v>773</v>
      </c>
      <c r="AD9" s="160">
        <v>1400</v>
      </c>
      <c r="AE9" s="160">
        <v>908</v>
      </c>
      <c r="AF9" s="160">
        <v>716</v>
      </c>
      <c r="AG9" s="160">
        <v>472</v>
      </c>
      <c r="AH9" s="165">
        <v>4269</v>
      </c>
      <c r="AI9" s="164">
        <v>4868</v>
      </c>
      <c r="AJ9" s="159">
        <v>8</v>
      </c>
      <c r="AK9" s="160">
        <v>29</v>
      </c>
      <c r="AL9" s="165">
        <v>37</v>
      </c>
      <c r="AM9" s="162">
        <v>0</v>
      </c>
      <c r="AN9" s="160">
        <v>13</v>
      </c>
      <c r="AO9" s="160">
        <v>64</v>
      </c>
      <c r="AP9" s="160">
        <v>43</v>
      </c>
      <c r="AQ9" s="160">
        <v>35</v>
      </c>
      <c r="AR9" s="160">
        <v>16</v>
      </c>
      <c r="AS9" s="165">
        <v>171</v>
      </c>
      <c r="AT9" s="164">
        <v>208</v>
      </c>
      <c r="AU9" s="159">
        <v>252</v>
      </c>
      <c r="AV9" s="160">
        <v>416</v>
      </c>
      <c r="AW9" s="165">
        <v>668</v>
      </c>
      <c r="AX9" s="162">
        <v>0</v>
      </c>
      <c r="AY9" s="160">
        <v>1447</v>
      </c>
      <c r="AZ9" s="160">
        <v>2088</v>
      </c>
      <c r="BA9" s="160">
        <v>1955</v>
      </c>
      <c r="BB9" s="160">
        <v>1682</v>
      </c>
      <c r="BC9" s="160">
        <v>1133</v>
      </c>
      <c r="BD9" s="163">
        <v>8305</v>
      </c>
      <c r="BE9" s="164">
        <v>8973</v>
      </c>
      <c r="BF9" s="159">
        <v>0</v>
      </c>
      <c r="BG9" s="160">
        <v>0</v>
      </c>
      <c r="BH9" s="165">
        <v>0</v>
      </c>
      <c r="BI9" s="162">
        <v>0</v>
      </c>
      <c r="BJ9" s="160">
        <v>1647</v>
      </c>
      <c r="BK9" s="160">
        <v>2002</v>
      </c>
      <c r="BL9" s="160">
        <v>1126</v>
      </c>
      <c r="BM9" s="160">
        <v>617</v>
      </c>
      <c r="BN9" s="160">
        <v>257</v>
      </c>
      <c r="BO9" s="165">
        <v>5649</v>
      </c>
      <c r="BP9" s="164">
        <v>5649</v>
      </c>
      <c r="BQ9" s="159">
        <v>84</v>
      </c>
      <c r="BR9" s="160">
        <v>149</v>
      </c>
      <c r="BS9" s="165">
        <v>233</v>
      </c>
      <c r="BT9" s="162">
        <v>0</v>
      </c>
      <c r="BU9" s="160">
        <v>133</v>
      </c>
      <c r="BV9" s="160">
        <v>367</v>
      </c>
      <c r="BW9" s="160">
        <v>239</v>
      </c>
      <c r="BX9" s="160">
        <v>138</v>
      </c>
      <c r="BY9" s="160">
        <v>59</v>
      </c>
      <c r="BZ9" s="165">
        <v>936</v>
      </c>
      <c r="CA9" s="164">
        <v>1169</v>
      </c>
      <c r="CB9" s="159">
        <v>2</v>
      </c>
      <c r="CC9" s="160">
        <v>12</v>
      </c>
      <c r="CD9" s="165">
        <v>14</v>
      </c>
      <c r="CE9" s="162">
        <v>0</v>
      </c>
      <c r="CF9" s="160">
        <v>121</v>
      </c>
      <c r="CG9" s="160">
        <v>267</v>
      </c>
      <c r="CH9" s="160">
        <v>391</v>
      </c>
      <c r="CI9" s="160">
        <v>299</v>
      </c>
      <c r="CJ9" s="160">
        <v>151</v>
      </c>
      <c r="CK9" s="165">
        <v>1229</v>
      </c>
      <c r="CL9" s="164">
        <v>1243</v>
      </c>
      <c r="CM9" s="159">
        <v>0</v>
      </c>
      <c r="CN9" s="160">
        <v>0</v>
      </c>
      <c r="CO9" s="165">
        <v>0</v>
      </c>
      <c r="CP9" s="162">
        <v>0</v>
      </c>
      <c r="CQ9" s="160">
        <v>1</v>
      </c>
      <c r="CR9" s="160">
        <v>9</v>
      </c>
      <c r="CS9" s="160">
        <v>7</v>
      </c>
      <c r="CT9" s="160">
        <v>6</v>
      </c>
      <c r="CU9" s="160">
        <v>6</v>
      </c>
      <c r="CV9" s="165">
        <v>29</v>
      </c>
      <c r="CW9" s="164">
        <v>29</v>
      </c>
      <c r="CX9" s="159">
        <v>0</v>
      </c>
      <c r="CY9" s="160">
        <v>0</v>
      </c>
      <c r="CZ9" s="165">
        <v>0</v>
      </c>
      <c r="DA9" s="162">
        <v>0</v>
      </c>
      <c r="DB9" s="160">
        <v>0</v>
      </c>
      <c r="DC9" s="160">
        <v>0</v>
      </c>
      <c r="DD9" s="160">
        <v>0</v>
      </c>
      <c r="DE9" s="160">
        <v>0</v>
      </c>
      <c r="DF9" s="160">
        <v>0</v>
      </c>
      <c r="DG9" s="165">
        <v>0</v>
      </c>
      <c r="DH9" s="164">
        <v>0</v>
      </c>
      <c r="DI9" s="159">
        <v>0</v>
      </c>
      <c r="DJ9" s="160">
        <v>0</v>
      </c>
      <c r="DK9" s="165">
        <v>0</v>
      </c>
      <c r="DL9" s="162">
        <v>0</v>
      </c>
      <c r="DM9" s="160">
        <v>0</v>
      </c>
      <c r="DN9" s="160">
        <v>0</v>
      </c>
      <c r="DO9" s="160">
        <v>0</v>
      </c>
      <c r="DP9" s="160">
        <v>0</v>
      </c>
      <c r="DQ9" s="160">
        <v>0</v>
      </c>
      <c r="DR9" s="165">
        <v>0</v>
      </c>
      <c r="DS9" s="164">
        <v>0</v>
      </c>
      <c r="DT9" s="159">
        <v>937</v>
      </c>
      <c r="DU9" s="160">
        <v>2504</v>
      </c>
      <c r="DV9" s="165">
        <v>3441</v>
      </c>
      <c r="DW9" s="162">
        <v>0</v>
      </c>
      <c r="DX9" s="160">
        <v>2050</v>
      </c>
      <c r="DY9" s="160">
        <v>4284</v>
      </c>
      <c r="DZ9" s="160">
        <v>2523</v>
      </c>
      <c r="EA9" s="160">
        <v>1829</v>
      </c>
      <c r="EB9" s="160">
        <v>1032</v>
      </c>
      <c r="EC9" s="165">
        <v>11718</v>
      </c>
      <c r="ED9" s="164">
        <v>15159</v>
      </c>
      <c r="EE9" s="159">
        <v>121</v>
      </c>
      <c r="EF9" s="160">
        <v>107</v>
      </c>
      <c r="EG9" s="165">
        <v>228</v>
      </c>
      <c r="EH9" s="162">
        <v>0</v>
      </c>
      <c r="EI9" s="160">
        <v>338</v>
      </c>
      <c r="EJ9" s="160">
        <v>351</v>
      </c>
      <c r="EK9" s="160">
        <v>301</v>
      </c>
      <c r="EL9" s="160">
        <v>296</v>
      </c>
      <c r="EM9" s="160">
        <v>164</v>
      </c>
      <c r="EN9" s="165">
        <v>1450</v>
      </c>
      <c r="EO9" s="164">
        <v>1678</v>
      </c>
      <c r="EP9" s="159">
        <v>1099</v>
      </c>
      <c r="EQ9" s="160">
        <v>2772</v>
      </c>
      <c r="ER9" s="165">
        <v>3871</v>
      </c>
      <c r="ES9" s="162">
        <v>0</v>
      </c>
      <c r="ET9" s="160">
        <v>4150</v>
      </c>
      <c r="EU9" s="160">
        <v>5471</v>
      </c>
      <c r="EV9" s="160">
        <v>2947</v>
      </c>
      <c r="EW9" s="160">
        <v>1934</v>
      </c>
      <c r="EX9" s="160">
        <v>1062</v>
      </c>
      <c r="EY9" s="165">
        <v>15564</v>
      </c>
      <c r="EZ9" s="164">
        <v>19435</v>
      </c>
    </row>
    <row r="10" spans="2:156" ht="21" customHeight="1" x14ac:dyDescent="0.2">
      <c r="B10" s="166" t="s">
        <v>7</v>
      </c>
      <c r="C10" s="159">
        <v>0</v>
      </c>
      <c r="D10" s="160">
        <v>0</v>
      </c>
      <c r="E10" s="161">
        <v>0</v>
      </c>
      <c r="F10" s="162">
        <v>0</v>
      </c>
      <c r="G10" s="160">
        <v>1545</v>
      </c>
      <c r="H10" s="160">
        <v>1039</v>
      </c>
      <c r="I10" s="160">
        <v>576</v>
      </c>
      <c r="J10" s="160">
        <v>570</v>
      </c>
      <c r="K10" s="160">
        <v>360</v>
      </c>
      <c r="L10" s="163">
        <v>4090</v>
      </c>
      <c r="M10" s="164">
        <v>4090</v>
      </c>
      <c r="N10" s="159">
        <v>0</v>
      </c>
      <c r="O10" s="160">
        <v>0</v>
      </c>
      <c r="P10" s="165">
        <v>0</v>
      </c>
      <c r="Q10" s="162">
        <v>0</v>
      </c>
      <c r="R10" s="160">
        <v>10</v>
      </c>
      <c r="S10" s="160">
        <v>41</v>
      </c>
      <c r="T10" s="160">
        <v>47</v>
      </c>
      <c r="U10" s="160">
        <v>147</v>
      </c>
      <c r="V10" s="160">
        <v>194</v>
      </c>
      <c r="W10" s="165">
        <v>439</v>
      </c>
      <c r="X10" s="164">
        <v>439</v>
      </c>
      <c r="Y10" s="159">
        <v>22</v>
      </c>
      <c r="Z10" s="160">
        <v>38</v>
      </c>
      <c r="AA10" s="165">
        <v>60</v>
      </c>
      <c r="AB10" s="162">
        <v>0</v>
      </c>
      <c r="AC10" s="160">
        <v>624</v>
      </c>
      <c r="AD10" s="160">
        <v>564</v>
      </c>
      <c r="AE10" s="160">
        <v>320</v>
      </c>
      <c r="AF10" s="160">
        <v>357</v>
      </c>
      <c r="AG10" s="160">
        <v>313</v>
      </c>
      <c r="AH10" s="165">
        <v>2178</v>
      </c>
      <c r="AI10" s="164">
        <v>2238</v>
      </c>
      <c r="AJ10" s="159">
        <v>3</v>
      </c>
      <c r="AK10" s="160">
        <v>11</v>
      </c>
      <c r="AL10" s="165">
        <v>14</v>
      </c>
      <c r="AM10" s="162">
        <v>0</v>
      </c>
      <c r="AN10" s="160">
        <v>63</v>
      </c>
      <c r="AO10" s="160">
        <v>70</v>
      </c>
      <c r="AP10" s="160">
        <v>49</v>
      </c>
      <c r="AQ10" s="160">
        <v>42</v>
      </c>
      <c r="AR10" s="160">
        <v>25</v>
      </c>
      <c r="AS10" s="165">
        <v>249</v>
      </c>
      <c r="AT10" s="164">
        <v>263</v>
      </c>
      <c r="AU10" s="159">
        <v>181</v>
      </c>
      <c r="AV10" s="160">
        <v>140</v>
      </c>
      <c r="AW10" s="165">
        <v>321</v>
      </c>
      <c r="AX10" s="162">
        <v>0</v>
      </c>
      <c r="AY10" s="160">
        <v>1373</v>
      </c>
      <c r="AZ10" s="160">
        <v>1258</v>
      </c>
      <c r="BA10" s="160">
        <v>983</v>
      </c>
      <c r="BB10" s="160">
        <v>1081</v>
      </c>
      <c r="BC10" s="160">
        <v>690</v>
      </c>
      <c r="BD10" s="163">
        <v>5385</v>
      </c>
      <c r="BE10" s="164">
        <v>5706</v>
      </c>
      <c r="BF10" s="159">
        <v>0</v>
      </c>
      <c r="BG10" s="160">
        <v>0</v>
      </c>
      <c r="BH10" s="165">
        <v>0</v>
      </c>
      <c r="BI10" s="162">
        <v>0</v>
      </c>
      <c r="BJ10" s="160">
        <v>1726</v>
      </c>
      <c r="BK10" s="160">
        <v>1056</v>
      </c>
      <c r="BL10" s="160">
        <v>512</v>
      </c>
      <c r="BM10" s="160">
        <v>294</v>
      </c>
      <c r="BN10" s="160">
        <v>130</v>
      </c>
      <c r="BO10" s="165">
        <v>3718</v>
      </c>
      <c r="BP10" s="164">
        <v>3718</v>
      </c>
      <c r="BQ10" s="159">
        <v>62</v>
      </c>
      <c r="BR10" s="160">
        <v>68</v>
      </c>
      <c r="BS10" s="165">
        <v>130</v>
      </c>
      <c r="BT10" s="162">
        <v>0</v>
      </c>
      <c r="BU10" s="160">
        <v>288</v>
      </c>
      <c r="BV10" s="160">
        <v>218</v>
      </c>
      <c r="BW10" s="160">
        <v>115</v>
      </c>
      <c r="BX10" s="160">
        <v>82</v>
      </c>
      <c r="BY10" s="160">
        <v>29</v>
      </c>
      <c r="BZ10" s="165">
        <v>732</v>
      </c>
      <c r="CA10" s="164">
        <v>862</v>
      </c>
      <c r="CB10" s="159">
        <v>2</v>
      </c>
      <c r="CC10" s="160">
        <v>5</v>
      </c>
      <c r="CD10" s="165">
        <v>7</v>
      </c>
      <c r="CE10" s="162">
        <v>0</v>
      </c>
      <c r="CF10" s="160">
        <v>248</v>
      </c>
      <c r="CG10" s="160">
        <v>292</v>
      </c>
      <c r="CH10" s="160">
        <v>270</v>
      </c>
      <c r="CI10" s="160">
        <v>185</v>
      </c>
      <c r="CJ10" s="160">
        <v>125</v>
      </c>
      <c r="CK10" s="165">
        <v>1120</v>
      </c>
      <c r="CL10" s="164">
        <v>1127</v>
      </c>
      <c r="CM10" s="159">
        <v>0</v>
      </c>
      <c r="CN10" s="160">
        <v>0</v>
      </c>
      <c r="CO10" s="165">
        <v>0</v>
      </c>
      <c r="CP10" s="162">
        <v>0</v>
      </c>
      <c r="CQ10" s="160">
        <v>11</v>
      </c>
      <c r="CR10" s="160">
        <v>7</v>
      </c>
      <c r="CS10" s="160">
        <v>17</v>
      </c>
      <c r="CT10" s="160">
        <v>19</v>
      </c>
      <c r="CU10" s="160">
        <v>6</v>
      </c>
      <c r="CV10" s="165">
        <v>60</v>
      </c>
      <c r="CW10" s="164">
        <v>60</v>
      </c>
      <c r="CX10" s="159">
        <v>0</v>
      </c>
      <c r="CY10" s="160">
        <v>0</v>
      </c>
      <c r="CZ10" s="165">
        <v>0</v>
      </c>
      <c r="DA10" s="162">
        <v>0</v>
      </c>
      <c r="DB10" s="160">
        <v>0</v>
      </c>
      <c r="DC10" s="160">
        <v>0</v>
      </c>
      <c r="DD10" s="160">
        <v>0</v>
      </c>
      <c r="DE10" s="160">
        <v>0</v>
      </c>
      <c r="DF10" s="160">
        <v>0</v>
      </c>
      <c r="DG10" s="165">
        <v>0</v>
      </c>
      <c r="DH10" s="164">
        <v>0</v>
      </c>
      <c r="DI10" s="159">
        <v>0</v>
      </c>
      <c r="DJ10" s="160">
        <v>0</v>
      </c>
      <c r="DK10" s="165">
        <v>0</v>
      </c>
      <c r="DL10" s="162">
        <v>0</v>
      </c>
      <c r="DM10" s="160">
        <v>0</v>
      </c>
      <c r="DN10" s="160">
        <v>0</v>
      </c>
      <c r="DO10" s="160">
        <v>0</v>
      </c>
      <c r="DP10" s="160">
        <v>0</v>
      </c>
      <c r="DQ10" s="160">
        <v>0</v>
      </c>
      <c r="DR10" s="165">
        <v>0</v>
      </c>
      <c r="DS10" s="164">
        <v>0</v>
      </c>
      <c r="DT10" s="159">
        <v>476</v>
      </c>
      <c r="DU10" s="160">
        <v>867</v>
      </c>
      <c r="DV10" s="165">
        <v>1343</v>
      </c>
      <c r="DW10" s="162">
        <v>0</v>
      </c>
      <c r="DX10" s="160">
        <v>2312</v>
      </c>
      <c r="DY10" s="160">
        <v>2274</v>
      </c>
      <c r="DZ10" s="160">
        <v>1231</v>
      </c>
      <c r="EA10" s="160">
        <v>1025</v>
      </c>
      <c r="EB10" s="160">
        <v>618</v>
      </c>
      <c r="EC10" s="165">
        <v>7460</v>
      </c>
      <c r="ED10" s="164">
        <v>8803</v>
      </c>
      <c r="EE10" s="159">
        <v>109</v>
      </c>
      <c r="EF10" s="160">
        <v>56</v>
      </c>
      <c r="EG10" s="165">
        <v>165</v>
      </c>
      <c r="EH10" s="162">
        <v>0</v>
      </c>
      <c r="EI10" s="160">
        <v>477</v>
      </c>
      <c r="EJ10" s="160">
        <v>313</v>
      </c>
      <c r="EK10" s="160">
        <v>267</v>
      </c>
      <c r="EL10" s="160">
        <v>323</v>
      </c>
      <c r="EM10" s="160">
        <v>151</v>
      </c>
      <c r="EN10" s="165">
        <v>1531</v>
      </c>
      <c r="EO10" s="164">
        <v>1696</v>
      </c>
      <c r="EP10" s="159">
        <v>546</v>
      </c>
      <c r="EQ10" s="160">
        <v>938</v>
      </c>
      <c r="ER10" s="165">
        <v>1484</v>
      </c>
      <c r="ES10" s="162">
        <v>0</v>
      </c>
      <c r="ET10" s="160">
        <v>4660</v>
      </c>
      <c r="EU10" s="160">
        <v>3042</v>
      </c>
      <c r="EV10" s="160">
        <v>1483</v>
      </c>
      <c r="EW10" s="160">
        <v>1130</v>
      </c>
      <c r="EX10" s="160">
        <v>640</v>
      </c>
      <c r="EY10" s="165">
        <v>10955</v>
      </c>
      <c r="EZ10" s="164">
        <v>12439</v>
      </c>
    </row>
    <row r="11" spans="2:156" ht="21" customHeight="1" x14ac:dyDescent="0.2">
      <c r="B11" s="166" t="s">
        <v>8</v>
      </c>
      <c r="C11" s="159">
        <v>0</v>
      </c>
      <c r="D11" s="160">
        <v>0</v>
      </c>
      <c r="E11" s="161">
        <v>0</v>
      </c>
      <c r="F11" s="162">
        <v>0</v>
      </c>
      <c r="G11" s="160">
        <v>496</v>
      </c>
      <c r="H11" s="160">
        <v>605</v>
      </c>
      <c r="I11" s="160">
        <v>365</v>
      </c>
      <c r="J11" s="160">
        <v>312</v>
      </c>
      <c r="K11" s="160">
        <v>268</v>
      </c>
      <c r="L11" s="163">
        <v>2046</v>
      </c>
      <c r="M11" s="164">
        <v>2046</v>
      </c>
      <c r="N11" s="159">
        <v>0</v>
      </c>
      <c r="O11" s="160">
        <v>0</v>
      </c>
      <c r="P11" s="165">
        <v>0</v>
      </c>
      <c r="Q11" s="162">
        <v>0</v>
      </c>
      <c r="R11" s="160">
        <v>5</v>
      </c>
      <c r="S11" s="160">
        <v>12</v>
      </c>
      <c r="T11" s="160">
        <v>27</v>
      </c>
      <c r="U11" s="160">
        <v>51</v>
      </c>
      <c r="V11" s="160">
        <v>99</v>
      </c>
      <c r="W11" s="165">
        <v>194</v>
      </c>
      <c r="X11" s="164">
        <v>194</v>
      </c>
      <c r="Y11" s="159">
        <v>63</v>
      </c>
      <c r="Z11" s="160">
        <v>99</v>
      </c>
      <c r="AA11" s="165">
        <v>162</v>
      </c>
      <c r="AB11" s="162">
        <v>0</v>
      </c>
      <c r="AC11" s="160">
        <v>357</v>
      </c>
      <c r="AD11" s="160">
        <v>476</v>
      </c>
      <c r="AE11" s="160">
        <v>277</v>
      </c>
      <c r="AF11" s="160">
        <v>270</v>
      </c>
      <c r="AG11" s="160">
        <v>222</v>
      </c>
      <c r="AH11" s="165">
        <v>1602</v>
      </c>
      <c r="AI11" s="164">
        <v>1764</v>
      </c>
      <c r="AJ11" s="159">
        <v>12</v>
      </c>
      <c r="AK11" s="160">
        <v>23</v>
      </c>
      <c r="AL11" s="165">
        <v>35</v>
      </c>
      <c r="AM11" s="162">
        <v>0</v>
      </c>
      <c r="AN11" s="160">
        <v>75</v>
      </c>
      <c r="AO11" s="160">
        <v>100</v>
      </c>
      <c r="AP11" s="160">
        <v>35</v>
      </c>
      <c r="AQ11" s="160">
        <v>50</v>
      </c>
      <c r="AR11" s="160">
        <v>26</v>
      </c>
      <c r="AS11" s="165">
        <v>286</v>
      </c>
      <c r="AT11" s="164">
        <v>321</v>
      </c>
      <c r="AU11" s="159">
        <v>88</v>
      </c>
      <c r="AV11" s="160">
        <v>57</v>
      </c>
      <c r="AW11" s="165">
        <v>145</v>
      </c>
      <c r="AX11" s="162">
        <v>0</v>
      </c>
      <c r="AY11" s="160">
        <v>551</v>
      </c>
      <c r="AZ11" s="160">
        <v>647</v>
      </c>
      <c r="BA11" s="160">
        <v>608</v>
      </c>
      <c r="BB11" s="160">
        <v>567</v>
      </c>
      <c r="BC11" s="160">
        <v>461</v>
      </c>
      <c r="BD11" s="163">
        <v>2834</v>
      </c>
      <c r="BE11" s="164">
        <v>2979</v>
      </c>
      <c r="BF11" s="159">
        <v>0</v>
      </c>
      <c r="BG11" s="160">
        <v>0</v>
      </c>
      <c r="BH11" s="165">
        <v>0</v>
      </c>
      <c r="BI11" s="162">
        <v>0</v>
      </c>
      <c r="BJ11" s="160">
        <v>651</v>
      </c>
      <c r="BK11" s="160">
        <v>637</v>
      </c>
      <c r="BL11" s="160">
        <v>347</v>
      </c>
      <c r="BM11" s="160">
        <v>218</v>
      </c>
      <c r="BN11" s="160">
        <v>118</v>
      </c>
      <c r="BO11" s="165">
        <v>1971</v>
      </c>
      <c r="BP11" s="164">
        <v>1971</v>
      </c>
      <c r="BQ11" s="159">
        <v>76</v>
      </c>
      <c r="BR11" s="160">
        <v>65</v>
      </c>
      <c r="BS11" s="165">
        <v>141</v>
      </c>
      <c r="BT11" s="162">
        <v>0</v>
      </c>
      <c r="BU11" s="160">
        <v>162</v>
      </c>
      <c r="BV11" s="160">
        <v>194</v>
      </c>
      <c r="BW11" s="160">
        <v>107</v>
      </c>
      <c r="BX11" s="160">
        <v>56</v>
      </c>
      <c r="BY11" s="160">
        <v>17</v>
      </c>
      <c r="BZ11" s="165">
        <v>536</v>
      </c>
      <c r="CA11" s="164">
        <v>677</v>
      </c>
      <c r="CB11" s="159">
        <v>4</v>
      </c>
      <c r="CC11" s="160">
        <v>9</v>
      </c>
      <c r="CD11" s="165">
        <v>13</v>
      </c>
      <c r="CE11" s="162">
        <v>0</v>
      </c>
      <c r="CF11" s="160">
        <v>83</v>
      </c>
      <c r="CG11" s="160">
        <v>154</v>
      </c>
      <c r="CH11" s="160">
        <v>181</v>
      </c>
      <c r="CI11" s="160">
        <v>117</v>
      </c>
      <c r="CJ11" s="160">
        <v>61</v>
      </c>
      <c r="CK11" s="165">
        <v>596</v>
      </c>
      <c r="CL11" s="164">
        <v>609</v>
      </c>
      <c r="CM11" s="159">
        <v>2</v>
      </c>
      <c r="CN11" s="160">
        <v>0</v>
      </c>
      <c r="CO11" s="165">
        <v>2</v>
      </c>
      <c r="CP11" s="162">
        <v>0</v>
      </c>
      <c r="CQ11" s="160">
        <v>2</v>
      </c>
      <c r="CR11" s="160">
        <v>2</v>
      </c>
      <c r="CS11" s="160">
        <v>6</v>
      </c>
      <c r="CT11" s="160">
        <v>7</v>
      </c>
      <c r="CU11" s="160">
        <v>3</v>
      </c>
      <c r="CV11" s="165">
        <v>20</v>
      </c>
      <c r="CW11" s="164">
        <v>22</v>
      </c>
      <c r="CX11" s="159">
        <v>0</v>
      </c>
      <c r="CY11" s="160">
        <v>0</v>
      </c>
      <c r="CZ11" s="165">
        <v>0</v>
      </c>
      <c r="DA11" s="162">
        <v>0</v>
      </c>
      <c r="DB11" s="160">
        <v>0</v>
      </c>
      <c r="DC11" s="160">
        <v>0</v>
      </c>
      <c r="DD11" s="160">
        <v>0</v>
      </c>
      <c r="DE11" s="160">
        <v>0</v>
      </c>
      <c r="DF11" s="160">
        <v>0</v>
      </c>
      <c r="DG11" s="165">
        <v>0</v>
      </c>
      <c r="DH11" s="164">
        <v>0</v>
      </c>
      <c r="DI11" s="159">
        <v>0</v>
      </c>
      <c r="DJ11" s="160">
        <v>0</v>
      </c>
      <c r="DK11" s="165">
        <v>0</v>
      </c>
      <c r="DL11" s="162">
        <v>0</v>
      </c>
      <c r="DM11" s="160">
        <v>0</v>
      </c>
      <c r="DN11" s="160">
        <v>0</v>
      </c>
      <c r="DO11" s="160">
        <v>0</v>
      </c>
      <c r="DP11" s="160">
        <v>0</v>
      </c>
      <c r="DQ11" s="160">
        <v>0</v>
      </c>
      <c r="DR11" s="165">
        <v>0</v>
      </c>
      <c r="DS11" s="164">
        <v>0</v>
      </c>
      <c r="DT11" s="159">
        <v>511</v>
      </c>
      <c r="DU11" s="160">
        <v>627</v>
      </c>
      <c r="DV11" s="165">
        <v>1138</v>
      </c>
      <c r="DW11" s="162">
        <v>0</v>
      </c>
      <c r="DX11" s="160">
        <v>1113</v>
      </c>
      <c r="DY11" s="160">
        <v>1622</v>
      </c>
      <c r="DZ11" s="160">
        <v>871</v>
      </c>
      <c r="EA11" s="160">
        <v>661</v>
      </c>
      <c r="EB11" s="160">
        <v>427</v>
      </c>
      <c r="EC11" s="165">
        <v>4694</v>
      </c>
      <c r="ED11" s="164">
        <v>5832</v>
      </c>
      <c r="EE11" s="159">
        <v>50</v>
      </c>
      <c r="EF11" s="160">
        <v>17</v>
      </c>
      <c r="EG11" s="165">
        <v>67</v>
      </c>
      <c r="EH11" s="162">
        <v>0</v>
      </c>
      <c r="EI11" s="160">
        <v>167</v>
      </c>
      <c r="EJ11" s="160">
        <v>129</v>
      </c>
      <c r="EK11" s="160">
        <v>114</v>
      </c>
      <c r="EL11" s="160">
        <v>122</v>
      </c>
      <c r="EM11" s="160">
        <v>78</v>
      </c>
      <c r="EN11" s="165">
        <v>610</v>
      </c>
      <c r="EO11" s="164">
        <v>677</v>
      </c>
      <c r="EP11" s="159">
        <v>612</v>
      </c>
      <c r="EQ11" s="160">
        <v>709</v>
      </c>
      <c r="ER11" s="165">
        <v>1321</v>
      </c>
      <c r="ES11" s="162">
        <v>0</v>
      </c>
      <c r="ET11" s="160">
        <v>2004</v>
      </c>
      <c r="EU11" s="160">
        <v>2020</v>
      </c>
      <c r="EV11" s="160">
        <v>1028</v>
      </c>
      <c r="EW11" s="160">
        <v>707</v>
      </c>
      <c r="EX11" s="160">
        <v>447</v>
      </c>
      <c r="EY11" s="165">
        <v>6206</v>
      </c>
      <c r="EZ11" s="164">
        <v>7527</v>
      </c>
    </row>
    <row r="12" spans="2:156" ht="21" customHeight="1" x14ac:dyDescent="0.2">
      <c r="B12" s="166" t="s">
        <v>9</v>
      </c>
      <c r="C12" s="159">
        <v>0</v>
      </c>
      <c r="D12" s="160">
        <v>0</v>
      </c>
      <c r="E12" s="161">
        <v>0</v>
      </c>
      <c r="F12" s="162">
        <v>0</v>
      </c>
      <c r="G12" s="160">
        <v>635</v>
      </c>
      <c r="H12" s="160">
        <v>529</v>
      </c>
      <c r="I12" s="160">
        <v>397</v>
      </c>
      <c r="J12" s="160">
        <v>350</v>
      </c>
      <c r="K12" s="160">
        <v>236</v>
      </c>
      <c r="L12" s="163">
        <v>2147</v>
      </c>
      <c r="M12" s="164">
        <v>2147</v>
      </c>
      <c r="N12" s="159">
        <v>0</v>
      </c>
      <c r="O12" s="160">
        <v>0</v>
      </c>
      <c r="P12" s="165">
        <v>0</v>
      </c>
      <c r="Q12" s="162">
        <v>0</v>
      </c>
      <c r="R12" s="160">
        <v>3</v>
      </c>
      <c r="S12" s="160">
        <v>9</v>
      </c>
      <c r="T12" s="160">
        <v>22</v>
      </c>
      <c r="U12" s="160">
        <v>55</v>
      </c>
      <c r="V12" s="160">
        <v>99</v>
      </c>
      <c r="W12" s="165">
        <v>188</v>
      </c>
      <c r="X12" s="164">
        <v>188</v>
      </c>
      <c r="Y12" s="159">
        <v>77</v>
      </c>
      <c r="Z12" s="160">
        <v>106</v>
      </c>
      <c r="AA12" s="165">
        <v>183</v>
      </c>
      <c r="AB12" s="162">
        <v>0</v>
      </c>
      <c r="AC12" s="160">
        <v>394</v>
      </c>
      <c r="AD12" s="160">
        <v>356</v>
      </c>
      <c r="AE12" s="160">
        <v>278</v>
      </c>
      <c r="AF12" s="160">
        <v>291</v>
      </c>
      <c r="AG12" s="160">
        <v>214</v>
      </c>
      <c r="AH12" s="165">
        <v>1533</v>
      </c>
      <c r="AI12" s="164">
        <v>1716</v>
      </c>
      <c r="AJ12" s="159">
        <v>3</v>
      </c>
      <c r="AK12" s="160">
        <v>6</v>
      </c>
      <c r="AL12" s="165">
        <v>9</v>
      </c>
      <c r="AM12" s="162">
        <v>0</v>
      </c>
      <c r="AN12" s="160">
        <v>33</v>
      </c>
      <c r="AO12" s="160">
        <v>45</v>
      </c>
      <c r="AP12" s="160">
        <v>31</v>
      </c>
      <c r="AQ12" s="160">
        <v>26</v>
      </c>
      <c r="AR12" s="160">
        <v>27</v>
      </c>
      <c r="AS12" s="165">
        <v>162</v>
      </c>
      <c r="AT12" s="164">
        <v>171</v>
      </c>
      <c r="AU12" s="159">
        <v>93</v>
      </c>
      <c r="AV12" s="160">
        <v>83</v>
      </c>
      <c r="AW12" s="165">
        <v>176</v>
      </c>
      <c r="AX12" s="162">
        <v>0</v>
      </c>
      <c r="AY12" s="160">
        <v>614</v>
      </c>
      <c r="AZ12" s="160">
        <v>602</v>
      </c>
      <c r="BA12" s="160">
        <v>626</v>
      </c>
      <c r="BB12" s="160">
        <v>617</v>
      </c>
      <c r="BC12" s="160">
        <v>433</v>
      </c>
      <c r="BD12" s="163">
        <v>2892</v>
      </c>
      <c r="BE12" s="164">
        <v>3068</v>
      </c>
      <c r="BF12" s="159">
        <v>0</v>
      </c>
      <c r="BG12" s="160">
        <v>0</v>
      </c>
      <c r="BH12" s="165">
        <v>0</v>
      </c>
      <c r="BI12" s="162">
        <v>0</v>
      </c>
      <c r="BJ12" s="160">
        <v>595</v>
      </c>
      <c r="BK12" s="160">
        <v>448</v>
      </c>
      <c r="BL12" s="160">
        <v>267</v>
      </c>
      <c r="BM12" s="160">
        <v>161</v>
      </c>
      <c r="BN12" s="160">
        <v>68</v>
      </c>
      <c r="BO12" s="165">
        <v>1539</v>
      </c>
      <c r="BP12" s="164">
        <v>1539</v>
      </c>
      <c r="BQ12" s="159">
        <v>57</v>
      </c>
      <c r="BR12" s="160">
        <v>76</v>
      </c>
      <c r="BS12" s="165">
        <v>133</v>
      </c>
      <c r="BT12" s="162">
        <v>0</v>
      </c>
      <c r="BU12" s="160">
        <v>169</v>
      </c>
      <c r="BV12" s="160">
        <v>136</v>
      </c>
      <c r="BW12" s="160">
        <v>83</v>
      </c>
      <c r="BX12" s="160">
        <v>69</v>
      </c>
      <c r="BY12" s="160">
        <v>22</v>
      </c>
      <c r="BZ12" s="165">
        <v>479</v>
      </c>
      <c r="CA12" s="164">
        <v>612</v>
      </c>
      <c r="CB12" s="159">
        <v>0</v>
      </c>
      <c r="CC12" s="160">
        <v>4</v>
      </c>
      <c r="CD12" s="165">
        <v>4</v>
      </c>
      <c r="CE12" s="162">
        <v>0</v>
      </c>
      <c r="CF12" s="160">
        <v>60</v>
      </c>
      <c r="CG12" s="160">
        <v>99</v>
      </c>
      <c r="CH12" s="160">
        <v>108</v>
      </c>
      <c r="CI12" s="160">
        <v>110</v>
      </c>
      <c r="CJ12" s="160">
        <v>56</v>
      </c>
      <c r="CK12" s="165">
        <v>433</v>
      </c>
      <c r="CL12" s="164">
        <v>437</v>
      </c>
      <c r="CM12" s="159">
        <v>0</v>
      </c>
      <c r="CN12" s="160">
        <v>1</v>
      </c>
      <c r="CO12" s="165">
        <v>1</v>
      </c>
      <c r="CP12" s="162">
        <v>0</v>
      </c>
      <c r="CQ12" s="160">
        <v>6</v>
      </c>
      <c r="CR12" s="160">
        <v>15</v>
      </c>
      <c r="CS12" s="160">
        <v>18</v>
      </c>
      <c r="CT12" s="160">
        <v>15</v>
      </c>
      <c r="CU12" s="160">
        <v>18</v>
      </c>
      <c r="CV12" s="165">
        <v>72</v>
      </c>
      <c r="CW12" s="164">
        <v>73</v>
      </c>
      <c r="CX12" s="159">
        <v>0</v>
      </c>
      <c r="CY12" s="160">
        <v>0</v>
      </c>
      <c r="CZ12" s="165">
        <v>0</v>
      </c>
      <c r="DA12" s="162">
        <v>0</v>
      </c>
      <c r="DB12" s="160">
        <v>0</v>
      </c>
      <c r="DC12" s="160">
        <v>0</v>
      </c>
      <c r="DD12" s="160">
        <v>0</v>
      </c>
      <c r="DE12" s="160">
        <v>0</v>
      </c>
      <c r="DF12" s="160">
        <v>0</v>
      </c>
      <c r="DG12" s="165">
        <v>0</v>
      </c>
      <c r="DH12" s="164">
        <v>0</v>
      </c>
      <c r="DI12" s="159">
        <v>0</v>
      </c>
      <c r="DJ12" s="160">
        <v>0</v>
      </c>
      <c r="DK12" s="165">
        <v>0</v>
      </c>
      <c r="DL12" s="162">
        <v>0</v>
      </c>
      <c r="DM12" s="160">
        <v>0</v>
      </c>
      <c r="DN12" s="160">
        <v>0</v>
      </c>
      <c r="DO12" s="160">
        <v>0</v>
      </c>
      <c r="DP12" s="160">
        <v>0</v>
      </c>
      <c r="DQ12" s="160">
        <v>0</v>
      </c>
      <c r="DR12" s="165">
        <v>0</v>
      </c>
      <c r="DS12" s="164">
        <v>0</v>
      </c>
      <c r="DT12" s="159">
        <v>394</v>
      </c>
      <c r="DU12" s="160">
        <v>494</v>
      </c>
      <c r="DV12" s="165">
        <v>888</v>
      </c>
      <c r="DW12" s="162">
        <v>0</v>
      </c>
      <c r="DX12" s="160">
        <v>962</v>
      </c>
      <c r="DY12" s="160">
        <v>1030</v>
      </c>
      <c r="DZ12" s="160">
        <v>688</v>
      </c>
      <c r="EA12" s="160">
        <v>597</v>
      </c>
      <c r="EB12" s="160">
        <v>364</v>
      </c>
      <c r="EC12" s="165">
        <v>3641</v>
      </c>
      <c r="ED12" s="164">
        <v>4529</v>
      </c>
      <c r="EE12" s="159">
        <v>53</v>
      </c>
      <c r="EF12" s="160">
        <v>21</v>
      </c>
      <c r="EG12" s="165">
        <v>74</v>
      </c>
      <c r="EH12" s="162">
        <v>0</v>
      </c>
      <c r="EI12" s="160">
        <v>224</v>
      </c>
      <c r="EJ12" s="160">
        <v>163</v>
      </c>
      <c r="EK12" s="160">
        <v>163</v>
      </c>
      <c r="EL12" s="160">
        <v>178</v>
      </c>
      <c r="EM12" s="160">
        <v>112</v>
      </c>
      <c r="EN12" s="165">
        <v>840</v>
      </c>
      <c r="EO12" s="164">
        <v>914</v>
      </c>
      <c r="EP12" s="159">
        <v>485</v>
      </c>
      <c r="EQ12" s="160">
        <v>583</v>
      </c>
      <c r="ER12" s="165">
        <v>1068</v>
      </c>
      <c r="ES12" s="162">
        <v>0</v>
      </c>
      <c r="ET12" s="160">
        <v>1785</v>
      </c>
      <c r="EU12" s="160">
        <v>1322</v>
      </c>
      <c r="EV12" s="160">
        <v>798</v>
      </c>
      <c r="EW12" s="160">
        <v>637</v>
      </c>
      <c r="EX12" s="160">
        <v>358</v>
      </c>
      <c r="EY12" s="165">
        <v>4900</v>
      </c>
      <c r="EZ12" s="164">
        <v>5968</v>
      </c>
    </row>
    <row r="13" spans="2:156" ht="21" customHeight="1" x14ac:dyDescent="0.2">
      <c r="B13" s="166" t="s">
        <v>10</v>
      </c>
      <c r="C13" s="159">
        <v>0</v>
      </c>
      <c r="D13" s="160">
        <v>0</v>
      </c>
      <c r="E13" s="161">
        <v>0</v>
      </c>
      <c r="F13" s="162">
        <v>0</v>
      </c>
      <c r="G13" s="160">
        <v>1349</v>
      </c>
      <c r="H13" s="160">
        <v>751</v>
      </c>
      <c r="I13" s="160">
        <v>512</v>
      </c>
      <c r="J13" s="160">
        <v>490</v>
      </c>
      <c r="K13" s="160">
        <v>370</v>
      </c>
      <c r="L13" s="163">
        <v>3472</v>
      </c>
      <c r="M13" s="164">
        <v>3472</v>
      </c>
      <c r="N13" s="159">
        <v>0</v>
      </c>
      <c r="O13" s="160">
        <v>2</v>
      </c>
      <c r="P13" s="165">
        <v>2</v>
      </c>
      <c r="Q13" s="162">
        <v>0</v>
      </c>
      <c r="R13" s="160">
        <v>7</v>
      </c>
      <c r="S13" s="160">
        <v>25</v>
      </c>
      <c r="T13" s="160">
        <v>38</v>
      </c>
      <c r="U13" s="160">
        <v>82</v>
      </c>
      <c r="V13" s="160">
        <v>157</v>
      </c>
      <c r="W13" s="165">
        <v>309</v>
      </c>
      <c r="X13" s="164">
        <v>311</v>
      </c>
      <c r="Y13" s="159">
        <v>177</v>
      </c>
      <c r="Z13" s="160">
        <v>314</v>
      </c>
      <c r="AA13" s="165">
        <v>491</v>
      </c>
      <c r="AB13" s="162">
        <v>0</v>
      </c>
      <c r="AC13" s="160">
        <v>932</v>
      </c>
      <c r="AD13" s="160">
        <v>588</v>
      </c>
      <c r="AE13" s="160">
        <v>375</v>
      </c>
      <c r="AF13" s="160">
        <v>337</v>
      </c>
      <c r="AG13" s="160">
        <v>261</v>
      </c>
      <c r="AH13" s="165">
        <v>2493</v>
      </c>
      <c r="AI13" s="164">
        <v>2984</v>
      </c>
      <c r="AJ13" s="159">
        <v>19</v>
      </c>
      <c r="AK13" s="160">
        <v>58</v>
      </c>
      <c r="AL13" s="165">
        <v>77</v>
      </c>
      <c r="AM13" s="162">
        <v>0</v>
      </c>
      <c r="AN13" s="160">
        <v>122</v>
      </c>
      <c r="AO13" s="160">
        <v>91</v>
      </c>
      <c r="AP13" s="160">
        <v>60</v>
      </c>
      <c r="AQ13" s="160">
        <v>40</v>
      </c>
      <c r="AR13" s="160">
        <v>57</v>
      </c>
      <c r="AS13" s="165">
        <v>370</v>
      </c>
      <c r="AT13" s="164">
        <v>447</v>
      </c>
      <c r="AU13" s="159">
        <v>230</v>
      </c>
      <c r="AV13" s="160">
        <v>301</v>
      </c>
      <c r="AW13" s="165">
        <v>531</v>
      </c>
      <c r="AX13" s="162">
        <v>0</v>
      </c>
      <c r="AY13" s="160">
        <v>1457</v>
      </c>
      <c r="AZ13" s="160">
        <v>1144</v>
      </c>
      <c r="BA13" s="160">
        <v>988</v>
      </c>
      <c r="BB13" s="160">
        <v>1018</v>
      </c>
      <c r="BC13" s="160">
        <v>805</v>
      </c>
      <c r="BD13" s="163">
        <v>5412</v>
      </c>
      <c r="BE13" s="164">
        <v>5943</v>
      </c>
      <c r="BF13" s="159">
        <v>0</v>
      </c>
      <c r="BG13" s="160">
        <v>0</v>
      </c>
      <c r="BH13" s="165">
        <v>0</v>
      </c>
      <c r="BI13" s="162">
        <v>0</v>
      </c>
      <c r="BJ13" s="160">
        <v>1733</v>
      </c>
      <c r="BK13" s="160">
        <v>848</v>
      </c>
      <c r="BL13" s="160">
        <v>451</v>
      </c>
      <c r="BM13" s="160">
        <v>281</v>
      </c>
      <c r="BN13" s="160">
        <v>141</v>
      </c>
      <c r="BO13" s="165">
        <v>3454</v>
      </c>
      <c r="BP13" s="164">
        <v>3454</v>
      </c>
      <c r="BQ13" s="159">
        <v>43</v>
      </c>
      <c r="BR13" s="160">
        <v>85</v>
      </c>
      <c r="BS13" s="165">
        <v>128</v>
      </c>
      <c r="BT13" s="162">
        <v>0</v>
      </c>
      <c r="BU13" s="160">
        <v>236</v>
      </c>
      <c r="BV13" s="160">
        <v>188</v>
      </c>
      <c r="BW13" s="160">
        <v>115</v>
      </c>
      <c r="BX13" s="160">
        <v>57</v>
      </c>
      <c r="BY13" s="160">
        <v>32</v>
      </c>
      <c r="BZ13" s="165">
        <v>628</v>
      </c>
      <c r="CA13" s="164">
        <v>756</v>
      </c>
      <c r="CB13" s="159">
        <v>5</v>
      </c>
      <c r="CC13" s="160">
        <v>22</v>
      </c>
      <c r="CD13" s="165">
        <v>27</v>
      </c>
      <c r="CE13" s="162">
        <v>0</v>
      </c>
      <c r="CF13" s="160">
        <v>181</v>
      </c>
      <c r="CG13" s="160">
        <v>165</v>
      </c>
      <c r="CH13" s="160">
        <v>165</v>
      </c>
      <c r="CI13" s="160">
        <v>130</v>
      </c>
      <c r="CJ13" s="160">
        <v>76</v>
      </c>
      <c r="CK13" s="165">
        <v>717</v>
      </c>
      <c r="CL13" s="164">
        <v>744</v>
      </c>
      <c r="CM13" s="159">
        <v>0</v>
      </c>
      <c r="CN13" s="160">
        <v>2</v>
      </c>
      <c r="CO13" s="165">
        <v>2</v>
      </c>
      <c r="CP13" s="162">
        <v>0</v>
      </c>
      <c r="CQ13" s="160">
        <v>8</v>
      </c>
      <c r="CR13" s="160">
        <v>17</v>
      </c>
      <c r="CS13" s="160">
        <v>23</v>
      </c>
      <c r="CT13" s="160">
        <v>7</v>
      </c>
      <c r="CU13" s="160">
        <v>11</v>
      </c>
      <c r="CV13" s="165">
        <v>66</v>
      </c>
      <c r="CW13" s="164">
        <v>68</v>
      </c>
      <c r="CX13" s="159">
        <v>0</v>
      </c>
      <c r="CY13" s="160">
        <v>0</v>
      </c>
      <c r="CZ13" s="165">
        <v>0</v>
      </c>
      <c r="DA13" s="162">
        <v>0</v>
      </c>
      <c r="DB13" s="160">
        <v>0</v>
      </c>
      <c r="DC13" s="160">
        <v>0</v>
      </c>
      <c r="DD13" s="160">
        <v>0</v>
      </c>
      <c r="DE13" s="160">
        <v>0</v>
      </c>
      <c r="DF13" s="160">
        <v>0</v>
      </c>
      <c r="DG13" s="165">
        <v>0</v>
      </c>
      <c r="DH13" s="164">
        <v>0</v>
      </c>
      <c r="DI13" s="159">
        <v>0</v>
      </c>
      <c r="DJ13" s="160">
        <v>0</v>
      </c>
      <c r="DK13" s="165">
        <v>0</v>
      </c>
      <c r="DL13" s="162">
        <v>0</v>
      </c>
      <c r="DM13" s="160">
        <v>0</v>
      </c>
      <c r="DN13" s="160">
        <v>0</v>
      </c>
      <c r="DO13" s="160">
        <v>0</v>
      </c>
      <c r="DP13" s="160">
        <v>0</v>
      </c>
      <c r="DQ13" s="160">
        <v>0</v>
      </c>
      <c r="DR13" s="165">
        <v>0</v>
      </c>
      <c r="DS13" s="164">
        <v>0</v>
      </c>
      <c r="DT13" s="159">
        <v>1047</v>
      </c>
      <c r="DU13" s="160">
        <v>1317</v>
      </c>
      <c r="DV13" s="165">
        <v>2364</v>
      </c>
      <c r="DW13" s="162">
        <v>0</v>
      </c>
      <c r="DX13" s="160">
        <v>2085</v>
      </c>
      <c r="DY13" s="160">
        <v>1656</v>
      </c>
      <c r="DZ13" s="160">
        <v>1025</v>
      </c>
      <c r="EA13" s="160">
        <v>902</v>
      </c>
      <c r="EB13" s="160">
        <v>610</v>
      </c>
      <c r="EC13" s="165">
        <v>6278</v>
      </c>
      <c r="ED13" s="164">
        <v>8642</v>
      </c>
      <c r="EE13" s="159">
        <v>82</v>
      </c>
      <c r="EF13" s="160">
        <v>75</v>
      </c>
      <c r="EG13" s="165">
        <v>157</v>
      </c>
      <c r="EH13" s="162">
        <v>0</v>
      </c>
      <c r="EI13" s="160">
        <v>331</v>
      </c>
      <c r="EJ13" s="160">
        <v>253</v>
      </c>
      <c r="EK13" s="160">
        <v>226</v>
      </c>
      <c r="EL13" s="160">
        <v>227</v>
      </c>
      <c r="EM13" s="160">
        <v>155</v>
      </c>
      <c r="EN13" s="165">
        <v>1192</v>
      </c>
      <c r="EO13" s="164">
        <v>1349</v>
      </c>
      <c r="EP13" s="159">
        <v>1210</v>
      </c>
      <c r="EQ13" s="160">
        <v>1520</v>
      </c>
      <c r="ER13" s="165">
        <v>2730</v>
      </c>
      <c r="ES13" s="162">
        <v>0</v>
      </c>
      <c r="ET13" s="160">
        <v>3719</v>
      </c>
      <c r="EU13" s="160">
        <v>1991</v>
      </c>
      <c r="EV13" s="160">
        <v>1130</v>
      </c>
      <c r="EW13" s="160">
        <v>881</v>
      </c>
      <c r="EX13" s="160">
        <v>580</v>
      </c>
      <c r="EY13" s="165">
        <v>8301</v>
      </c>
      <c r="EZ13" s="164">
        <v>11031</v>
      </c>
    </row>
    <row r="14" spans="2:156" ht="21" customHeight="1" x14ac:dyDescent="0.2">
      <c r="B14" s="166" t="s">
        <v>11</v>
      </c>
      <c r="C14" s="159">
        <v>0</v>
      </c>
      <c r="D14" s="160">
        <v>0</v>
      </c>
      <c r="E14" s="161">
        <v>0</v>
      </c>
      <c r="F14" s="162">
        <v>0</v>
      </c>
      <c r="G14" s="160">
        <v>491</v>
      </c>
      <c r="H14" s="160">
        <v>379</v>
      </c>
      <c r="I14" s="160">
        <v>282</v>
      </c>
      <c r="J14" s="160">
        <v>233</v>
      </c>
      <c r="K14" s="160">
        <v>190</v>
      </c>
      <c r="L14" s="163">
        <v>1575</v>
      </c>
      <c r="M14" s="164">
        <v>1575</v>
      </c>
      <c r="N14" s="159">
        <v>0</v>
      </c>
      <c r="O14" s="160">
        <v>0</v>
      </c>
      <c r="P14" s="165">
        <v>0</v>
      </c>
      <c r="Q14" s="162">
        <v>0</v>
      </c>
      <c r="R14" s="160">
        <v>7</v>
      </c>
      <c r="S14" s="160">
        <v>10</v>
      </c>
      <c r="T14" s="160">
        <v>20</v>
      </c>
      <c r="U14" s="160">
        <v>45</v>
      </c>
      <c r="V14" s="160">
        <v>91</v>
      </c>
      <c r="W14" s="165">
        <v>173</v>
      </c>
      <c r="X14" s="164">
        <v>173</v>
      </c>
      <c r="Y14" s="159">
        <v>54</v>
      </c>
      <c r="Z14" s="160">
        <v>98</v>
      </c>
      <c r="AA14" s="165">
        <v>152</v>
      </c>
      <c r="AB14" s="162">
        <v>0</v>
      </c>
      <c r="AC14" s="160">
        <v>353</v>
      </c>
      <c r="AD14" s="160">
        <v>286</v>
      </c>
      <c r="AE14" s="160">
        <v>221</v>
      </c>
      <c r="AF14" s="160">
        <v>191</v>
      </c>
      <c r="AG14" s="160">
        <v>187</v>
      </c>
      <c r="AH14" s="165">
        <v>1238</v>
      </c>
      <c r="AI14" s="164">
        <v>1390</v>
      </c>
      <c r="AJ14" s="159">
        <v>2</v>
      </c>
      <c r="AK14" s="160">
        <v>5</v>
      </c>
      <c r="AL14" s="165">
        <v>7</v>
      </c>
      <c r="AM14" s="162">
        <v>0</v>
      </c>
      <c r="AN14" s="160">
        <v>24</v>
      </c>
      <c r="AO14" s="160">
        <v>21</v>
      </c>
      <c r="AP14" s="160">
        <v>27</v>
      </c>
      <c r="AQ14" s="160">
        <v>16</v>
      </c>
      <c r="AR14" s="160">
        <v>9</v>
      </c>
      <c r="AS14" s="165">
        <v>97</v>
      </c>
      <c r="AT14" s="164">
        <v>104</v>
      </c>
      <c r="AU14" s="159">
        <v>57</v>
      </c>
      <c r="AV14" s="160">
        <v>71</v>
      </c>
      <c r="AW14" s="165">
        <v>128</v>
      </c>
      <c r="AX14" s="162">
        <v>0</v>
      </c>
      <c r="AY14" s="160">
        <v>464</v>
      </c>
      <c r="AZ14" s="160">
        <v>521</v>
      </c>
      <c r="BA14" s="160">
        <v>479</v>
      </c>
      <c r="BB14" s="160">
        <v>465</v>
      </c>
      <c r="BC14" s="160">
        <v>356</v>
      </c>
      <c r="BD14" s="163">
        <v>2285</v>
      </c>
      <c r="BE14" s="164">
        <v>2413</v>
      </c>
      <c r="BF14" s="159">
        <v>0</v>
      </c>
      <c r="BG14" s="160">
        <v>0</v>
      </c>
      <c r="BH14" s="165">
        <v>0</v>
      </c>
      <c r="BI14" s="162">
        <v>0</v>
      </c>
      <c r="BJ14" s="160">
        <v>597</v>
      </c>
      <c r="BK14" s="160">
        <v>442</v>
      </c>
      <c r="BL14" s="160">
        <v>280</v>
      </c>
      <c r="BM14" s="160">
        <v>176</v>
      </c>
      <c r="BN14" s="160">
        <v>95</v>
      </c>
      <c r="BO14" s="165">
        <v>1590</v>
      </c>
      <c r="BP14" s="164">
        <v>1590</v>
      </c>
      <c r="BQ14" s="159">
        <v>125</v>
      </c>
      <c r="BR14" s="160">
        <v>91</v>
      </c>
      <c r="BS14" s="165">
        <v>216</v>
      </c>
      <c r="BT14" s="162">
        <v>0</v>
      </c>
      <c r="BU14" s="160">
        <v>245</v>
      </c>
      <c r="BV14" s="160">
        <v>155</v>
      </c>
      <c r="BW14" s="160">
        <v>88</v>
      </c>
      <c r="BX14" s="160">
        <v>73</v>
      </c>
      <c r="BY14" s="160">
        <v>26</v>
      </c>
      <c r="BZ14" s="165">
        <v>587</v>
      </c>
      <c r="CA14" s="164">
        <v>803</v>
      </c>
      <c r="CB14" s="159">
        <v>8</v>
      </c>
      <c r="CC14" s="160">
        <v>7</v>
      </c>
      <c r="CD14" s="165">
        <v>15</v>
      </c>
      <c r="CE14" s="162">
        <v>0</v>
      </c>
      <c r="CF14" s="160">
        <v>65</v>
      </c>
      <c r="CG14" s="160">
        <v>90</v>
      </c>
      <c r="CH14" s="160">
        <v>100</v>
      </c>
      <c r="CI14" s="160">
        <v>87</v>
      </c>
      <c r="CJ14" s="160">
        <v>55</v>
      </c>
      <c r="CK14" s="165">
        <v>397</v>
      </c>
      <c r="CL14" s="164">
        <v>412</v>
      </c>
      <c r="CM14" s="159">
        <v>0</v>
      </c>
      <c r="CN14" s="160">
        <v>1</v>
      </c>
      <c r="CO14" s="165">
        <v>1</v>
      </c>
      <c r="CP14" s="162">
        <v>0</v>
      </c>
      <c r="CQ14" s="160">
        <v>10</v>
      </c>
      <c r="CR14" s="160">
        <v>8</v>
      </c>
      <c r="CS14" s="160">
        <v>9</v>
      </c>
      <c r="CT14" s="160">
        <v>12</v>
      </c>
      <c r="CU14" s="160">
        <v>10</v>
      </c>
      <c r="CV14" s="165">
        <v>49</v>
      </c>
      <c r="CW14" s="164">
        <v>50</v>
      </c>
      <c r="CX14" s="159">
        <v>0</v>
      </c>
      <c r="CY14" s="160">
        <v>0</v>
      </c>
      <c r="CZ14" s="165">
        <v>0</v>
      </c>
      <c r="DA14" s="162">
        <v>0</v>
      </c>
      <c r="DB14" s="160">
        <v>0</v>
      </c>
      <c r="DC14" s="160">
        <v>0</v>
      </c>
      <c r="DD14" s="160">
        <v>0</v>
      </c>
      <c r="DE14" s="160">
        <v>0</v>
      </c>
      <c r="DF14" s="160">
        <v>0</v>
      </c>
      <c r="DG14" s="165">
        <v>0</v>
      </c>
      <c r="DH14" s="164">
        <v>0</v>
      </c>
      <c r="DI14" s="159">
        <v>0</v>
      </c>
      <c r="DJ14" s="160">
        <v>0</v>
      </c>
      <c r="DK14" s="165">
        <v>0</v>
      </c>
      <c r="DL14" s="162">
        <v>0</v>
      </c>
      <c r="DM14" s="160">
        <v>0</v>
      </c>
      <c r="DN14" s="160">
        <v>0</v>
      </c>
      <c r="DO14" s="160">
        <v>0</v>
      </c>
      <c r="DP14" s="160">
        <v>0</v>
      </c>
      <c r="DQ14" s="160">
        <v>0</v>
      </c>
      <c r="DR14" s="165">
        <v>0</v>
      </c>
      <c r="DS14" s="164">
        <v>0</v>
      </c>
      <c r="DT14" s="159">
        <v>427</v>
      </c>
      <c r="DU14" s="160">
        <v>539</v>
      </c>
      <c r="DV14" s="165">
        <v>966</v>
      </c>
      <c r="DW14" s="162">
        <v>0</v>
      </c>
      <c r="DX14" s="160">
        <v>1000</v>
      </c>
      <c r="DY14" s="160">
        <v>928</v>
      </c>
      <c r="DZ14" s="160">
        <v>673</v>
      </c>
      <c r="EA14" s="160">
        <v>499</v>
      </c>
      <c r="EB14" s="160">
        <v>345</v>
      </c>
      <c r="EC14" s="165">
        <v>3445</v>
      </c>
      <c r="ED14" s="164">
        <v>4411</v>
      </c>
      <c r="EE14" s="159">
        <v>41</v>
      </c>
      <c r="EF14" s="160">
        <v>30</v>
      </c>
      <c r="EG14" s="165">
        <v>71</v>
      </c>
      <c r="EH14" s="162">
        <v>0</v>
      </c>
      <c r="EI14" s="160">
        <v>182</v>
      </c>
      <c r="EJ14" s="160">
        <v>152</v>
      </c>
      <c r="EK14" s="160">
        <v>118</v>
      </c>
      <c r="EL14" s="160">
        <v>154</v>
      </c>
      <c r="EM14" s="160">
        <v>76</v>
      </c>
      <c r="EN14" s="165">
        <v>682</v>
      </c>
      <c r="EO14" s="164">
        <v>753</v>
      </c>
      <c r="EP14" s="159">
        <v>550</v>
      </c>
      <c r="EQ14" s="160">
        <v>630</v>
      </c>
      <c r="ER14" s="165">
        <v>1180</v>
      </c>
      <c r="ES14" s="162">
        <v>0</v>
      </c>
      <c r="ET14" s="160">
        <v>1796</v>
      </c>
      <c r="EU14" s="160">
        <v>1201</v>
      </c>
      <c r="EV14" s="160">
        <v>775</v>
      </c>
      <c r="EW14" s="160">
        <v>533</v>
      </c>
      <c r="EX14" s="160">
        <v>345</v>
      </c>
      <c r="EY14" s="165">
        <v>4650</v>
      </c>
      <c r="EZ14" s="164">
        <v>5830</v>
      </c>
    </row>
    <row r="15" spans="2:156" ht="21" customHeight="1" x14ac:dyDescent="0.2">
      <c r="B15" s="166" t="s">
        <v>12</v>
      </c>
      <c r="C15" s="159">
        <v>0</v>
      </c>
      <c r="D15" s="160">
        <v>0</v>
      </c>
      <c r="E15" s="161">
        <v>0</v>
      </c>
      <c r="F15" s="162">
        <v>0</v>
      </c>
      <c r="G15" s="160">
        <v>547</v>
      </c>
      <c r="H15" s="160">
        <v>525</v>
      </c>
      <c r="I15" s="160">
        <v>323</v>
      </c>
      <c r="J15" s="160">
        <v>300</v>
      </c>
      <c r="K15" s="160">
        <v>193</v>
      </c>
      <c r="L15" s="163">
        <v>1888</v>
      </c>
      <c r="M15" s="164">
        <v>1888</v>
      </c>
      <c r="N15" s="159">
        <v>0</v>
      </c>
      <c r="O15" s="160">
        <v>3</v>
      </c>
      <c r="P15" s="165">
        <v>3</v>
      </c>
      <c r="Q15" s="162">
        <v>0</v>
      </c>
      <c r="R15" s="160">
        <v>2</v>
      </c>
      <c r="S15" s="160">
        <v>20</v>
      </c>
      <c r="T15" s="160">
        <v>13</v>
      </c>
      <c r="U15" s="160">
        <v>62</v>
      </c>
      <c r="V15" s="160">
        <v>67</v>
      </c>
      <c r="W15" s="165">
        <v>164</v>
      </c>
      <c r="X15" s="164">
        <v>167</v>
      </c>
      <c r="Y15" s="159">
        <v>131</v>
      </c>
      <c r="Z15" s="160">
        <v>304</v>
      </c>
      <c r="AA15" s="165">
        <v>435</v>
      </c>
      <c r="AB15" s="162">
        <v>0</v>
      </c>
      <c r="AC15" s="160">
        <v>399</v>
      </c>
      <c r="AD15" s="160">
        <v>478</v>
      </c>
      <c r="AE15" s="160">
        <v>258</v>
      </c>
      <c r="AF15" s="160">
        <v>248</v>
      </c>
      <c r="AG15" s="160">
        <v>163</v>
      </c>
      <c r="AH15" s="165">
        <v>1546</v>
      </c>
      <c r="AI15" s="164">
        <v>1981</v>
      </c>
      <c r="AJ15" s="159">
        <v>10</v>
      </c>
      <c r="AK15" s="160">
        <v>28</v>
      </c>
      <c r="AL15" s="165">
        <v>38</v>
      </c>
      <c r="AM15" s="162">
        <v>0</v>
      </c>
      <c r="AN15" s="160">
        <v>18</v>
      </c>
      <c r="AO15" s="160">
        <v>42</v>
      </c>
      <c r="AP15" s="160">
        <v>18</v>
      </c>
      <c r="AQ15" s="160">
        <v>25</v>
      </c>
      <c r="AR15" s="160">
        <v>14</v>
      </c>
      <c r="AS15" s="165">
        <v>117</v>
      </c>
      <c r="AT15" s="164">
        <v>155</v>
      </c>
      <c r="AU15" s="159">
        <v>85</v>
      </c>
      <c r="AV15" s="160">
        <v>138</v>
      </c>
      <c r="AW15" s="165">
        <v>223</v>
      </c>
      <c r="AX15" s="162">
        <v>0</v>
      </c>
      <c r="AY15" s="160">
        <v>388</v>
      </c>
      <c r="AZ15" s="160">
        <v>467</v>
      </c>
      <c r="BA15" s="160">
        <v>400</v>
      </c>
      <c r="BB15" s="160">
        <v>520</v>
      </c>
      <c r="BC15" s="160">
        <v>319</v>
      </c>
      <c r="BD15" s="163">
        <v>2094</v>
      </c>
      <c r="BE15" s="164">
        <v>2317</v>
      </c>
      <c r="BF15" s="159">
        <v>0</v>
      </c>
      <c r="BG15" s="160">
        <v>0</v>
      </c>
      <c r="BH15" s="165">
        <v>0</v>
      </c>
      <c r="BI15" s="162">
        <v>0</v>
      </c>
      <c r="BJ15" s="160">
        <v>707</v>
      </c>
      <c r="BK15" s="160">
        <v>497</v>
      </c>
      <c r="BL15" s="160">
        <v>271</v>
      </c>
      <c r="BM15" s="160">
        <v>198</v>
      </c>
      <c r="BN15" s="160">
        <v>79</v>
      </c>
      <c r="BO15" s="165">
        <v>1752</v>
      </c>
      <c r="BP15" s="164">
        <v>1752</v>
      </c>
      <c r="BQ15" s="159">
        <v>102</v>
      </c>
      <c r="BR15" s="160">
        <v>133</v>
      </c>
      <c r="BS15" s="165">
        <v>235</v>
      </c>
      <c r="BT15" s="162">
        <v>0</v>
      </c>
      <c r="BU15" s="160">
        <v>136</v>
      </c>
      <c r="BV15" s="160">
        <v>203</v>
      </c>
      <c r="BW15" s="160">
        <v>101</v>
      </c>
      <c r="BX15" s="160">
        <v>70</v>
      </c>
      <c r="BY15" s="160">
        <v>21</v>
      </c>
      <c r="BZ15" s="165">
        <v>531</v>
      </c>
      <c r="CA15" s="164">
        <v>766</v>
      </c>
      <c r="CB15" s="159">
        <v>7</v>
      </c>
      <c r="CC15" s="160">
        <v>10</v>
      </c>
      <c r="CD15" s="165">
        <v>17</v>
      </c>
      <c r="CE15" s="162">
        <v>0</v>
      </c>
      <c r="CF15" s="160">
        <v>84</v>
      </c>
      <c r="CG15" s="160">
        <v>130</v>
      </c>
      <c r="CH15" s="160">
        <v>115</v>
      </c>
      <c r="CI15" s="160">
        <v>94</v>
      </c>
      <c r="CJ15" s="160">
        <v>44</v>
      </c>
      <c r="CK15" s="165">
        <v>467</v>
      </c>
      <c r="CL15" s="164">
        <v>484</v>
      </c>
      <c r="CM15" s="159">
        <v>0</v>
      </c>
      <c r="CN15" s="160">
        <v>0</v>
      </c>
      <c r="CO15" s="165">
        <v>0</v>
      </c>
      <c r="CP15" s="162">
        <v>0</v>
      </c>
      <c r="CQ15" s="160">
        <v>0</v>
      </c>
      <c r="CR15" s="160">
        <v>3</v>
      </c>
      <c r="CS15" s="160">
        <v>4</v>
      </c>
      <c r="CT15" s="160">
        <v>3</v>
      </c>
      <c r="CU15" s="160">
        <v>3</v>
      </c>
      <c r="CV15" s="165">
        <v>13</v>
      </c>
      <c r="CW15" s="164">
        <v>13</v>
      </c>
      <c r="CX15" s="159">
        <v>0</v>
      </c>
      <c r="CY15" s="160">
        <v>0</v>
      </c>
      <c r="CZ15" s="165">
        <v>0</v>
      </c>
      <c r="DA15" s="162">
        <v>0</v>
      </c>
      <c r="DB15" s="160">
        <v>0</v>
      </c>
      <c r="DC15" s="160">
        <v>0</v>
      </c>
      <c r="DD15" s="160">
        <v>0</v>
      </c>
      <c r="DE15" s="160">
        <v>0</v>
      </c>
      <c r="DF15" s="160">
        <v>0</v>
      </c>
      <c r="DG15" s="165">
        <v>0</v>
      </c>
      <c r="DH15" s="164">
        <v>0</v>
      </c>
      <c r="DI15" s="159">
        <v>0</v>
      </c>
      <c r="DJ15" s="160">
        <v>0</v>
      </c>
      <c r="DK15" s="165">
        <v>0</v>
      </c>
      <c r="DL15" s="162">
        <v>0</v>
      </c>
      <c r="DM15" s="160">
        <v>0</v>
      </c>
      <c r="DN15" s="160">
        <v>0</v>
      </c>
      <c r="DO15" s="160">
        <v>0</v>
      </c>
      <c r="DP15" s="160">
        <v>0</v>
      </c>
      <c r="DQ15" s="160">
        <v>0</v>
      </c>
      <c r="DR15" s="165">
        <v>0</v>
      </c>
      <c r="DS15" s="164">
        <v>0</v>
      </c>
      <c r="DT15" s="159">
        <v>508</v>
      </c>
      <c r="DU15" s="160">
        <v>992</v>
      </c>
      <c r="DV15" s="165">
        <v>1500</v>
      </c>
      <c r="DW15" s="162">
        <v>0</v>
      </c>
      <c r="DX15" s="160">
        <v>658</v>
      </c>
      <c r="DY15" s="160">
        <v>1107</v>
      </c>
      <c r="DZ15" s="160">
        <v>695</v>
      </c>
      <c r="EA15" s="160">
        <v>659</v>
      </c>
      <c r="EB15" s="160">
        <v>349</v>
      </c>
      <c r="EC15" s="165">
        <v>3468</v>
      </c>
      <c r="ED15" s="164">
        <v>4968</v>
      </c>
      <c r="EE15" s="159">
        <v>47</v>
      </c>
      <c r="EF15" s="160">
        <v>48</v>
      </c>
      <c r="EG15" s="165">
        <v>95</v>
      </c>
      <c r="EH15" s="162">
        <v>0</v>
      </c>
      <c r="EI15" s="160">
        <v>123</v>
      </c>
      <c r="EJ15" s="160">
        <v>123</v>
      </c>
      <c r="EK15" s="160">
        <v>123</v>
      </c>
      <c r="EL15" s="160">
        <v>149</v>
      </c>
      <c r="EM15" s="160">
        <v>74</v>
      </c>
      <c r="EN15" s="165">
        <v>592</v>
      </c>
      <c r="EO15" s="164">
        <v>687</v>
      </c>
      <c r="EP15" s="159">
        <v>681</v>
      </c>
      <c r="EQ15" s="160">
        <v>1181</v>
      </c>
      <c r="ER15" s="165">
        <v>1862</v>
      </c>
      <c r="ES15" s="162">
        <v>0</v>
      </c>
      <c r="ET15" s="160">
        <v>1633</v>
      </c>
      <c r="EU15" s="160">
        <v>1405</v>
      </c>
      <c r="EV15" s="160">
        <v>781</v>
      </c>
      <c r="EW15" s="160">
        <v>651</v>
      </c>
      <c r="EX15" s="160">
        <v>320</v>
      </c>
      <c r="EY15" s="165">
        <v>4790</v>
      </c>
      <c r="EZ15" s="164">
        <v>6652</v>
      </c>
    </row>
    <row r="16" spans="2:156" ht="21" customHeight="1" x14ac:dyDescent="0.2">
      <c r="B16" s="166" t="s">
        <v>13</v>
      </c>
      <c r="C16" s="159">
        <v>0</v>
      </c>
      <c r="D16" s="160">
        <v>0</v>
      </c>
      <c r="E16" s="161">
        <v>0</v>
      </c>
      <c r="F16" s="162">
        <v>0</v>
      </c>
      <c r="G16" s="160">
        <v>226</v>
      </c>
      <c r="H16" s="160">
        <v>244</v>
      </c>
      <c r="I16" s="160">
        <v>138</v>
      </c>
      <c r="J16" s="160">
        <v>117</v>
      </c>
      <c r="K16" s="160">
        <v>103</v>
      </c>
      <c r="L16" s="163">
        <v>828</v>
      </c>
      <c r="M16" s="164">
        <v>828</v>
      </c>
      <c r="N16" s="159">
        <v>0</v>
      </c>
      <c r="O16" s="160">
        <v>0</v>
      </c>
      <c r="P16" s="165">
        <v>0</v>
      </c>
      <c r="Q16" s="162">
        <v>0</v>
      </c>
      <c r="R16" s="160">
        <v>2</v>
      </c>
      <c r="S16" s="160">
        <v>3</v>
      </c>
      <c r="T16" s="160">
        <v>5</v>
      </c>
      <c r="U16" s="160">
        <v>21</v>
      </c>
      <c r="V16" s="160">
        <v>43</v>
      </c>
      <c r="W16" s="165">
        <v>74</v>
      </c>
      <c r="X16" s="164">
        <v>74</v>
      </c>
      <c r="Y16" s="159">
        <v>17</v>
      </c>
      <c r="Z16" s="160">
        <v>26</v>
      </c>
      <c r="AA16" s="165">
        <v>43</v>
      </c>
      <c r="AB16" s="162">
        <v>0</v>
      </c>
      <c r="AC16" s="160">
        <v>119</v>
      </c>
      <c r="AD16" s="160">
        <v>180</v>
      </c>
      <c r="AE16" s="160">
        <v>95</v>
      </c>
      <c r="AF16" s="160">
        <v>87</v>
      </c>
      <c r="AG16" s="160">
        <v>81</v>
      </c>
      <c r="AH16" s="165">
        <v>562</v>
      </c>
      <c r="AI16" s="164">
        <v>605</v>
      </c>
      <c r="AJ16" s="159">
        <v>0</v>
      </c>
      <c r="AK16" s="160">
        <v>2</v>
      </c>
      <c r="AL16" s="165">
        <v>2</v>
      </c>
      <c r="AM16" s="162">
        <v>0</v>
      </c>
      <c r="AN16" s="160">
        <v>11</v>
      </c>
      <c r="AO16" s="160">
        <v>18</v>
      </c>
      <c r="AP16" s="160">
        <v>13</v>
      </c>
      <c r="AQ16" s="160">
        <v>3</v>
      </c>
      <c r="AR16" s="160">
        <v>8</v>
      </c>
      <c r="AS16" s="165">
        <v>53</v>
      </c>
      <c r="AT16" s="164">
        <v>55</v>
      </c>
      <c r="AU16" s="159">
        <v>30</v>
      </c>
      <c r="AV16" s="160">
        <v>29</v>
      </c>
      <c r="AW16" s="165">
        <v>59</v>
      </c>
      <c r="AX16" s="162">
        <v>0</v>
      </c>
      <c r="AY16" s="160">
        <v>202</v>
      </c>
      <c r="AZ16" s="160">
        <v>258</v>
      </c>
      <c r="BA16" s="160">
        <v>213</v>
      </c>
      <c r="BB16" s="160">
        <v>188</v>
      </c>
      <c r="BC16" s="160">
        <v>177</v>
      </c>
      <c r="BD16" s="163">
        <v>1038</v>
      </c>
      <c r="BE16" s="164">
        <v>1097</v>
      </c>
      <c r="BF16" s="159">
        <v>0</v>
      </c>
      <c r="BG16" s="160">
        <v>0</v>
      </c>
      <c r="BH16" s="165">
        <v>0</v>
      </c>
      <c r="BI16" s="162">
        <v>0</v>
      </c>
      <c r="BJ16" s="160">
        <v>204</v>
      </c>
      <c r="BK16" s="160">
        <v>202</v>
      </c>
      <c r="BL16" s="160">
        <v>91</v>
      </c>
      <c r="BM16" s="160">
        <v>76</v>
      </c>
      <c r="BN16" s="160">
        <v>35</v>
      </c>
      <c r="BO16" s="165">
        <v>608</v>
      </c>
      <c r="BP16" s="164">
        <v>608</v>
      </c>
      <c r="BQ16" s="159">
        <v>10</v>
      </c>
      <c r="BR16" s="160">
        <v>17</v>
      </c>
      <c r="BS16" s="165">
        <v>27</v>
      </c>
      <c r="BT16" s="162">
        <v>0</v>
      </c>
      <c r="BU16" s="160">
        <v>36</v>
      </c>
      <c r="BV16" s="160">
        <v>33</v>
      </c>
      <c r="BW16" s="160">
        <v>21</v>
      </c>
      <c r="BX16" s="160">
        <v>19</v>
      </c>
      <c r="BY16" s="160">
        <v>12</v>
      </c>
      <c r="BZ16" s="165">
        <v>121</v>
      </c>
      <c r="CA16" s="164">
        <v>148</v>
      </c>
      <c r="CB16" s="159">
        <v>0</v>
      </c>
      <c r="CC16" s="160">
        <v>0</v>
      </c>
      <c r="CD16" s="165">
        <v>0</v>
      </c>
      <c r="CE16" s="162">
        <v>0</v>
      </c>
      <c r="CF16" s="160">
        <v>14</v>
      </c>
      <c r="CG16" s="160">
        <v>30</v>
      </c>
      <c r="CH16" s="160">
        <v>48</v>
      </c>
      <c r="CI16" s="160">
        <v>25</v>
      </c>
      <c r="CJ16" s="160">
        <v>28</v>
      </c>
      <c r="CK16" s="165">
        <v>145</v>
      </c>
      <c r="CL16" s="164">
        <v>145</v>
      </c>
      <c r="CM16" s="159">
        <v>0</v>
      </c>
      <c r="CN16" s="160">
        <v>0</v>
      </c>
      <c r="CO16" s="165">
        <v>0</v>
      </c>
      <c r="CP16" s="162">
        <v>0</v>
      </c>
      <c r="CQ16" s="160">
        <v>0</v>
      </c>
      <c r="CR16" s="160">
        <v>7</v>
      </c>
      <c r="CS16" s="160">
        <v>5</v>
      </c>
      <c r="CT16" s="160">
        <v>7</v>
      </c>
      <c r="CU16" s="160">
        <v>1</v>
      </c>
      <c r="CV16" s="165">
        <v>20</v>
      </c>
      <c r="CW16" s="164">
        <v>20</v>
      </c>
      <c r="CX16" s="159">
        <v>0</v>
      </c>
      <c r="CY16" s="160">
        <v>0</v>
      </c>
      <c r="CZ16" s="165">
        <v>0</v>
      </c>
      <c r="DA16" s="162">
        <v>0</v>
      </c>
      <c r="DB16" s="160">
        <v>0</v>
      </c>
      <c r="DC16" s="160">
        <v>0</v>
      </c>
      <c r="DD16" s="160">
        <v>0</v>
      </c>
      <c r="DE16" s="160">
        <v>0</v>
      </c>
      <c r="DF16" s="160">
        <v>0</v>
      </c>
      <c r="DG16" s="165">
        <v>0</v>
      </c>
      <c r="DH16" s="164">
        <v>0</v>
      </c>
      <c r="DI16" s="159">
        <v>0</v>
      </c>
      <c r="DJ16" s="160">
        <v>0</v>
      </c>
      <c r="DK16" s="165">
        <v>0</v>
      </c>
      <c r="DL16" s="162">
        <v>0</v>
      </c>
      <c r="DM16" s="160">
        <v>0</v>
      </c>
      <c r="DN16" s="160">
        <v>0</v>
      </c>
      <c r="DO16" s="160">
        <v>0</v>
      </c>
      <c r="DP16" s="160">
        <v>0</v>
      </c>
      <c r="DQ16" s="160">
        <v>0</v>
      </c>
      <c r="DR16" s="165">
        <v>0</v>
      </c>
      <c r="DS16" s="164">
        <v>0</v>
      </c>
      <c r="DT16" s="159">
        <v>75</v>
      </c>
      <c r="DU16" s="160">
        <v>161</v>
      </c>
      <c r="DV16" s="165">
        <v>236</v>
      </c>
      <c r="DW16" s="162">
        <v>0</v>
      </c>
      <c r="DX16" s="160">
        <v>285</v>
      </c>
      <c r="DY16" s="160">
        <v>452</v>
      </c>
      <c r="DZ16" s="160">
        <v>236</v>
      </c>
      <c r="EA16" s="160">
        <v>193</v>
      </c>
      <c r="EB16" s="160">
        <v>149</v>
      </c>
      <c r="EC16" s="165">
        <v>1315</v>
      </c>
      <c r="ED16" s="164">
        <v>1551</v>
      </c>
      <c r="EE16" s="159">
        <v>19</v>
      </c>
      <c r="EF16" s="160">
        <v>12</v>
      </c>
      <c r="EG16" s="165">
        <v>31</v>
      </c>
      <c r="EH16" s="162">
        <v>0</v>
      </c>
      <c r="EI16" s="160">
        <v>82</v>
      </c>
      <c r="EJ16" s="160">
        <v>77</v>
      </c>
      <c r="EK16" s="160">
        <v>74</v>
      </c>
      <c r="EL16" s="160">
        <v>70</v>
      </c>
      <c r="EM16" s="160">
        <v>43</v>
      </c>
      <c r="EN16" s="165">
        <v>346</v>
      </c>
      <c r="EO16" s="164">
        <v>377</v>
      </c>
      <c r="EP16" s="159">
        <v>97</v>
      </c>
      <c r="EQ16" s="160">
        <v>185</v>
      </c>
      <c r="ER16" s="165">
        <v>282</v>
      </c>
      <c r="ES16" s="162">
        <v>0</v>
      </c>
      <c r="ET16" s="160">
        <v>619</v>
      </c>
      <c r="EU16" s="160">
        <v>623</v>
      </c>
      <c r="EV16" s="160">
        <v>288</v>
      </c>
      <c r="EW16" s="160">
        <v>218</v>
      </c>
      <c r="EX16" s="160">
        <v>160</v>
      </c>
      <c r="EY16" s="165">
        <v>1908</v>
      </c>
      <c r="EZ16" s="164">
        <v>2190</v>
      </c>
    </row>
    <row r="17" spans="2:156" ht="21" customHeight="1" x14ac:dyDescent="0.2">
      <c r="B17" s="166" t="s">
        <v>15</v>
      </c>
      <c r="C17" s="159">
        <v>0</v>
      </c>
      <c r="D17" s="160">
        <v>0</v>
      </c>
      <c r="E17" s="161">
        <v>0</v>
      </c>
      <c r="F17" s="162">
        <v>0</v>
      </c>
      <c r="G17" s="160">
        <v>144</v>
      </c>
      <c r="H17" s="160">
        <v>161</v>
      </c>
      <c r="I17" s="160">
        <v>75</v>
      </c>
      <c r="J17" s="160">
        <v>61</v>
      </c>
      <c r="K17" s="160">
        <v>36</v>
      </c>
      <c r="L17" s="163">
        <v>477</v>
      </c>
      <c r="M17" s="164">
        <v>477</v>
      </c>
      <c r="N17" s="159">
        <v>0</v>
      </c>
      <c r="O17" s="160">
        <v>0</v>
      </c>
      <c r="P17" s="165">
        <v>0</v>
      </c>
      <c r="Q17" s="162">
        <v>0</v>
      </c>
      <c r="R17" s="160">
        <v>1</v>
      </c>
      <c r="S17" s="160">
        <v>2</v>
      </c>
      <c r="T17" s="160">
        <v>3</v>
      </c>
      <c r="U17" s="160">
        <v>14</v>
      </c>
      <c r="V17" s="160">
        <v>24</v>
      </c>
      <c r="W17" s="165">
        <v>44</v>
      </c>
      <c r="X17" s="164">
        <v>44</v>
      </c>
      <c r="Y17" s="159">
        <v>6</v>
      </c>
      <c r="Z17" s="160">
        <v>16</v>
      </c>
      <c r="AA17" s="165">
        <v>22</v>
      </c>
      <c r="AB17" s="162">
        <v>0</v>
      </c>
      <c r="AC17" s="160">
        <v>78</v>
      </c>
      <c r="AD17" s="160">
        <v>96</v>
      </c>
      <c r="AE17" s="160">
        <v>52</v>
      </c>
      <c r="AF17" s="160">
        <v>50</v>
      </c>
      <c r="AG17" s="160">
        <v>41</v>
      </c>
      <c r="AH17" s="165">
        <v>317</v>
      </c>
      <c r="AI17" s="164">
        <v>339</v>
      </c>
      <c r="AJ17" s="159">
        <v>0</v>
      </c>
      <c r="AK17" s="160">
        <v>2</v>
      </c>
      <c r="AL17" s="165">
        <v>2</v>
      </c>
      <c r="AM17" s="162">
        <v>0</v>
      </c>
      <c r="AN17" s="160">
        <v>14</v>
      </c>
      <c r="AO17" s="160">
        <v>14</v>
      </c>
      <c r="AP17" s="160">
        <v>6</v>
      </c>
      <c r="AQ17" s="160">
        <v>5</v>
      </c>
      <c r="AR17" s="160">
        <v>4</v>
      </c>
      <c r="AS17" s="165">
        <v>43</v>
      </c>
      <c r="AT17" s="164">
        <v>45</v>
      </c>
      <c r="AU17" s="159">
        <v>12</v>
      </c>
      <c r="AV17" s="160">
        <v>12</v>
      </c>
      <c r="AW17" s="165">
        <v>24</v>
      </c>
      <c r="AX17" s="162">
        <v>0</v>
      </c>
      <c r="AY17" s="160">
        <v>125</v>
      </c>
      <c r="AZ17" s="160">
        <v>115</v>
      </c>
      <c r="BA17" s="160">
        <v>92</v>
      </c>
      <c r="BB17" s="160">
        <v>107</v>
      </c>
      <c r="BC17" s="160">
        <v>70</v>
      </c>
      <c r="BD17" s="163">
        <v>509</v>
      </c>
      <c r="BE17" s="164">
        <v>533</v>
      </c>
      <c r="BF17" s="159">
        <v>0</v>
      </c>
      <c r="BG17" s="160">
        <v>0</v>
      </c>
      <c r="BH17" s="165">
        <v>0</v>
      </c>
      <c r="BI17" s="162">
        <v>0</v>
      </c>
      <c r="BJ17" s="160">
        <v>89</v>
      </c>
      <c r="BK17" s="160">
        <v>115</v>
      </c>
      <c r="BL17" s="160">
        <v>47</v>
      </c>
      <c r="BM17" s="160">
        <v>31</v>
      </c>
      <c r="BN17" s="160">
        <v>10</v>
      </c>
      <c r="BO17" s="165">
        <v>292</v>
      </c>
      <c r="BP17" s="164">
        <v>292</v>
      </c>
      <c r="BQ17" s="159">
        <v>2</v>
      </c>
      <c r="BR17" s="160">
        <v>7</v>
      </c>
      <c r="BS17" s="165">
        <v>9</v>
      </c>
      <c r="BT17" s="162">
        <v>0</v>
      </c>
      <c r="BU17" s="160">
        <v>30</v>
      </c>
      <c r="BV17" s="160">
        <v>34</v>
      </c>
      <c r="BW17" s="160">
        <v>28</v>
      </c>
      <c r="BX17" s="160">
        <v>12</v>
      </c>
      <c r="BY17" s="160">
        <v>5</v>
      </c>
      <c r="BZ17" s="165">
        <v>109</v>
      </c>
      <c r="CA17" s="164">
        <v>118</v>
      </c>
      <c r="CB17" s="159">
        <v>0</v>
      </c>
      <c r="CC17" s="160">
        <v>1</v>
      </c>
      <c r="CD17" s="165">
        <v>1</v>
      </c>
      <c r="CE17" s="162">
        <v>0</v>
      </c>
      <c r="CF17" s="160">
        <v>11</v>
      </c>
      <c r="CG17" s="160">
        <v>34</v>
      </c>
      <c r="CH17" s="160">
        <v>37</v>
      </c>
      <c r="CI17" s="160">
        <v>51</v>
      </c>
      <c r="CJ17" s="160">
        <v>22</v>
      </c>
      <c r="CK17" s="165">
        <v>155</v>
      </c>
      <c r="CL17" s="164">
        <v>156</v>
      </c>
      <c r="CM17" s="159">
        <v>0</v>
      </c>
      <c r="CN17" s="160">
        <v>0</v>
      </c>
      <c r="CO17" s="165">
        <v>0</v>
      </c>
      <c r="CP17" s="162">
        <v>0</v>
      </c>
      <c r="CQ17" s="160">
        <v>0</v>
      </c>
      <c r="CR17" s="160">
        <v>3</v>
      </c>
      <c r="CS17" s="160">
        <v>3</v>
      </c>
      <c r="CT17" s="160">
        <v>0</v>
      </c>
      <c r="CU17" s="160">
        <v>0</v>
      </c>
      <c r="CV17" s="165">
        <v>6</v>
      </c>
      <c r="CW17" s="164">
        <v>6</v>
      </c>
      <c r="CX17" s="159">
        <v>0</v>
      </c>
      <c r="CY17" s="160">
        <v>0</v>
      </c>
      <c r="CZ17" s="165">
        <v>0</v>
      </c>
      <c r="DA17" s="162">
        <v>0</v>
      </c>
      <c r="DB17" s="160">
        <v>0</v>
      </c>
      <c r="DC17" s="160">
        <v>0</v>
      </c>
      <c r="DD17" s="160">
        <v>0</v>
      </c>
      <c r="DE17" s="160">
        <v>0</v>
      </c>
      <c r="DF17" s="160">
        <v>0</v>
      </c>
      <c r="DG17" s="165">
        <v>0</v>
      </c>
      <c r="DH17" s="164">
        <v>0</v>
      </c>
      <c r="DI17" s="159">
        <v>0</v>
      </c>
      <c r="DJ17" s="160">
        <v>0</v>
      </c>
      <c r="DK17" s="165">
        <v>0</v>
      </c>
      <c r="DL17" s="162">
        <v>0</v>
      </c>
      <c r="DM17" s="160">
        <v>0</v>
      </c>
      <c r="DN17" s="160">
        <v>0</v>
      </c>
      <c r="DO17" s="160">
        <v>0</v>
      </c>
      <c r="DP17" s="160">
        <v>0</v>
      </c>
      <c r="DQ17" s="160">
        <v>0</v>
      </c>
      <c r="DR17" s="165">
        <v>0</v>
      </c>
      <c r="DS17" s="164">
        <v>0</v>
      </c>
      <c r="DT17" s="159">
        <v>72</v>
      </c>
      <c r="DU17" s="160">
        <v>186</v>
      </c>
      <c r="DV17" s="165">
        <v>258</v>
      </c>
      <c r="DW17" s="162">
        <v>0</v>
      </c>
      <c r="DX17" s="160">
        <v>244</v>
      </c>
      <c r="DY17" s="160">
        <v>381</v>
      </c>
      <c r="DZ17" s="160">
        <v>165</v>
      </c>
      <c r="EA17" s="160">
        <v>127</v>
      </c>
      <c r="EB17" s="160">
        <v>79</v>
      </c>
      <c r="EC17" s="165">
        <v>996</v>
      </c>
      <c r="ED17" s="164">
        <v>1254</v>
      </c>
      <c r="EE17" s="159">
        <v>17</v>
      </c>
      <c r="EF17" s="160">
        <v>10</v>
      </c>
      <c r="EG17" s="165">
        <v>27</v>
      </c>
      <c r="EH17" s="162">
        <v>0</v>
      </c>
      <c r="EI17" s="160">
        <v>55</v>
      </c>
      <c r="EJ17" s="160">
        <v>28</v>
      </c>
      <c r="EK17" s="160">
        <v>21</v>
      </c>
      <c r="EL17" s="160">
        <v>38</v>
      </c>
      <c r="EM17" s="160">
        <v>15</v>
      </c>
      <c r="EN17" s="165">
        <v>157</v>
      </c>
      <c r="EO17" s="164">
        <v>184</v>
      </c>
      <c r="EP17" s="159">
        <v>78</v>
      </c>
      <c r="EQ17" s="160">
        <v>195</v>
      </c>
      <c r="ER17" s="165">
        <v>273</v>
      </c>
      <c r="ES17" s="162">
        <v>0</v>
      </c>
      <c r="ET17" s="160">
        <v>437</v>
      </c>
      <c r="EU17" s="160">
        <v>504</v>
      </c>
      <c r="EV17" s="160">
        <v>211</v>
      </c>
      <c r="EW17" s="160">
        <v>157</v>
      </c>
      <c r="EX17" s="160">
        <v>88</v>
      </c>
      <c r="EY17" s="165">
        <v>1397</v>
      </c>
      <c r="EZ17" s="164">
        <v>1670</v>
      </c>
    </row>
    <row r="18" spans="2:156" ht="21" customHeight="1" x14ac:dyDescent="0.2">
      <c r="B18" s="166" t="s">
        <v>16</v>
      </c>
      <c r="C18" s="159">
        <v>0</v>
      </c>
      <c r="D18" s="160">
        <v>0</v>
      </c>
      <c r="E18" s="161">
        <v>0</v>
      </c>
      <c r="F18" s="162">
        <v>0</v>
      </c>
      <c r="G18" s="160">
        <v>208</v>
      </c>
      <c r="H18" s="160">
        <v>293</v>
      </c>
      <c r="I18" s="160">
        <v>170</v>
      </c>
      <c r="J18" s="160">
        <v>132</v>
      </c>
      <c r="K18" s="160">
        <v>92</v>
      </c>
      <c r="L18" s="163">
        <v>895</v>
      </c>
      <c r="M18" s="164">
        <v>895</v>
      </c>
      <c r="N18" s="159">
        <v>0</v>
      </c>
      <c r="O18" s="160">
        <v>0</v>
      </c>
      <c r="P18" s="165">
        <v>0</v>
      </c>
      <c r="Q18" s="162">
        <v>0</v>
      </c>
      <c r="R18" s="160">
        <v>4</v>
      </c>
      <c r="S18" s="160">
        <v>4</v>
      </c>
      <c r="T18" s="160">
        <v>12</v>
      </c>
      <c r="U18" s="160">
        <v>24</v>
      </c>
      <c r="V18" s="160">
        <v>50</v>
      </c>
      <c r="W18" s="165">
        <v>94</v>
      </c>
      <c r="X18" s="164">
        <v>94</v>
      </c>
      <c r="Y18" s="159">
        <v>35</v>
      </c>
      <c r="Z18" s="160">
        <v>79</v>
      </c>
      <c r="AA18" s="165">
        <v>114</v>
      </c>
      <c r="AB18" s="162">
        <v>0</v>
      </c>
      <c r="AC18" s="160">
        <v>148</v>
      </c>
      <c r="AD18" s="160">
        <v>317</v>
      </c>
      <c r="AE18" s="160">
        <v>165</v>
      </c>
      <c r="AF18" s="160">
        <v>181</v>
      </c>
      <c r="AG18" s="160">
        <v>111</v>
      </c>
      <c r="AH18" s="165">
        <v>922</v>
      </c>
      <c r="AI18" s="164">
        <v>1036</v>
      </c>
      <c r="AJ18" s="159">
        <v>4</v>
      </c>
      <c r="AK18" s="160">
        <v>10</v>
      </c>
      <c r="AL18" s="165">
        <v>14</v>
      </c>
      <c r="AM18" s="162">
        <v>0</v>
      </c>
      <c r="AN18" s="160">
        <v>5</v>
      </c>
      <c r="AO18" s="160">
        <v>29</v>
      </c>
      <c r="AP18" s="160">
        <v>9</v>
      </c>
      <c r="AQ18" s="160">
        <v>9</v>
      </c>
      <c r="AR18" s="160">
        <v>17</v>
      </c>
      <c r="AS18" s="165">
        <v>69</v>
      </c>
      <c r="AT18" s="164">
        <v>83</v>
      </c>
      <c r="AU18" s="159">
        <v>32</v>
      </c>
      <c r="AV18" s="160">
        <v>39</v>
      </c>
      <c r="AW18" s="165">
        <v>71</v>
      </c>
      <c r="AX18" s="162">
        <v>0</v>
      </c>
      <c r="AY18" s="160">
        <v>255</v>
      </c>
      <c r="AZ18" s="160">
        <v>366</v>
      </c>
      <c r="BA18" s="160">
        <v>273</v>
      </c>
      <c r="BB18" s="160">
        <v>312</v>
      </c>
      <c r="BC18" s="160">
        <v>220</v>
      </c>
      <c r="BD18" s="163">
        <v>1426</v>
      </c>
      <c r="BE18" s="164">
        <v>1497</v>
      </c>
      <c r="BF18" s="159">
        <v>0</v>
      </c>
      <c r="BG18" s="160">
        <v>0</v>
      </c>
      <c r="BH18" s="165">
        <v>0</v>
      </c>
      <c r="BI18" s="162">
        <v>0</v>
      </c>
      <c r="BJ18" s="160">
        <v>358</v>
      </c>
      <c r="BK18" s="160">
        <v>418</v>
      </c>
      <c r="BL18" s="160">
        <v>225</v>
      </c>
      <c r="BM18" s="160">
        <v>161</v>
      </c>
      <c r="BN18" s="160">
        <v>88</v>
      </c>
      <c r="BO18" s="165">
        <v>1250</v>
      </c>
      <c r="BP18" s="164">
        <v>1250</v>
      </c>
      <c r="BQ18" s="159">
        <v>54</v>
      </c>
      <c r="BR18" s="160">
        <v>117</v>
      </c>
      <c r="BS18" s="165">
        <v>171</v>
      </c>
      <c r="BT18" s="162">
        <v>0</v>
      </c>
      <c r="BU18" s="160">
        <v>176</v>
      </c>
      <c r="BV18" s="160">
        <v>248</v>
      </c>
      <c r="BW18" s="160">
        <v>98</v>
      </c>
      <c r="BX18" s="160">
        <v>70</v>
      </c>
      <c r="BY18" s="160">
        <v>24</v>
      </c>
      <c r="BZ18" s="165">
        <v>616</v>
      </c>
      <c r="CA18" s="164">
        <v>787</v>
      </c>
      <c r="CB18" s="159">
        <v>0</v>
      </c>
      <c r="CC18" s="160">
        <v>5</v>
      </c>
      <c r="CD18" s="165">
        <v>5</v>
      </c>
      <c r="CE18" s="162">
        <v>0</v>
      </c>
      <c r="CF18" s="160">
        <v>41</v>
      </c>
      <c r="CG18" s="160">
        <v>71</v>
      </c>
      <c r="CH18" s="160">
        <v>83</v>
      </c>
      <c r="CI18" s="160">
        <v>43</v>
      </c>
      <c r="CJ18" s="160">
        <v>29</v>
      </c>
      <c r="CK18" s="165">
        <v>267</v>
      </c>
      <c r="CL18" s="164">
        <v>272</v>
      </c>
      <c r="CM18" s="159">
        <v>0</v>
      </c>
      <c r="CN18" s="160">
        <v>0</v>
      </c>
      <c r="CO18" s="165">
        <v>0</v>
      </c>
      <c r="CP18" s="162">
        <v>0</v>
      </c>
      <c r="CQ18" s="160">
        <v>8</v>
      </c>
      <c r="CR18" s="160">
        <v>4</v>
      </c>
      <c r="CS18" s="160">
        <v>9</v>
      </c>
      <c r="CT18" s="160">
        <v>9</v>
      </c>
      <c r="CU18" s="160">
        <v>6</v>
      </c>
      <c r="CV18" s="165">
        <v>36</v>
      </c>
      <c r="CW18" s="164">
        <v>36</v>
      </c>
      <c r="CX18" s="159">
        <v>0</v>
      </c>
      <c r="CY18" s="160">
        <v>0</v>
      </c>
      <c r="CZ18" s="165">
        <v>0</v>
      </c>
      <c r="DA18" s="162">
        <v>0</v>
      </c>
      <c r="DB18" s="160">
        <v>0</v>
      </c>
      <c r="DC18" s="160">
        <v>0</v>
      </c>
      <c r="DD18" s="160">
        <v>0</v>
      </c>
      <c r="DE18" s="160">
        <v>0</v>
      </c>
      <c r="DF18" s="160">
        <v>0</v>
      </c>
      <c r="DG18" s="165">
        <v>0</v>
      </c>
      <c r="DH18" s="164">
        <v>0</v>
      </c>
      <c r="DI18" s="159">
        <v>0</v>
      </c>
      <c r="DJ18" s="160">
        <v>0</v>
      </c>
      <c r="DK18" s="165">
        <v>0</v>
      </c>
      <c r="DL18" s="162">
        <v>0</v>
      </c>
      <c r="DM18" s="160">
        <v>0</v>
      </c>
      <c r="DN18" s="160">
        <v>0</v>
      </c>
      <c r="DO18" s="160">
        <v>0</v>
      </c>
      <c r="DP18" s="160">
        <v>0</v>
      </c>
      <c r="DQ18" s="160">
        <v>0</v>
      </c>
      <c r="DR18" s="165">
        <v>0</v>
      </c>
      <c r="DS18" s="164">
        <v>0</v>
      </c>
      <c r="DT18" s="159">
        <v>191</v>
      </c>
      <c r="DU18" s="160">
        <v>438</v>
      </c>
      <c r="DV18" s="165">
        <v>629</v>
      </c>
      <c r="DW18" s="162">
        <v>0</v>
      </c>
      <c r="DX18" s="160">
        <v>407</v>
      </c>
      <c r="DY18" s="160">
        <v>905</v>
      </c>
      <c r="DZ18" s="160">
        <v>467</v>
      </c>
      <c r="EA18" s="160">
        <v>369</v>
      </c>
      <c r="EB18" s="160">
        <v>226</v>
      </c>
      <c r="EC18" s="165">
        <v>2374</v>
      </c>
      <c r="ED18" s="164">
        <v>3003</v>
      </c>
      <c r="EE18" s="159">
        <v>22</v>
      </c>
      <c r="EF18" s="160">
        <v>14</v>
      </c>
      <c r="EG18" s="165">
        <v>36</v>
      </c>
      <c r="EH18" s="162">
        <v>0</v>
      </c>
      <c r="EI18" s="160">
        <v>121</v>
      </c>
      <c r="EJ18" s="160">
        <v>116</v>
      </c>
      <c r="EK18" s="160">
        <v>96</v>
      </c>
      <c r="EL18" s="160">
        <v>114</v>
      </c>
      <c r="EM18" s="160">
        <v>72</v>
      </c>
      <c r="EN18" s="165">
        <v>519</v>
      </c>
      <c r="EO18" s="164">
        <v>555</v>
      </c>
      <c r="EP18" s="159">
        <v>253</v>
      </c>
      <c r="EQ18" s="160">
        <v>532</v>
      </c>
      <c r="ER18" s="165">
        <v>785</v>
      </c>
      <c r="ES18" s="162">
        <v>0</v>
      </c>
      <c r="ET18" s="160">
        <v>871</v>
      </c>
      <c r="EU18" s="160">
        <v>1176</v>
      </c>
      <c r="EV18" s="160">
        <v>569</v>
      </c>
      <c r="EW18" s="160">
        <v>398</v>
      </c>
      <c r="EX18" s="160">
        <v>219</v>
      </c>
      <c r="EY18" s="165">
        <v>3233</v>
      </c>
      <c r="EZ18" s="164">
        <v>4018</v>
      </c>
    </row>
    <row r="19" spans="2:156" ht="21" customHeight="1" x14ac:dyDescent="0.2">
      <c r="B19" s="166" t="s">
        <v>17</v>
      </c>
      <c r="C19" s="159">
        <v>0</v>
      </c>
      <c r="D19" s="160">
        <v>0</v>
      </c>
      <c r="E19" s="161">
        <v>0</v>
      </c>
      <c r="F19" s="162">
        <v>0</v>
      </c>
      <c r="G19" s="160">
        <v>223</v>
      </c>
      <c r="H19" s="160">
        <v>499</v>
      </c>
      <c r="I19" s="160">
        <v>290</v>
      </c>
      <c r="J19" s="160">
        <v>252</v>
      </c>
      <c r="K19" s="160">
        <v>144</v>
      </c>
      <c r="L19" s="163">
        <v>1408</v>
      </c>
      <c r="M19" s="164">
        <v>1408</v>
      </c>
      <c r="N19" s="159">
        <v>0</v>
      </c>
      <c r="O19" s="160">
        <v>1</v>
      </c>
      <c r="P19" s="165">
        <v>1</v>
      </c>
      <c r="Q19" s="162">
        <v>0</v>
      </c>
      <c r="R19" s="160">
        <v>0</v>
      </c>
      <c r="S19" s="160">
        <v>8</v>
      </c>
      <c r="T19" s="160">
        <v>19</v>
      </c>
      <c r="U19" s="160">
        <v>41</v>
      </c>
      <c r="V19" s="160">
        <v>57</v>
      </c>
      <c r="W19" s="165">
        <v>125</v>
      </c>
      <c r="X19" s="164">
        <v>126</v>
      </c>
      <c r="Y19" s="159">
        <v>43</v>
      </c>
      <c r="Z19" s="160">
        <v>120</v>
      </c>
      <c r="AA19" s="165">
        <v>163</v>
      </c>
      <c r="AB19" s="162">
        <v>0</v>
      </c>
      <c r="AC19" s="160">
        <v>192</v>
      </c>
      <c r="AD19" s="160">
        <v>421</v>
      </c>
      <c r="AE19" s="160">
        <v>250</v>
      </c>
      <c r="AF19" s="160">
        <v>211</v>
      </c>
      <c r="AG19" s="160">
        <v>129</v>
      </c>
      <c r="AH19" s="165">
        <v>1203</v>
      </c>
      <c r="AI19" s="164">
        <v>1366</v>
      </c>
      <c r="AJ19" s="159">
        <v>6</v>
      </c>
      <c r="AK19" s="160">
        <v>10</v>
      </c>
      <c r="AL19" s="165">
        <v>16</v>
      </c>
      <c r="AM19" s="162">
        <v>0</v>
      </c>
      <c r="AN19" s="160">
        <v>12</v>
      </c>
      <c r="AO19" s="160">
        <v>41</v>
      </c>
      <c r="AP19" s="160">
        <v>34</v>
      </c>
      <c r="AQ19" s="160">
        <v>21</v>
      </c>
      <c r="AR19" s="160">
        <v>15</v>
      </c>
      <c r="AS19" s="165">
        <v>123</v>
      </c>
      <c r="AT19" s="164">
        <v>139</v>
      </c>
      <c r="AU19" s="159">
        <v>54</v>
      </c>
      <c r="AV19" s="160">
        <v>68</v>
      </c>
      <c r="AW19" s="165">
        <v>122</v>
      </c>
      <c r="AX19" s="162">
        <v>0</v>
      </c>
      <c r="AY19" s="160">
        <v>260</v>
      </c>
      <c r="AZ19" s="160">
        <v>533</v>
      </c>
      <c r="BA19" s="160">
        <v>503</v>
      </c>
      <c r="BB19" s="160">
        <v>484</v>
      </c>
      <c r="BC19" s="160">
        <v>324</v>
      </c>
      <c r="BD19" s="163">
        <v>2104</v>
      </c>
      <c r="BE19" s="164">
        <v>2226</v>
      </c>
      <c r="BF19" s="159">
        <v>0</v>
      </c>
      <c r="BG19" s="160">
        <v>0</v>
      </c>
      <c r="BH19" s="165">
        <v>0</v>
      </c>
      <c r="BI19" s="162">
        <v>0</v>
      </c>
      <c r="BJ19" s="160">
        <v>320</v>
      </c>
      <c r="BK19" s="160">
        <v>510</v>
      </c>
      <c r="BL19" s="160">
        <v>321</v>
      </c>
      <c r="BM19" s="160">
        <v>175</v>
      </c>
      <c r="BN19" s="160">
        <v>85</v>
      </c>
      <c r="BO19" s="165">
        <v>1411</v>
      </c>
      <c r="BP19" s="164">
        <v>1411</v>
      </c>
      <c r="BQ19" s="159">
        <v>41</v>
      </c>
      <c r="BR19" s="160">
        <v>70</v>
      </c>
      <c r="BS19" s="165">
        <v>111</v>
      </c>
      <c r="BT19" s="162">
        <v>0</v>
      </c>
      <c r="BU19" s="160">
        <v>71</v>
      </c>
      <c r="BV19" s="160">
        <v>222</v>
      </c>
      <c r="BW19" s="160">
        <v>119</v>
      </c>
      <c r="BX19" s="160">
        <v>52</v>
      </c>
      <c r="BY19" s="160">
        <v>21</v>
      </c>
      <c r="BZ19" s="165">
        <v>485</v>
      </c>
      <c r="CA19" s="164">
        <v>596</v>
      </c>
      <c r="CB19" s="159">
        <v>2</v>
      </c>
      <c r="CC19" s="160">
        <v>6</v>
      </c>
      <c r="CD19" s="165">
        <v>8</v>
      </c>
      <c r="CE19" s="162">
        <v>0</v>
      </c>
      <c r="CF19" s="160">
        <v>28</v>
      </c>
      <c r="CG19" s="160">
        <v>105</v>
      </c>
      <c r="CH19" s="160">
        <v>103</v>
      </c>
      <c r="CI19" s="160">
        <v>77</v>
      </c>
      <c r="CJ19" s="160">
        <v>39</v>
      </c>
      <c r="CK19" s="165">
        <v>352</v>
      </c>
      <c r="CL19" s="164">
        <v>360</v>
      </c>
      <c r="CM19" s="159">
        <v>0</v>
      </c>
      <c r="CN19" s="160">
        <v>0</v>
      </c>
      <c r="CO19" s="165">
        <v>0</v>
      </c>
      <c r="CP19" s="162">
        <v>0</v>
      </c>
      <c r="CQ19" s="160">
        <v>7</v>
      </c>
      <c r="CR19" s="160">
        <v>15</v>
      </c>
      <c r="CS19" s="160">
        <v>13</v>
      </c>
      <c r="CT19" s="160">
        <v>9</v>
      </c>
      <c r="CU19" s="160">
        <v>4</v>
      </c>
      <c r="CV19" s="165">
        <v>48</v>
      </c>
      <c r="CW19" s="164">
        <v>48</v>
      </c>
      <c r="CX19" s="159">
        <v>0</v>
      </c>
      <c r="CY19" s="160">
        <v>0</v>
      </c>
      <c r="CZ19" s="165">
        <v>0</v>
      </c>
      <c r="DA19" s="162">
        <v>0</v>
      </c>
      <c r="DB19" s="160">
        <v>0</v>
      </c>
      <c r="DC19" s="160">
        <v>0</v>
      </c>
      <c r="DD19" s="160">
        <v>0</v>
      </c>
      <c r="DE19" s="160">
        <v>0</v>
      </c>
      <c r="DF19" s="160">
        <v>0</v>
      </c>
      <c r="DG19" s="165">
        <v>0</v>
      </c>
      <c r="DH19" s="164">
        <v>0</v>
      </c>
      <c r="DI19" s="159">
        <v>0</v>
      </c>
      <c r="DJ19" s="160">
        <v>0</v>
      </c>
      <c r="DK19" s="165">
        <v>0</v>
      </c>
      <c r="DL19" s="162">
        <v>0</v>
      </c>
      <c r="DM19" s="160">
        <v>0</v>
      </c>
      <c r="DN19" s="160">
        <v>0</v>
      </c>
      <c r="DO19" s="160">
        <v>0</v>
      </c>
      <c r="DP19" s="160">
        <v>0</v>
      </c>
      <c r="DQ19" s="160">
        <v>0</v>
      </c>
      <c r="DR19" s="165">
        <v>0</v>
      </c>
      <c r="DS19" s="164">
        <v>0</v>
      </c>
      <c r="DT19" s="159">
        <v>243</v>
      </c>
      <c r="DU19" s="160">
        <v>558</v>
      </c>
      <c r="DV19" s="165">
        <v>801</v>
      </c>
      <c r="DW19" s="162">
        <v>0</v>
      </c>
      <c r="DX19" s="160">
        <v>392</v>
      </c>
      <c r="DY19" s="160">
        <v>1269</v>
      </c>
      <c r="DZ19" s="160">
        <v>786</v>
      </c>
      <c r="EA19" s="160">
        <v>594</v>
      </c>
      <c r="EB19" s="160">
        <v>315</v>
      </c>
      <c r="EC19" s="165">
        <v>3356</v>
      </c>
      <c r="ED19" s="164">
        <v>4157</v>
      </c>
      <c r="EE19" s="159">
        <v>27</v>
      </c>
      <c r="EF19" s="160">
        <v>26</v>
      </c>
      <c r="EG19" s="165">
        <v>53</v>
      </c>
      <c r="EH19" s="162">
        <v>0</v>
      </c>
      <c r="EI19" s="160">
        <v>102</v>
      </c>
      <c r="EJ19" s="160">
        <v>146</v>
      </c>
      <c r="EK19" s="160">
        <v>103</v>
      </c>
      <c r="EL19" s="160">
        <v>98</v>
      </c>
      <c r="EM19" s="160">
        <v>60</v>
      </c>
      <c r="EN19" s="165">
        <v>509</v>
      </c>
      <c r="EO19" s="164">
        <v>562</v>
      </c>
      <c r="EP19" s="159">
        <v>306</v>
      </c>
      <c r="EQ19" s="160">
        <v>646</v>
      </c>
      <c r="ER19" s="165">
        <v>952</v>
      </c>
      <c r="ES19" s="162">
        <v>0</v>
      </c>
      <c r="ET19" s="160">
        <v>947</v>
      </c>
      <c r="EU19" s="160">
        <v>1657</v>
      </c>
      <c r="EV19" s="160">
        <v>906</v>
      </c>
      <c r="EW19" s="160">
        <v>637</v>
      </c>
      <c r="EX19" s="160">
        <v>308</v>
      </c>
      <c r="EY19" s="165">
        <v>4455</v>
      </c>
      <c r="EZ19" s="164">
        <v>5407</v>
      </c>
    </row>
    <row r="20" spans="2:156" ht="21" customHeight="1" x14ac:dyDescent="0.2">
      <c r="B20" s="166" t="s">
        <v>18</v>
      </c>
      <c r="C20" s="159">
        <v>0</v>
      </c>
      <c r="D20" s="160">
        <v>0</v>
      </c>
      <c r="E20" s="161">
        <v>0</v>
      </c>
      <c r="F20" s="162">
        <v>0</v>
      </c>
      <c r="G20" s="160">
        <v>451</v>
      </c>
      <c r="H20" s="160">
        <v>529</v>
      </c>
      <c r="I20" s="160">
        <v>329</v>
      </c>
      <c r="J20" s="160">
        <v>252</v>
      </c>
      <c r="K20" s="160">
        <v>196</v>
      </c>
      <c r="L20" s="163">
        <v>1757</v>
      </c>
      <c r="M20" s="164">
        <v>1757</v>
      </c>
      <c r="N20" s="159">
        <v>0</v>
      </c>
      <c r="O20" s="160">
        <v>0</v>
      </c>
      <c r="P20" s="165">
        <v>0</v>
      </c>
      <c r="Q20" s="162">
        <v>0</v>
      </c>
      <c r="R20" s="160">
        <v>4</v>
      </c>
      <c r="S20" s="160">
        <v>9</v>
      </c>
      <c r="T20" s="160">
        <v>11</v>
      </c>
      <c r="U20" s="160">
        <v>52</v>
      </c>
      <c r="V20" s="160">
        <v>80</v>
      </c>
      <c r="W20" s="165">
        <v>156</v>
      </c>
      <c r="X20" s="164">
        <v>156</v>
      </c>
      <c r="Y20" s="159">
        <v>65</v>
      </c>
      <c r="Z20" s="160">
        <v>129</v>
      </c>
      <c r="AA20" s="165">
        <v>194</v>
      </c>
      <c r="AB20" s="162">
        <v>0</v>
      </c>
      <c r="AC20" s="160">
        <v>382</v>
      </c>
      <c r="AD20" s="160">
        <v>431</v>
      </c>
      <c r="AE20" s="160">
        <v>275</v>
      </c>
      <c r="AF20" s="160">
        <v>200</v>
      </c>
      <c r="AG20" s="160">
        <v>149</v>
      </c>
      <c r="AH20" s="165">
        <v>1437</v>
      </c>
      <c r="AI20" s="164">
        <v>1631</v>
      </c>
      <c r="AJ20" s="159">
        <v>6</v>
      </c>
      <c r="AK20" s="160">
        <v>17</v>
      </c>
      <c r="AL20" s="165">
        <v>23</v>
      </c>
      <c r="AM20" s="162">
        <v>0</v>
      </c>
      <c r="AN20" s="160">
        <v>42</v>
      </c>
      <c r="AO20" s="160">
        <v>44</v>
      </c>
      <c r="AP20" s="160">
        <v>34</v>
      </c>
      <c r="AQ20" s="160">
        <v>23</v>
      </c>
      <c r="AR20" s="160">
        <v>13</v>
      </c>
      <c r="AS20" s="165">
        <v>156</v>
      </c>
      <c r="AT20" s="164">
        <v>179</v>
      </c>
      <c r="AU20" s="159">
        <v>62</v>
      </c>
      <c r="AV20" s="160">
        <v>86</v>
      </c>
      <c r="AW20" s="165">
        <v>148</v>
      </c>
      <c r="AX20" s="162">
        <v>0</v>
      </c>
      <c r="AY20" s="160">
        <v>525</v>
      </c>
      <c r="AZ20" s="160">
        <v>637</v>
      </c>
      <c r="BA20" s="160">
        <v>574</v>
      </c>
      <c r="BB20" s="160">
        <v>551</v>
      </c>
      <c r="BC20" s="160">
        <v>395</v>
      </c>
      <c r="BD20" s="163">
        <v>2682</v>
      </c>
      <c r="BE20" s="164">
        <v>2830</v>
      </c>
      <c r="BF20" s="159">
        <v>0</v>
      </c>
      <c r="BG20" s="160">
        <v>0</v>
      </c>
      <c r="BH20" s="165">
        <v>0</v>
      </c>
      <c r="BI20" s="162">
        <v>0</v>
      </c>
      <c r="BJ20" s="160">
        <v>725</v>
      </c>
      <c r="BK20" s="160">
        <v>690</v>
      </c>
      <c r="BL20" s="160">
        <v>387</v>
      </c>
      <c r="BM20" s="160">
        <v>198</v>
      </c>
      <c r="BN20" s="160">
        <v>93</v>
      </c>
      <c r="BO20" s="165">
        <v>2093</v>
      </c>
      <c r="BP20" s="164">
        <v>2093</v>
      </c>
      <c r="BQ20" s="159">
        <v>60</v>
      </c>
      <c r="BR20" s="160">
        <v>139</v>
      </c>
      <c r="BS20" s="165">
        <v>199</v>
      </c>
      <c r="BT20" s="162">
        <v>0</v>
      </c>
      <c r="BU20" s="160">
        <v>207</v>
      </c>
      <c r="BV20" s="160">
        <v>206</v>
      </c>
      <c r="BW20" s="160">
        <v>131</v>
      </c>
      <c r="BX20" s="160">
        <v>65</v>
      </c>
      <c r="BY20" s="160">
        <v>22</v>
      </c>
      <c r="BZ20" s="165">
        <v>631</v>
      </c>
      <c r="CA20" s="164">
        <v>830</v>
      </c>
      <c r="CB20" s="159">
        <v>2</v>
      </c>
      <c r="CC20" s="160">
        <v>7</v>
      </c>
      <c r="CD20" s="165">
        <v>9</v>
      </c>
      <c r="CE20" s="162">
        <v>0</v>
      </c>
      <c r="CF20" s="160">
        <v>62</v>
      </c>
      <c r="CG20" s="160">
        <v>99</v>
      </c>
      <c r="CH20" s="160">
        <v>131</v>
      </c>
      <c r="CI20" s="160">
        <v>93</v>
      </c>
      <c r="CJ20" s="160">
        <v>46</v>
      </c>
      <c r="CK20" s="165">
        <v>431</v>
      </c>
      <c r="CL20" s="164">
        <v>440</v>
      </c>
      <c r="CM20" s="159">
        <v>0</v>
      </c>
      <c r="CN20" s="160">
        <v>0</v>
      </c>
      <c r="CO20" s="165">
        <v>0</v>
      </c>
      <c r="CP20" s="162">
        <v>0</v>
      </c>
      <c r="CQ20" s="160">
        <v>5</v>
      </c>
      <c r="CR20" s="160">
        <v>7</v>
      </c>
      <c r="CS20" s="160">
        <v>5</v>
      </c>
      <c r="CT20" s="160">
        <v>4</v>
      </c>
      <c r="CU20" s="160">
        <v>0</v>
      </c>
      <c r="CV20" s="165">
        <v>21</v>
      </c>
      <c r="CW20" s="164">
        <v>21</v>
      </c>
      <c r="CX20" s="159">
        <v>0</v>
      </c>
      <c r="CY20" s="160">
        <v>0</v>
      </c>
      <c r="CZ20" s="165">
        <v>0</v>
      </c>
      <c r="DA20" s="162">
        <v>0</v>
      </c>
      <c r="DB20" s="160">
        <v>0</v>
      </c>
      <c r="DC20" s="160">
        <v>0</v>
      </c>
      <c r="DD20" s="160">
        <v>0</v>
      </c>
      <c r="DE20" s="160">
        <v>0</v>
      </c>
      <c r="DF20" s="160">
        <v>0</v>
      </c>
      <c r="DG20" s="165">
        <v>0</v>
      </c>
      <c r="DH20" s="164">
        <v>0</v>
      </c>
      <c r="DI20" s="159">
        <v>0</v>
      </c>
      <c r="DJ20" s="160">
        <v>0</v>
      </c>
      <c r="DK20" s="165">
        <v>0</v>
      </c>
      <c r="DL20" s="162">
        <v>0</v>
      </c>
      <c r="DM20" s="160">
        <v>0</v>
      </c>
      <c r="DN20" s="160">
        <v>0</v>
      </c>
      <c r="DO20" s="160">
        <v>0</v>
      </c>
      <c r="DP20" s="160">
        <v>0</v>
      </c>
      <c r="DQ20" s="160">
        <v>0</v>
      </c>
      <c r="DR20" s="165">
        <v>0</v>
      </c>
      <c r="DS20" s="164">
        <v>0</v>
      </c>
      <c r="DT20" s="159">
        <v>228</v>
      </c>
      <c r="DU20" s="160">
        <v>609</v>
      </c>
      <c r="DV20" s="165">
        <v>837</v>
      </c>
      <c r="DW20" s="162">
        <v>0</v>
      </c>
      <c r="DX20" s="160">
        <v>829</v>
      </c>
      <c r="DY20" s="160">
        <v>1225</v>
      </c>
      <c r="DZ20" s="160">
        <v>769</v>
      </c>
      <c r="EA20" s="160">
        <v>570</v>
      </c>
      <c r="EB20" s="160">
        <v>358</v>
      </c>
      <c r="EC20" s="165">
        <v>3751</v>
      </c>
      <c r="ED20" s="164">
        <v>4588</v>
      </c>
      <c r="EE20" s="159">
        <v>28</v>
      </c>
      <c r="EF20" s="160">
        <v>13</v>
      </c>
      <c r="EG20" s="165">
        <v>41</v>
      </c>
      <c r="EH20" s="162">
        <v>0</v>
      </c>
      <c r="EI20" s="160">
        <v>137</v>
      </c>
      <c r="EJ20" s="160">
        <v>122</v>
      </c>
      <c r="EK20" s="160">
        <v>123</v>
      </c>
      <c r="EL20" s="160">
        <v>125</v>
      </c>
      <c r="EM20" s="160">
        <v>70</v>
      </c>
      <c r="EN20" s="165">
        <v>577</v>
      </c>
      <c r="EO20" s="164">
        <v>618</v>
      </c>
      <c r="EP20" s="159">
        <v>327</v>
      </c>
      <c r="EQ20" s="160">
        <v>753</v>
      </c>
      <c r="ER20" s="165">
        <v>1080</v>
      </c>
      <c r="ES20" s="162">
        <v>0</v>
      </c>
      <c r="ET20" s="160">
        <v>1718</v>
      </c>
      <c r="EU20" s="160">
        <v>1603</v>
      </c>
      <c r="EV20" s="160">
        <v>888</v>
      </c>
      <c r="EW20" s="160">
        <v>600</v>
      </c>
      <c r="EX20" s="160">
        <v>349</v>
      </c>
      <c r="EY20" s="165">
        <v>5158</v>
      </c>
      <c r="EZ20" s="164">
        <v>6238</v>
      </c>
    </row>
    <row r="21" spans="2:156" ht="21" customHeight="1" x14ac:dyDescent="0.2">
      <c r="B21" s="166" t="s">
        <v>19</v>
      </c>
      <c r="C21" s="159">
        <v>0</v>
      </c>
      <c r="D21" s="160">
        <v>0</v>
      </c>
      <c r="E21" s="161">
        <v>0</v>
      </c>
      <c r="F21" s="162">
        <v>0</v>
      </c>
      <c r="G21" s="160">
        <v>184</v>
      </c>
      <c r="H21" s="160">
        <v>163</v>
      </c>
      <c r="I21" s="160">
        <v>116</v>
      </c>
      <c r="J21" s="160">
        <v>76</v>
      </c>
      <c r="K21" s="160">
        <v>68</v>
      </c>
      <c r="L21" s="163">
        <v>607</v>
      </c>
      <c r="M21" s="164">
        <v>607</v>
      </c>
      <c r="N21" s="159">
        <v>0</v>
      </c>
      <c r="O21" s="160">
        <v>0</v>
      </c>
      <c r="P21" s="165">
        <v>0</v>
      </c>
      <c r="Q21" s="162">
        <v>0</v>
      </c>
      <c r="R21" s="160">
        <v>4</v>
      </c>
      <c r="S21" s="160">
        <v>3</v>
      </c>
      <c r="T21" s="160">
        <v>13</v>
      </c>
      <c r="U21" s="160">
        <v>17</v>
      </c>
      <c r="V21" s="160">
        <v>29</v>
      </c>
      <c r="W21" s="165">
        <v>66</v>
      </c>
      <c r="X21" s="164">
        <v>66</v>
      </c>
      <c r="Y21" s="159">
        <v>45</v>
      </c>
      <c r="Z21" s="160">
        <v>67</v>
      </c>
      <c r="AA21" s="165">
        <v>112</v>
      </c>
      <c r="AB21" s="162">
        <v>0</v>
      </c>
      <c r="AC21" s="160">
        <v>201</v>
      </c>
      <c r="AD21" s="160">
        <v>159</v>
      </c>
      <c r="AE21" s="160">
        <v>122</v>
      </c>
      <c r="AF21" s="160">
        <v>71</v>
      </c>
      <c r="AG21" s="160">
        <v>69</v>
      </c>
      <c r="AH21" s="165">
        <v>622</v>
      </c>
      <c r="AI21" s="164">
        <v>734</v>
      </c>
      <c r="AJ21" s="159">
        <v>6</v>
      </c>
      <c r="AK21" s="160">
        <v>8</v>
      </c>
      <c r="AL21" s="165">
        <v>14</v>
      </c>
      <c r="AM21" s="162">
        <v>0</v>
      </c>
      <c r="AN21" s="160">
        <v>21</v>
      </c>
      <c r="AO21" s="160">
        <v>11</v>
      </c>
      <c r="AP21" s="160">
        <v>13</v>
      </c>
      <c r="AQ21" s="160">
        <v>7</v>
      </c>
      <c r="AR21" s="160">
        <v>3</v>
      </c>
      <c r="AS21" s="165">
        <v>55</v>
      </c>
      <c r="AT21" s="164">
        <v>69</v>
      </c>
      <c r="AU21" s="159">
        <v>50</v>
      </c>
      <c r="AV21" s="160">
        <v>52</v>
      </c>
      <c r="AW21" s="165">
        <v>102</v>
      </c>
      <c r="AX21" s="162">
        <v>0</v>
      </c>
      <c r="AY21" s="160">
        <v>230</v>
      </c>
      <c r="AZ21" s="160">
        <v>237</v>
      </c>
      <c r="BA21" s="160">
        <v>201</v>
      </c>
      <c r="BB21" s="160">
        <v>183</v>
      </c>
      <c r="BC21" s="160">
        <v>159</v>
      </c>
      <c r="BD21" s="163">
        <v>1010</v>
      </c>
      <c r="BE21" s="164">
        <v>1112</v>
      </c>
      <c r="BF21" s="159">
        <v>0</v>
      </c>
      <c r="BG21" s="160">
        <v>0</v>
      </c>
      <c r="BH21" s="165">
        <v>0</v>
      </c>
      <c r="BI21" s="162">
        <v>0</v>
      </c>
      <c r="BJ21" s="160">
        <v>278</v>
      </c>
      <c r="BK21" s="160">
        <v>235</v>
      </c>
      <c r="BL21" s="160">
        <v>126</v>
      </c>
      <c r="BM21" s="160">
        <v>59</v>
      </c>
      <c r="BN21" s="160">
        <v>45</v>
      </c>
      <c r="BO21" s="165">
        <v>743</v>
      </c>
      <c r="BP21" s="164">
        <v>743</v>
      </c>
      <c r="BQ21" s="159">
        <v>46</v>
      </c>
      <c r="BR21" s="160">
        <v>67</v>
      </c>
      <c r="BS21" s="165">
        <v>113</v>
      </c>
      <c r="BT21" s="162">
        <v>0</v>
      </c>
      <c r="BU21" s="160">
        <v>146</v>
      </c>
      <c r="BV21" s="160">
        <v>104</v>
      </c>
      <c r="BW21" s="160">
        <v>53</v>
      </c>
      <c r="BX21" s="160">
        <v>34</v>
      </c>
      <c r="BY21" s="160">
        <v>7</v>
      </c>
      <c r="BZ21" s="165">
        <v>344</v>
      </c>
      <c r="CA21" s="164">
        <v>457</v>
      </c>
      <c r="CB21" s="159">
        <v>2</v>
      </c>
      <c r="CC21" s="160">
        <v>6</v>
      </c>
      <c r="CD21" s="165">
        <v>8</v>
      </c>
      <c r="CE21" s="162">
        <v>0</v>
      </c>
      <c r="CF21" s="160">
        <v>33</v>
      </c>
      <c r="CG21" s="160">
        <v>43</v>
      </c>
      <c r="CH21" s="160">
        <v>57</v>
      </c>
      <c r="CI21" s="160">
        <v>20</v>
      </c>
      <c r="CJ21" s="160">
        <v>17</v>
      </c>
      <c r="CK21" s="165">
        <v>170</v>
      </c>
      <c r="CL21" s="164">
        <v>178</v>
      </c>
      <c r="CM21" s="159">
        <v>0</v>
      </c>
      <c r="CN21" s="160">
        <v>1</v>
      </c>
      <c r="CO21" s="165">
        <v>1</v>
      </c>
      <c r="CP21" s="162">
        <v>0</v>
      </c>
      <c r="CQ21" s="160">
        <v>6</v>
      </c>
      <c r="CR21" s="160">
        <v>8</v>
      </c>
      <c r="CS21" s="160">
        <v>9</v>
      </c>
      <c r="CT21" s="160">
        <v>10</v>
      </c>
      <c r="CU21" s="160">
        <v>1</v>
      </c>
      <c r="CV21" s="165">
        <v>34</v>
      </c>
      <c r="CW21" s="164">
        <v>35</v>
      </c>
      <c r="CX21" s="159">
        <v>0</v>
      </c>
      <c r="CY21" s="160">
        <v>0</v>
      </c>
      <c r="CZ21" s="165">
        <v>0</v>
      </c>
      <c r="DA21" s="162">
        <v>0</v>
      </c>
      <c r="DB21" s="160">
        <v>0</v>
      </c>
      <c r="DC21" s="160">
        <v>0</v>
      </c>
      <c r="DD21" s="160">
        <v>0</v>
      </c>
      <c r="DE21" s="160">
        <v>0</v>
      </c>
      <c r="DF21" s="160">
        <v>0</v>
      </c>
      <c r="DG21" s="165">
        <v>0</v>
      </c>
      <c r="DH21" s="164">
        <v>0</v>
      </c>
      <c r="DI21" s="159">
        <v>0</v>
      </c>
      <c r="DJ21" s="160">
        <v>0</v>
      </c>
      <c r="DK21" s="165">
        <v>0</v>
      </c>
      <c r="DL21" s="162">
        <v>0</v>
      </c>
      <c r="DM21" s="160">
        <v>0</v>
      </c>
      <c r="DN21" s="160">
        <v>0</v>
      </c>
      <c r="DO21" s="160">
        <v>0</v>
      </c>
      <c r="DP21" s="160">
        <v>0</v>
      </c>
      <c r="DQ21" s="160">
        <v>0</v>
      </c>
      <c r="DR21" s="165">
        <v>0</v>
      </c>
      <c r="DS21" s="164">
        <v>0</v>
      </c>
      <c r="DT21" s="159">
        <v>172</v>
      </c>
      <c r="DU21" s="160">
        <v>268</v>
      </c>
      <c r="DV21" s="165">
        <v>440</v>
      </c>
      <c r="DW21" s="162">
        <v>0</v>
      </c>
      <c r="DX21" s="160">
        <v>457</v>
      </c>
      <c r="DY21" s="160">
        <v>428</v>
      </c>
      <c r="DZ21" s="160">
        <v>277</v>
      </c>
      <c r="EA21" s="160">
        <v>183</v>
      </c>
      <c r="EB21" s="160">
        <v>127</v>
      </c>
      <c r="EC21" s="165">
        <v>1472</v>
      </c>
      <c r="ED21" s="164">
        <v>1912</v>
      </c>
      <c r="EE21" s="159">
        <v>18</v>
      </c>
      <c r="EF21" s="160">
        <v>18</v>
      </c>
      <c r="EG21" s="165">
        <v>36</v>
      </c>
      <c r="EH21" s="162">
        <v>0</v>
      </c>
      <c r="EI21" s="160">
        <v>60</v>
      </c>
      <c r="EJ21" s="160">
        <v>58</v>
      </c>
      <c r="EK21" s="160">
        <v>54</v>
      </c>
      <c r="EL21" s="160">
        <v>51</v>
      </c>
      <c r="EM21" s="160">
        <v>39</v>
      </c>
      <c r="EN21" s="165">
        <v>262</v>
      </c>
      <c r="EO21" s="164">
        <v>298</v>
      </c>
      <c r="EP21" s="159">
        <v>236</v>
      </c>
      <c r="EQ21" s="160">
        <v>332</v>
      </c>
      <c r="ER21" s="165">
        <v>568</v>
      </c>
      <c r="ES21" s="162">
        <v>0</v>
      </c>
      <c r="ET21" s="160">
        <v>803</v>
      </c>
      <c r="EU21" s="160">
        <v>569</v>
      </c>
      <c r="EV21" s="160">
        <v>315</v>
      </c>
      <c r="EW21" s="160">
        <v>172</v>
      </c>
      <c r="EX21" s="160">
        <v>115</v>
      </c>
      <c r="EY21" s="165">
        <v>1974</v>
      </c>
      <c r="EZ21" s="164">
        <v>2542</v>
      </c>
    </row>
    <row r="22" spans="2:156" ht="21" customHeight="1" x14ac:dyDescent="0.2">
      <c r="B22" s="166" t="s">
        <v>20</v>
      </c>
      <c r="C22" s="159">
        <v>0</v>
      </c>
      <c r="D22" s="160">
        <v>0</v>
      </c>
      <c r="E22" s="161">
        <v>0</v>
      </c>
      <c r="F22" s="162">
        <v>0</v>
      </c>
      <c r="G22" s="160">
        <v>304</v>
      </c>
      <c r="H22" s="160">
        <v>215</v>
      </c>
      <c r="I22" s="160">
        <v>148</v>
      </c>
      <c r="J22" s="160">
        <v>114</v>
      </c>
      <c r="K22" s="160">
        <v>90</v>
      </c>
      <c r="L22" s="163">
        <v>871</v>
      </c>
      <c r="M22" s="164">
        <v>871</v>
      </c>
      <c r="N22" s="159">
        <v>0</v>
      </c>
      <c r="O22" s="160">
        <v>0</v>
      </c>
      <c r="P22" s="165">
        <v>0</v>
      </c>
      <c r="Q22" s="162">
        <v>0</v>
      </c>
      <c r="R22" s="160">
        <v>2</v>
      </c>
      <c r="S22" s="160">
        <v>6</v>
      </c>
      <c r="T22" s="160">
        <v>10</v>
      </c>
      <c r="U22" s="160">
        <v>22</v>
      </c>
      <c r="V22" s="160">
        <v>31</v>
      </c>
      <c r="W22" s="165">
        <v>71</v>
      </c>
      <c r="X22" s="164">
        <v>71</v>
      </c>
      <c r="Y22" s="159">
        <v>44</v>
      </c>
      <c r="Z22" s="160">
        <v>101</v>
      </c>
      <c r="AA22" s="165">
        <v>145</v>
      </c>
      <c r="AB22" s="162">
        <v>0</v>
      </c>
      <c r="AC22" s="160">
        <v>275</v>
      </c>
      <c r="AD22" s="160">
        <v>216</v>
      </c>
      <c r="AE22" s="160">
        <v>137</v>
      </c>
      <c r="AF22" s="160">
        <v>105</v>
      </c>
      <c r="AG22" s="160">
        <v>58</v>
      </c>
      <c r="AH22" s="165">
        <v>791</v>
      </c>
      <c r="AI22" s="164">
        <v>936</v>
      </c>
      <c r="AJ22" s="159">
        <v>14</v>
      </c>
      <c r="AK22" s="160">
        <v>41</v>
      </c>
      <c r="AL22" s="165">
        <v>55</v>
      </c>
      <c r="AM22" s="162">
        <v>0</v>
      </c>
      <c r="AN22" s="160">
        <v>71</v>
      </c>
      <c r="AO22" s="160">
        <v>56</v>
      </c>
      <c r="AP22" s="160">
        <v>50</v>
      </c>
      <c r="AQ22" s="160">
        <v>32</v>
      </c>
      <c r="AR22" s="160">
        <v>12</v>
      </c>
      <c r="AS22" s="165">
        <v>221</v>
      </c>
      <c r="AT22" s="164">
        <v>276</v>
      </c>
      <c r="AU22" s="159">
        <v>29</v>
      </c>
      <c r="AV22" s="160">
        <v>48</v>
      </c>
      <c r="AW22" s="165">
        <v>77</v>
      </c>
      <c r="AX22" s="162">
        <v>0</v>
      </c>
      <c r="AY22" s="160">
        <v>294</v>
      </c>
      <c r="AZ22" s="160">
        <v>269</v>
      </c>
      <c r="BA22" s="160">
        <v>281</v>
      </c>
      <c r="BB22" s="160">
        <v>233</v>
      </c>
      <c r="BC22" s="160">
        <v>164</v>
      </c>
      <c r="BD22" s="163">
        <v>1241</v>
      </c>
      <c r="BE22" s="164">
        <v>1318</v>
      </c>
      <c r="BF22" s="159">
        <v>0</v>
      </c>
      <c r="BG22" s="160">
        <v>0</v>
      </c>
      <c r="BH22" s="165">
        <v>0</v>
      </c>
      <c r="BI22" s="162">
        <v>0</v>
      </c>
      <c r="BJ22" s="160">
        <v>383</v>
      </c>
      <c r="BK22" s="160">
        <v>245</v>
      </c>
      <c r="BL22" s="160">
        <v>159</v>
      </c>
      <c r="BM22" s="160">
        <v>84</v>
      </c>
      <c r="BN22" s="160">
        <v>30</v>
      </c>
      <c r="BO22" s="165">
        <v>901</v>
      </c>
      <c r="BP22" s="164">
        <v>901</v>
      </c>
      <c r="BQ22" s="159">
        <v>15</v>
      </c>
      <c r="BR22" s="160">
        <v>37</v>
      </c>
      <c r="BS22" s="165">
        <v>52</v>
      </c>
      <c r="BT22" s="162">
        <v>0</v>
      </c>
      <c r="BU22" s="160">
        <v>134</v>
      </c>
      <c r="BV22" s="160">
        <v>86</v>
      </c>
      <c r="BW22" s="160">
        <v>42</v>
      </c>
      <c r="BX22" s="160">
        <v>43</v>
      </c>
      <c r="BY22" s="160">
        <v>15</v>
      </c>
      <c r="BZ22" s="165">
        <v>320</v>
      </c>
      <c r="CA22" s="164">
        <v>372</v>
      </c>
      <c r="CB22" s="159">
        <v>0</v>
      </c>
      <c r="CC22" s="160">
        <v>0</v>
      </c>
      <c r="CD22" s="165">
        <v>0</v>
      </c>
      <c r="CE22" s="162">
        <v>0</v>
      </c>
      <c r="CF22" s="160">
        <v>44</v>
      </c>
      <c r="CG22" s="160">
        <v>57</v>
      </c>
      <c r="CH22" s="160">
        <v>81</v>
      </c>
      <c r="CI22" s="160">
        <v>48</v>
      </c>
      <c r="CJ22" s="160">
        <v>23</v>
      </c>
      <c r="CK22" s="165">
        <v>253</v>
      </c>
      <c r="CL22" s="164">
        <v>253</v>
      </c>
      <c r="CM22" s="159">
        <v>0</v>
      </c>
      <c r="CN22" s="160">
        <v>0</v>
      </c>
      <c r="CO22" s="165">
        <v>0</v>
      </c>
      <c r="CP22" s="162">
        <v>0</v>
      </c>
      <c r="CQ22" s="160">
        <v>5</v>
      </c>
      <c r="CR22" s="160">
        <v>4</v>
      </c>
      <c r="CS22" s="160">
        <v>6</v>
      </c>
      <c r="CT22" s="160">
        <v>5</v>
      </c>
      <c r="CU22" s="160">
        <v>6</v>
      </c>
      <c r="CV22" s="165">
        <v>26</v>
      </c>
      <c r="CW22" s="164">
        <v>26</v>
      </c>
      <c r="CX22" s="159">
        <v>0</v>
      </c>
      <c r="CY22" s="160">
        <v>0</v>
      </c>
      <c r="CZ22" s="165">
        <v>0</v>
      </c>
      <c r="DA22" s="162">
        <v>0</v>
      </c>
      <c r="DB22" s="160">
        <v>0</v>
      </c>
      <c r="DC22" s="160">
        <v>0</v>
      </c>
      <c r="DD22" s="160">
        <v>0</v>
      </c>
      <c r="DE22" s="160">
        <v>0</v>
      </c>
      <c r="DF22" s="160">
        <v>0</v>
      </c>
      <c r="DG22" s="165">
        <v>0</v>
      </c>
      <c r="DH22" s="164">
        <v>0</v>
      </c>
      <c r="DI22" s="159">
        <v>0</v>
      </c>
      <c r="DJ22" s="160">
        <v>0</v>
      </c>
      <c r="DK22" s="165">
        <v>0</v>
      </c>
      <c r="DL22" s="162">
        <v>0</v>
      </c>
      <c r="DM22" s="160">
        <v>0</v>
      </c>
      <c r="DN22" s="160">
        <v>0</v>
      </c>
      <c r="DO22" s="160">
        <v>0</v>
      </c>
      <c r="DP22" s="160">
        <v>0</v>
      </c>
      <c r="DQ22" s="160">
        <v>0</v>
      </c>
      <c r="DR22" s="165">
        <v>0</v>
      </c>
      <c r="DS22" s="164">
        <v>0</v>
      </c>
      <c r="DT22" s="159">
        <v>170</v>
      </c>
      <c r="DU22" s="160">
        <v>354</v>
      </c>
      <c r="DV22" s="165">
        <v>524</v>
      </c>
      <c r="DW22" s="162">
        <v>0</v>
      </c>
      <c r="DX22" s="160">
        <v>614</v>
      </c>
      <c r="DY22" s="160">
        <v>516</v>
      </c>
      <c r="DZ22" s="160">
        <v>372</v>
      </c>
      <c r="EA22" s="160">
        <v>259</v>
      </c>
      <c r="EB22" s="160">
        <v>140</v>
      </c>
      <c r="EC22" s="165">
        <v>1901</v>
      </c>
      <c r="ED22" s="164">
        <v>2425</v>
      </c>
      <c r="EE22" s="159">
        <v>13</v>
      </c>
      <c r="EF22" s="160">
        <v>14</v>
      </c>
      <c r="EG22" s="165">
        <v>27</v>
      </c>
      <c r="EH22" s="162">
        <v>0</v>
      </c>
      <c r="EI22" s="160">
        <v>97</v>
      </c>
      <c r="EJ22" s="160">
        <v>61</v>
      </c>
      <c r="EK22" s="160">
        <v>61</v>
      </c>
      <c r="EL22" s="160">
        <v>77</v>
      </c>
      <c r="EM22" s="160">
        <v>37</v>
      </c>
      <c r="EN22" s="165">
        <v>333</v>
      </c>
      <c r="EO22" s="164">
        <v>360</v>
      </c>
      <c r="EP22" s="159">
        <v>227</v>
      </c>
      <c r="EQ22" s="160">
        <v>439</v>
      </c>
      <c r="ER22" s="165">
        <v>666</v>
      </c>
      <c r="ES22" s="162">
        <v>0</v>
      </c>
      <c r="ET22" s="160">
        <v>1162</v>
      </c>
      <c r="EU22" s="160">
        <v>724</v>
      </c>
      <c r="EV22" s="160">
        <v>443</v>
      </c>
      <c r="EW22" s="160">
        <v>281</v>
      </c>
      <c r="EX22" s="160">
        <v>152</v>
      </c>
      <c r="EY22" s="165">
        <v>2762</v>
      </c>
      <c r="EZ22" s="164">
        <v>3428</v>
      </c>
    </row>
    <row r="23" spans="2:156" ht="21" customHeight="1" x14ac:dyDescent="0.2">
      <c r="B23" s="166" t="s">
        <v>21</v>
      </c>
      <c r="C23" s="159">
        <v>0</v>
      </c>
      <c r="D23" s="160">
        <v>0</v>
      </c>
      <c r="E23" s="161">
        <v>0</v>
      </c>
      <c r="F23" s="162">
        <v>0</v>
      </c>
      <c r="G23" s="160">
        <v>284</v>
      </c>
      <c r="H23" s="160">
        <v>338</v>
      </c>
      <c r="I23" s="160">
        <v>211</v>
      </c>
      <c r="J23" s="160">
        <v>138</v>
      </c>
      <c r="K23" s="160">
        <v>122</v>
      </c>
      <c r="L23" s="163">
        <v>1093</v>
      </c>
      <c r="M23" s="164">
        <v>1093</v>
      </c>
      <c r="N23" s="159">
        <v>0</v>
      </c>
      <c r="O23" s="160">
        <v>0</v>
      </c>
      <c r="P23" s="165">
        <v>0</v>
      </c>
      <c r="Q23" s="162">
        <v>0</v>
      </c>
      <c r="R23" s="160">
        <v>0</v>
      </c>
      <c r="S23" s="160">
        <v>2</v>
      </c>
      <c r="T23" s="160">
        <v>10</v>
      </c>
      <c r="U23" s="160">
        <v>24</v>
      </c>
      <c r="V23" s="160">
        <v>44</v>
      </c>
      <c r="W23" s="165">
        <v>80</v>
      </c>
      <c r="X23" s="164">
        <v>80</v>
      </c>
      <c r="Y23" s="159">
        <v>60</v>
      </c>
      <c r="Z23" s="160">
        <v>99</v>
      </c>
      <c r="AA23" s="165">
        <v>159</v>
      </c>
      <c r="AB23" s="162">
        <v>0</v>
      </c>
      <c r="AC23" s="160">
        <v>227</v>
      </c>
      <c r="AD23" s="160">
        <v>283</v>
      </c>
      <c r="AE23" s="160">
        <v>179</v>
      </c>
      <c r="AF23" s="160">
        <v>120</v>
      </c>
      <c r="AG23" s="160">
        <v>86</v>
      </c>
      <c r="AH23" s="165">
        <v>895</v>
      </c>
      <c r="AI23" s="164">
        <v>1054</v>
      </c>
      <c r="AJ23" s="159">
        <v>16</v>
      </c>
      <c r="AK23" s="160">
        <v>30</v>
      </c>
      <c r="AL23" s="165">
        <v>46</v>
      </c>
      <c r="AM23" s="162">
        <v>0</v>
      </c>
      <c r="AN23" s="160">
        <v>21</v>
      </c>
      <c r="AO23" s="160">
        <v>41</v>
      </c>
      <c r="AP23" s="160">
        <v>23</v>
      </c>
      <c r="AQ23" s="160">
        <v>10</v>
      </c>
      <c r="AR23" s="160">
        <v>6</v>
      </c>
      <c r="AS23" s="165">
        <v>101</v>
      </c>
      <c r="AT23" s="164">
        <v>147</v>
      </c>
      <c r="AU23" s="159">
        <v>59</v>
      </c>
      <c r="AV23" s="160">
        <v>44</v>
      </c>
      <c r="AW23" s="165">
        <v>103</v>
      </c>
      <c r="AX23" s="162">
        <v>0</v>
      </c>
      <c r="AY23" s="160">
        <v>313</v>
      </c>
      <c r="AZ23" s="160">
        <v>398</v>
      </c>
      <c r="BA23" s="160">
        <v>323</v>
      </c>
      <c r="BB23" s="160">
        <v>248</v>
      </c>
      <c r="BC23" s="160">
        <v>213</v>
      </c>
      <c r="BD23" s="163">
        <v>1495</v>
      </c>
      <c r="BE23" s="164">
        <v>1598</v>
      </c>
      <c r="BF23" s="159">
        <v>0</v>
      </c>
      <c r="BG23" s="160">
        <v>0</v>
      </c>
      <c r="BH23" s="165">
        <v>0</v>
      </c>
      <c r="BI23" s="162">
        <v>0</v>
      </c>
      <c r="BJ23" s="160">
        <v>369</v>
      </c>
      <c r="BK23" s="160">
        <v>386</v>
      </c>
      <c r="BL23" s="160">
        <v>221</v>
      </c>
      <c r="BM23" s="160">
        <v>114</v>
      </c>
      <c r="BN23" s="160">
        <v>41</v>
      </c>
      <c r="BO23" s="165">
        <v>1131</v>
      </c>
      <c r="BP23" s="164">
        <v>1131</v>
      </c>
      <c r="BQ23" s="159">
        <v>34</v>
      </c>
      <c r="BR23" s="160">
        <v>38</v>
      </c>
      <c r="BS23" s="165">
        <v>72</v>
      </c>
      <c r="BT23" s="162">
        <v>0</v>
      </c>
      <c r="BU23" s="160">
        <v>70</v>
      </c>
      <c r="BV23" s="160">
        <v>69</v>
      </c>
      <c r="BW23" s="160">
        <v>34</v>
      </c>
      <c r="BX23" s="160">
        <v>19</v>
      </c>
      <c r="BY23" s="160">
        <v>9</v>
      </c>
      <c r="BZ23" s="165">
        <v>201</v>
      </c>
      <c r="CA23" s="164">
        <v>273</v>
      </c>
      <c r="CB23" s="159">
        <v>1</v>
      </c>
      <c r="CC23" s="160">
        <v>4</v>
      </c>
      <c r="CD23" s="165">
        <v>5</v>
      </c>
      <c r="CE23" s="162">
        <v>0</v>
      </c>
      <c r="CF23" s="160">
        <v>19</v>
      </c>
      <c r="CG23" s="160">
        <v>56</v>
      </c>
      <c r="CH23" s="160">
        <v>65</v>
      </c>
      <c r="CI23" s="160">
        <v>42</v>
      </c>
      <c r="CJ23" s="160">
        <v>35</v>
      </c>
      <c r="CK23" s="165">
        <v>217</v>
      </c>
      <c r="CL23" s="164">
        <v>222</v>
      </c>
      <c r="CM23" s="159">
        <v>0</v>
      </c>
      <c r="CN23" s="160">
        <v>1</v>
      </c>
      <c r="CO23" s="165">
        <v>1</v>
      </c>
      <c r="CP23" s="162">
        <v>0</v>
      </c>
      <c r="CQ23" s="160">
        <v>3</v>
      </c>
      <c r="CR23" s="160">
        <v>1</v>
      </c>
      <c r="CS23" s="160">
        <v>6</v>
      </c>
      <c r="CT23" s="160">
        <v>4</v>
      </c>
      <c r="CU23" s="160">
        <v>4</v>
      </c>
      <c r="CV23" s="165">
        <v>18</v>
      </c>
      <c r="CW23" s="164">
        <v>19</v>
      </c>
      <c r="CX23" s="159">
        <v>0</v>
      </c>
      <c r="CY23" s="160">
        <v>0</v>
      </c>
      <c r="CZ23" s="165">
        <v>0</v>
      </c>
      <c r="DA23" s="162">
        <v>0</v>
      </c>
      <c r="DB23" s="160">
        <v>0</v>
      </c>
      <c r="DC23" s="160">
        <v>0</v>
      </c>
      <c r="DD23" s="160">
        <v>0</v>
      </c>
      <c r="DE23" s="160">
        <v>0</v>
      </c>
      <c r="DF23" s="160">
        <v>0</v>
      </c>
      <c r="DG23" s="165">
        <v>0</v>
      </c>
      <c r="DH23" s="164">
        <v>0</v>
      </c>
      <c r="DI23" s="159">
        <v>0</v>
      </c>
      <c r="DJ23" s="160">
        <v>0</v>
      </c>
      <c r="DK23" s="165">
        <v>0</v>
      </c>
      <c r="DL23" s="162">
        <v>0</v>
      </c>
      <c r="DM23" s="160">
        <v>0</v>
      </c>
      <c r="DN23" s="160">
        <v>0</v>
      </c>
      <c r="DO23" s="160">
        <v>0</v>
      </c>
      <c r="DP23" s="160">
        <v>0</v>
      </c>
      <c r="DQ23" s="160">
        <v>0</v>
      </c>
      <c r="DR23" s="165">
        <v>0</v>
      </c>
      <c r="DS23" s="164">
        <v>0</v>
      </c>
      <c r="DT23" s="159">
        <v>231</v>
      </c>
      <c r="DU23" s="160">
        <v>362</v>
      </c>
      <c r="DV23" s="165">
        <v>593</v>
      </c>
      <c r="DW23" s="162">
        <v>0</v>
      </c>
      <c r="DX23" s="160">
        <v>428</v>
      </c>
      <c r="DY23" s="160">
        <v>721</v>
      </c>
      <c r="DZ23" s="160">
        <v>427</v>
      </c>
      <c r="EA23" s="160">
        <v>251</v>
      </c>
      <c r="EB23" s="160">
        <v>180</v>
      </c>
      <c r="EC23" s="165">
        <v>2007</v>
      </c>
      <c r="ED23" s="164">
        <v>2600</v>
      </c>
      <c r="EE23" s="159">
        <v>17</v>
      </c>
      <c r="EF23" s="160">
        <v>12</v>
      </c>
      <c r="EG23" s="165">
        <v>29</v>
      </c>
      <c r="EH23" s="162">
        <v>0</v>
      </c>
      <c r="EI23" s="160">
        <v>83</v>
      </c>
      <c r="EJ23" s="160">
        <v>67</v>
      </c>
      <c r="EK23" s="160">
        <v>66</v>
      </c>
      <c r="EL23" s="160">
        <v>61</v>
      </c>
      <c r="EM23" s="160">
        <v>45</v>
      </c>
      <c r="EN23" s="165">
        <v>322</v>
      </c>
      <c r="EO23" s="164">
        <v>351</v>
      </c>
      <c r="EP23" s="159">
        <v>309</v>
      </c>
      <c r="EQ23" s="160">
        <v>447</v>
      </c>
      <c r="ER23" s="165">
        <v>756</v>
      </c>
      <c r="ES23" s="162">
        <v>0</v>
      </c>
      <c r="ET23" s="160">
        <v>933</v>
      </c>
      <c r="EU23" s="160">
        <v>948</v>
      </c>
      <c r="EV23" s="160">
        <v>504</v>
      </c>
      <c r="EW23" s="160">
        <v>278</v>
      </c>
      <c r="EX23" s="160">
        <v>195</v>
      </c>
      <c r="EY23" s="165">
        <v>2858</v>
      </c>
      <c r="EZ23" s="164">
        <v>3614</v>
      </c>
    </row>
    <row r="24" spans="2:156" ht="21" customHeight="1" x14ac:dyDescent="0.2">
      <c r="B24" s="166" t="s">
        <v>22</v>
      </c>
      <c r="C24" s="159">
        <v>0</v>
      </c>
      <c r="D24" s="160">
        <v>0</v>
      </c>
      <c r="E24" s="161">
        <v>0</v>
      </c>
      <c r="F24" s="162">
        <v>0</v>
      </c>
      <c r="G24" s="160">
        <v>70</v>
      </c>
      <c r="H24" s="160">
        <v>85</v>
      </c>
      <c r="I24" s="160">
        <v>42</v>
      </c>
      <c r="J24" s="160">
        <v>43</v>
      </c>
      <c r="K24" s="160">
        <v>37</v>
      </c>
      <c r="L24" s="163">
        <v>277</v>
      </c>
      <c r="M24" s="164">
        <v>277</v>
      </c>
      <c r="N24" s="159">
        <v>0</v>
      </c>
      <c r="O24" s="160">
        <v>0</v>
      </c>
      <c r="P24" s="165">
        <v>0</v>
      </c>
      <c r="Q24" s="162">
        <v>0</v>
      </c>
      <c r="R24" s="160">
        <v>1</v>
      </c>
      <c r="S24" s="160">
        <v>1</v>
      </c>
      <c r="T24" s="160">
        <v>3</v>
      </c>
      <c r="U24" s="160">
        <v>8</v>
      </c>
      <c r="V24" s="160">
        <v>19</v>
      </c>
      <c r="W24" s="165">
        <v>32</v>
      </c>
      <c r="X24" s="164">
        <v>32</v>
      </c>
      <c r="Y24" s="159">
        <v>7</v>
      </c>
      <c r="Z24" s="160">
        <v>15</v>
      </c>
      <c r="AA24" s="165">
        <v>22</v>
      </c>
      <c r="AB24" s="162">
        <v>0</v>
      </c>
      <c r="AC24" s="160">
        <v>58</v>
      </c>
      <c r="AD24" s="160">
        <v>73</v>
      </c>
      <c r="AE24" s="160">
        <v>41</v>
      </c>
      <c r="AF24" s="160">
        <v>46</v>
      </c>
      <c r="AG24" s="160">
        <v>33</v>
      </c>
      <c r="AH24" s="165">
        <v>251</v>
      </c>
      <c r="AI24" s="164">
        <v>273</v>
      </c>
      <c r="AJ24" s="159">
        <v>0</v>
      </c>
      <c r="AK24" s="160">
        <v>1</v>
      </c>
      <c r="AL24" s="165">
        <v>1</v>
      </c>
      <c r="AM24" s="162">
        <v>0</v>
      </c>
      <c r="AN24" s="160">
        <v>13</v>
      </c>
      <c r="AO24" s="160">
        <v>9</v>
      </c>
      <c r="AP24" s="160">
        <v>3</v>
      </c>
      <c r="AQ24" s="160">
        <v>5</v>
      </c>
      <c r="AR24" s="160">
        <v>1</v>
      </c>
      <c r="AS24" s="165">
        <v>31</v>
      </c>
      <c r="AT24" s="164">
        <v>32</v>
      </c>
      <c r="AU24" s="159">
        <v>9</v>
      </c>
      <c r="AV24" s="160">
        <v>11</v>
      </c>
      <c r="AW24" s="165">
        <v>20</v>
      </c>
      <c r="AX24" s="162">
        <v>0</v>
      </c>
      <c r="AY24" s="160">
        <v>72</v>
      </c>
      <c r="AZ24" s="160">
        <v>104</v>
      </c>
      <c r="BA24" s="160">
        <v>78</v>
      </c>
      <c r="BB24" s="160">
        <v>81</v>
      </c>
      <c r="BC24" s="160">
        <v>49</v>
      </c>
      <c r="BD24" s="163">
        <v>384</v>
      </c>
      <c r="BE24" s="164">
        <v>404</v>
      </c>
      <c r="BF24" s="159">
        <v>0</v>
      </c>
      <c r="BG24" s="160">
        <v>0</v>
      </c>
      <c r="BH24" s="165">
        <v>0</v>
      </c>
      <c r="BI24" s="162">
        <v>0</v>
      </c>
      <c r="BJ24" s="160">
        <v>114</v>
      </c>
      <c r="BK24" s="160">
        <v>122</v>
      </c>
      <c r="BL24" s="160">
        <v>66</v>
      </c>
      <c r="BM24" s="160">
        <v>35</v>
      </c>
      <c r="BN24" s="160">
        <v>15</v>
      </c>
      <c r="BO24" s="165">
        <v>352</v>
      </c>
      <c r="BP24" s="164">
        <v>352</v>
      </c>
      <c r="BQ24" s="159">
        <v>4</v>
      </c>
      <c r="BR24" s="160">
        <v>8</v>
      </c>
      <c r="BS24" s="165">
        <v>12</v>
      </c>
      <c r="BT24" s="162">
        <v>0</v>
      </c>
      <c r="BU24" s="160">
        <v>36</v>
      </c>
      <c r="BV24" s="160">
        <v>36</v>
      </c>
      <c r="BW24" s="160">
        <v>12</v>
      </c>
      <c r="BX24" s="160">
        <v>14</v>
      </c>
      <c r="BY24" s="160">
        <v>7</v>
      </c>
      <c r="BZ24" s="165">
        <v>105</v>
      </c>
      <c r="CA24" s="164">
        <v>117</v>
      </c>
      <c r="CB24" s="159">
        <v>0</v>
      </c>
      <c r="CC24" s="160">
        <v>0</v>
      </c>
      <c r="CD24" s="165">
        <v>0</v>
      </c>
      <c r="CE24" s="162">
        <v>0</v>
      </c>
      <c r="CF24" s="160">
        <v>9</v>
      </c>
      <c r="CG24" s="160">
        <v>27</v>
      </c>
      <c r="CH24" s="160">
        <v>25</v>
      </c>
      <c r="CI24" s="160">
        <v>15</v>
      </c>
      <c r="CJ24" s="160">
        <v>5</v>
      </c>
      <c r="CK24" s="165">
        <v>81</v>
      </c>
      <c r="CL24" s="164">
        <v>81</v>
      </c>
      <c r="CM24" s="159">
        <v>0</v>
      </c>
      <c r="CN24" s="160">
        <v>0</v>
      </c>
      <c r="CO24" s="165">
        <v>0</v>
      </c>
      <c r="CP24" s="162">
        <v>0</v>
      </c>
      <c r="CQ24" s="160">
        <v>1</v>
      </c>
      <c r="CR24" s="160">
        <v>0</v>
      </c>
      <c r="CS24" s="160">
        <v>1</v>
      </c>
      <c r="CT24" s="160">
        <v>3</v>
      </c>
      <c r="CU24" s="160">
        <v>1</v>
      </c>
      <c r="CV24" s="165">
        <v>6</v>
      </c>
      <c r="CW24" s="164">
        <v>6</v>
      </c>
      <c r="CX24" s="159">
        <v>0</v>
      </c>
      <c r="CY24" s="160">
        <v>0</v>
      </c>
      <c r="CZ24" s="165">
        <v>0</v>
      </c>
      <c r="DA24" s="162">
        <v>0</v>
      </c>
      <c r="DB24" s="160">
        <v>0</v>
      </c>
      <c r="DC24" s="160">
        <v>0</v>
      </c>
      <c r="DD24" s="160">
        <v>0</v>
      </c>
      <c r="DE24" s="160">
        <v>0</v>
      </c>
      <c r="DF24" s="160">
        <v>0</v>
      </c>
      <c r="DG24" s="165">
        <v>0</v>
      </c>
      <c r="DH24" s="164">
        <v>0</v>
      </c>
      <c r="DI24" s="159">
        <v>0</v>
      </c>
      <c r="DJ24" s="160">
        <v>0</v>
      </c>
      <c r="DK24" s="165">
        <v>0</v>
      </c>
      <c r="DL24" s="162">
        <v>0</v>
      </c>
      <c r="DM24" s="160">
        <v>0</v>
      </c>
      <c r="DN24" s="160">
        <v>0</v>
      </c>
      <c r="DO24" s="160">
        <v>0</v>
      </c>
      <c r="DP24" s="160">
        <v>0</v>
      </c>
      <c r="DQ24" s="160">
        <v>0</v>
      </c>
      <c r="DR24" s="165">
        <v>0</v>
      </c>
      <c r="DS24" s="164">
        <v>0</v>
      </c>
      <c r="DT24" s="159">
        <v>60</v>
      </c>
      <c r="DU24" s="160">
        <v>165</v>
      </c>
      <c r="DV24" s="165">
        <v>225</v>
      </c>
      <c r="DW24" s="162">
        <v>0</v>
      </c>
      <c r="DX24" s="160">
        <v>225</v>
      </c>
      <c r="DY24" s="160">
        <v>266</v>
      </c>
      <c r="DZ24" s="160">
        <v>145</v>
      </c>
      <c r="EA24" s="160">
        <v>107</v>
      </c>
      <c r="EB24" s="160">
        <v>65</v>
      </c>
      <c r="EC24" s="165">
        <v>808</v>
      </c>
      <c r="ED24" s="164">
        <v>1033</v>
      </c>
      <c r="EE24" s="159">
        <v>6</v>
      </c>
      <c r="EF24" s="160">
        <v>7</v>
      </c>
      <c r="EG24" s="165">
        <v>13</v>
      </c>
      <c r="EH24" s="162">
        <v>0</v>
      </c>
      <c r="EI24" s="160">
        <v>35</v>
      </c>
      <c r="EJ24" s="160">
        <v>27</v>
      </c>
      <c r="EK24" s="160">
        <v>23</v>
      </c>
      <c r="EL24" s="160">
        <v>24</v>
      </c>
      <c r="EM24" s="160">
        <v>11</v>
      </c>
      <c r="EN24" s="165">
        <v>120</v>
      </c>
      <c r="EO24" s="164">
        <v>133</v>
      </c>
      <c r="EP24" s="159">
        <v>67</v>
      </c>
      <c r="EQ24" s="160">
        <v>174</v>
      </c>
      <c r="ER24" s="165">
        <v>241</v>
      </c>
      <c r="ES24" s="162">
        <v>0</v>
      </c>
      <c r="ET24" s="160">
        <v>356</v>
      </c>
      <c r="EU24" s="160">
        <v>337</v>
      </c>
      <c r="EV24" s="160">
        <v>175</v>
      </c>
      <c r="EW24" s="160">
        <v>113</v>
      </c>
      <c r="EX24" s="160">
        <v>64</v>
      </c>
      <c r="EY24" s="165">
        <v>1045</v>
      </c>
      <c r="EZ24" s="164">
        <v>1286</v>
      </c>
    </row>
    <row r="25" spans="2:156" ht="21" customHeight="1" x14ac:dyDescent="0.2">
      <c r="B25" s="166" t="s">
        <v>23</v>
      </c>
      <c r="C25" s="159">
        <v>0</v>
      </c>
      <c r="D25" s="160">
        <v>0</v>
      </c>
      <c r="E25" s="161">
        <v>0</v>
      </c>
      <c r="F25" s="162">
        <v>0</v>
      </c>
      <c r="G25" s="160">
        <v>149</v>
      </c>
      <c r="H25" s="160">
        <v>158</v>
      </c>
      <c r="I25" s="160">
        <v>75</v>
      </c>
      <c r="J25" s="160">
        <v>77</v>
      </c>
      <c r="K25" s="160">
        <v>53</v>
      </c>
      <c r="L25" s="163">
        <v>512</v>
      </c>
      <c r="M25" s="164">
        <v>512</v>
      </c>
      <c r="N25" s="159">
        <v>0</v>
      </c>
      <c r="O25" s="160">
        <v>0</v>
      </c>
      <c r="P25" s="165">
        <v>0</v>
      </c>
      <c r="Q25" s="162">
        <v>0</v>
      </c>
      <c r="R25" s="160">
        <v>0</v>
      </c>
      <c r="S25" s="160">
        <v>5</v>
      </c>
      <c r="T25" s="160">
        <v>6</v>
      </c>
      <c r="U25" s="160">
        <v>18</v>
      </c>
      <c r="V25" s="160">
        <v>26</v>
      </c>
      <c r="W25" s="165">
        <v>55</v>
      </c>
      <c r="X25" s="164">
        <v>55</v>
      </c>
      <c r="Y25" s="159">
        <v>42</v>
      </c>
      <c r="Z25" s="160">
        <v>81</v>
      </c>
      <c r="AA25" s="165">
        <v>123</v>
      </c>
      <c r="AB25" s="162">
        <v>0</v>
      </c>
      <c r="AC25" s="160">
        <v>106</v>
      </c>
      <c r="AD25" s="160">
        <v>181</v>
      </c>
      <c r="AE25" s="160">
        <v>74</v>
      </c>
      <c r="AF25" s="160">
        <v>86</v>
      </c>
      <c r="AG25" s="160">
        <v>54</v>
      </c>
      <c r="AH25" s="165">
        <v>501</v>
      </c>
      <c r="AI25" s="164">
        <v>624</v>
      </c>
      <c r="AJ25" s="159">
        <v>3</v>
      </c>
      <c r="AK25" s="160">
        <v>13</v>
      </c>
      <c r="AL25" s="165">
        <v>16</v>
      </c>
      <c r="AM25" s="162">
        <v>0</v>
      </c>
      <c r="AN25" s="160">
        <v>18</v>
      </c>
      <c r="AO25" s="160">
        <v>18</v>
      </c>
      <c r="AP25" s="160">
        <v>11</v>
      </c>
      <c r="AQ25" s="160">
        <v>8</v>
      </c>
      <c r="AR25" s="160">
        <v>3</v>
      </c>
      <c r="AS25" s="165">
        <v>58</v>
      </c>
      <c r="AT25" s="164">
        <v>74</v>
      </c>
      <c r="AU25" s="159">
        <v>23</v>
      </c>
      <c r="AV25" s="160">
        <v>17</v>
      </c>
      <c r="AW25" s="165">
        <v>40</v>
      </c>
      <c r="AX25" s="162">
        <v>0</v>
      </c>
      <c r="AY25" s="160">
        <v>175</v>
      </c>
      <c r="AZ25" s="160">
        <v>179</v>
      </c>
      <c r="BA25" s="160">
        <v>150</v>
      </c>
      <c r="BB25" s="160">
        <v>184</v>
      </c>
      <c r="BC25" s="160">
        <v>128</v>
      </c>
      <c r="BD25" s="163">
        <v>816</v>
      </c>
      <c r="BE25" s="164">
        <v>856</v>
      </c>
      <c r="BF25" s="159">
        <v>0</v>
      </c>
      <c r="BG25" s="160">
        <v>0</v>
      </c>
      <c r="BH25" s="165">
        <v>0</v>
      </c>
      <c r="BI25" s="162">
        <v>0</v>
      </c>
      <c r="BJ25" s="160">
        <v>293</v>
      </c>
      <c r="BK25" s="160">
        <v>267</v>
      </c>
      <c r="BL25" s="160">
        <v>129</v>
      </c>
      <c r="BM25" s="160">
        <v>72</v>
      </c>
      <c r="BN25" s="160">
        <v>35</v>
      </c>
      <c r="BO25" s="165">
        <v>796</v>
      </c>
      <c r="BP25" s="164">
        <v>796</v>
      </c>
      <c r="BQ25" s="159">
        <v>3</v>
      </c>
      <c r="BR25" s="160">
        <v>10</v>
      </c>
      <c r="BS25" s="165">
        <v>13</v>
      </c>
      <c r="BT25" s="162">
        <v>0</v>
      </c>
      <c r="BU25" s="160">
        <v>30</v>
      </c>
      <c r="BV25" s="160">
        <v>41</v>
      </c>
      <c r="BW25" s="160">
        <v>24</v>
      </c>
      <c r="BX25" s="160">
        <v>20</v>
      </c>
      <c r="BY25" s="160">
        <v>4</v>
      </c>
      <c r="BZ25" s="165">
        <v>119</v>
      </c>
      <c r="CA25" s="164">
        <v>132</v>
      </c>
      <c r="CB25" s="159">
        <v>2</v>
      </c>
      <c r="CC25" s="160">
        <v>2</v>
      </c>
      <c r="CD25" s="165">
        <v>4</v>
      </c>
      <c r="CE25" s="162">
        <v>0</v>
      </c>
      <c r="CF25" s="160">
        <v>28</v>
      </c>
      <c r="CG25" s="160">
        <v>29</v>
      </c>
      <c r="CH25" s="160">
        <v>43</v>
      </c>
      <c r="CI25" s="160">
        <v>45</v>
      </c>
      <c r="CJ25" s="160">
        <v>13</v>
      </c>
      <c r="CK25" s="165">
        <v>158</v>
      </c>
      <c r="CL25" s="164">
        <v>162</v>
      </c>
      <c r="CM25" s="159">
        <v>0</v>
      </c>
      <c r="CN25" s="160">
        <v>0</v>
      </c>
      <c r="CO25" s="165">
        <v>0</v>
      </c>
      <c r="CP25" s="162">
        <v>0</v>
      </c>
      <c r="CQ25" s="160">
        <v>1</v>
      </c>
      <c r="CR25" s="160">
        <v>2</v>
      </c>
      <c r="CS25" s="160">
        <v>0</v>
      </c>
      <c r="CT25" s="160">
        <v>1</v>
      </c>
      <c r="CU25" s="160">
        <v>4</v>
      </c>
      <c r="CV25" s="165">
        <v>8</v>
      </c>
      <c r="CW25" s="164">
        <v>8</v>
      </c>
      <c r="CX25" s="159">
        <v>0</v>
      </c>
      <c r="CY25" s="160">
        <v>0</v>
      </c>
      <c r="CZ25" s="165">
        <v>0</v>
      </c>
      <c r="DA25" s="162">
        <v>0</v>
      </c>
      <c r="DB25" s="160">
        <v>0</v>
      </c>
      <c r="DC25" s="160">
        <v>0</v>
      </c>
      <c r="DD25" s="160">
        <v>0</v>
      </c>
      <c r="DE25" s="160">
        <v>0</v>
      </c>
      <c r="DF25" s="160">
        <v>0</v>
      </c>
      <c r="DG25" s="165">
        <v>0</v>
      </c>
      <c r="DH25" s="164">
        <v>0</v>
      </c>
      <c r="DI25" s="159">
        <v>0</v>
      </c>
      <c r="DJ25" s="160">
        <v>0</v>
      </c>
      <c r="DK25" s="165">
        <v>0</v>
      </c>
      <c r="DL25" s="162">
        <v>0</v>
      </c>
      <c r="DM25" s="160">
        <v>0</v>
      </c>
      <c r="DN25" s="160">
        <v>0</v>
      </c>
      <c r="DO25" s="160">
        <v>0</v>
      </c>
      <c r="DP25" s="160">
        <v>0</v>
      </c>
      <c r="DQ25" s="160">
        <v>0</v>
      </c>
      <c r="DR25" s="165">
        <v>0</v>
      </c>
      <c r="DS25" s="164">
        <v>0</v>
      </c>
      <c r="DT25" s="159">
        <v>114</v>
      </c>
      <c r="DU25" s="160">
        <v>279</v>
      </c>
      <c r="DV25" s="165">
        <v>393</v>
      </c>
      <c r="DW25" s="162">
        <v>0</v>
      </c>
      <c r="DX25" s="160">
        <v>256</v>
      </c>
      <c r="DY25" s="160">
        <v>414</v>
      </c>
      <c r="DZ25" s="160">
        <v>215</v>
      </c>
      <c r="EA25" s="160">
        <v>201</v>
      </c>
      <c r="EB25" s="160">
        <v>104</v>
      </c>
      <c r="EC25" s="165">
        <v>1190</v>
      </c>
      <c r="ED25" s="164">
        <v>1583</v>
      </c>
      <c r="EE25" s="159">
        <v>12</v>
      </c>
      <c r="EF25" s="160">
        <v>6</v>
      </c>
      <c r="EG25" s="165">
        <v>18</v>
      </c>
      <c r="EH25" s="162">
        <v>0</v>
      </c>
      <c r="EI25" s="160">
        <v>58</v>
      </c>
      <c r="EJ25" s="160">
        <v>45</v>
      </c>
      <c r="EK25" s="160">
        <v>41</v>
      </c>
      <c r="EL25" s="160">
        <v>57</v>
      </c>
      <c r="EM25" s="160">
        <v>33</v>
      </c>
      <c r="EN25" s="165">
        <v>234</v>
      </c>
      <c r="EO25" s="164">
        <v>252</v>
      </c>
      <c r="EP25" s="159">
        <v>151</v>
      </c>
      <c r="EQ25" s="160">
        <v>328</v>
      </c>
      <c r="ER25" s="165">
        <v>479</v>
      </c>
      <c r="ES25" s="162">
        <v>0</v>
      </c>
      <c r="ET25" s="160">
        <v>551</v>
      </c>
      <c r="EU25" s="160">
        <v>556</v>
      </c>
      <c r="EV25" s="160">
        <v>265</v>
      </c>
      <c r="EW25" s="160">
        <v>213</v>
      </c>
      <c r="EX25" s="160">
        <v>106</v>
      </c>
      <c r="EY25" s="165">
        <v>1691</v>
      </c>
      <c r="EZ25" s="164">
        <v>2170</v>
      </c>
    </row>
    <row r="26" spans="2:156" ht="21" customHeight="1" x14ac:dyDescent="0.2">
      <c r="B26" s="166" t="s">
        <v>24</v>
      </c>
      <c r="C26" s="159">
        <v>0</v>
      </c>
      <c r="D26" s="160">
        <v>0</v>
      </c>
      <c r="E26" s="161">
        <v>0</v>
      </c>
      <c r="F26" s="162">
        <v>0</v>
      </c>
      <c r="G26" s="160">
        <v>81</v>
      </c>
      <c r="H26" s="160">
        <v>67</v>
      </c>
      <c r="I26" s="160">
        <v>38</v>
      </c>
      <c r="J26" s="160">
        <v>40</v>
      </c>
      <c r="K26" s="160">
        <v>45</v>
      </c>
      <c r="L26" s="163">
        <v>271</v>
      </c>
      <c r="M26" s="164">
        <v>271</v>
      </c>
      <c r="N26" s="159">
        <v>0</v>
      </c>
      <c r="O26" s="160">
        <v>0</v>
      </c>
      <c r="P26" s="165">
        <v>0</v>
      </c>
      <c r="Q26" s="162">
        <v>0</v>
      </c>
      <c r="R26" s="160">
        <v>1</v>
      </c>
      <c r="S26" s="160">
        <v>4</v>
      </c>
      <c r="T26" s="160">
        <v>3</v>
      </c>
      <c r="U26" s="160">
        <v>12</v>
      </c>
      <c r="V26" s="160">
        <v>27</v>
      </c>
      <c r="W26" s="165">
        <v>47</v>
      </c>
      <c r="X26" s="164">
        <v>47</v>
      </c>
      <c r="Y26" s="159">
        <v>17</v>
      </c>
      <c r="Z26" s="160">
        <v>30</v>
      </c>
      <c r="AA26" s="165">
        <v>47</v>
      </c>
      <c r="AB26" s="162">
        <v>0</v>
      </c>
      <c r="AC26" s="160">
        <v>82</v>
      </c>
      <c r="AD26" s="160">
        <v>75</v>
      </c>
      <c r="AE26" s="160">
        <v>48</v>
      </c>
      <c r="AF26" s="160">
        <v>46</v>
      </c>
      <c r="AG26" s="160">
        <v>30</v>
      </c>
      <c r="AH26" s="165">
        <v>281</v>
      </c>
      <c r="AI26" s="164">
        <v>328</v>
      </c>
      <c r="AJ26" s="159">
        <v>0</v>
      </c>
      <c r="AK26" s="160">
        <v>1</v>
      </c>
      <c r="AL26" s="165">
        <v>1</v>
      </c>
      <c r="AM26" s="162">
        <v>0</v>
      </c>
      <c r="AN26" s="160">
        <v>6</v>
      </c>
      <c r="AO26" s="160">
        <v>5</v>
      </c>
      <c r="AP26" s="160">
        <v>3</v>
      </c>
      <c r="AQ26" s="160">
        <v>5</v>
      </c>
      <c r="AR26" s="160">
        <v>3</v>
      </c>
      <c r="AS26" s="165">
        <v>22</v>
      </c>
      <c r="AT26" s="164">
        <v>23</v>
      </c>
      <c r="AU26" s="159">
        <v>21</v>
      </c>
      <c r="AV26" s="160">
        <v>23</v>
      </c>
      <c r="AW26" s="165">
        <v>44</v>
      </c>
      <c r="AX26" s="162">
        <v>0</v>
      </c>
      <c r="AY26" s="160">
        <v>92</v>
      </c>
      <c r="AZ26" s="160">
        <v>99</v>
      </c>
      <c r="BA26" s="160">
        <v>79</v>
      </c>
      <c r="BB26" s="160">
        <v>99</v>
      </c>
      <c r="BC26" s="160">
        <v>78</v>
      </c>
      <c r="BD26" s="163">
        <v>447</v>
      </c>
      <c r="BE26" s="164">
        <v>491</v>
      </c>
      <c r="BF26" s="159">
        <v>0</v>
      </c>
      <c r="BG26" s="160">
        <v>0</v>
      </c>
      <c r="BH26" s="165">
        <v>0</v>
      </c>
      <c r="BI26" s="162">
        <v>0</v>
      </c>
      <c r="BJ26" s="160">
        <v>130</v>
      </c>
      <c r="BK26" s="160">
        <v>81</v>
      </c>
      <c r="BL26" s="160">
        <v>47</v>
      </c>
      <c r="BM26" s="160">
        <v>30</v>
      </c>
      <c r="BN26" s="160">
        <v>12</v>
      </c>
      <c r="BO26" s="165">
        <v>300</v>
      </c>
      <c r="BP26" s="164">
        <v>300</v>
      </c>
      <c r="BQ26" s="159">
        <v>10</v>
      </c>
      <c r="BR26" s="160">
        <v>17</v>
      </c>
      <c r="BS26" s="165">
        <v>27</v>
      </c>
      <c r="BT26" s="162">
        <v>0</v>
      </c>
      <c r="BU26" s="160">
        <v>39</v>
      </c>
      <c r="BV26" s="160">
        <v>34</v>
      </c>
      <c r="BW26" s="160">
        <v>22</v>
      </c>
      <c r="BX26" s="160">
        <v>15</v>
      </c>
      <c r="BY26" s="160">
        <v>7</v>
      </c>
      <c r="BZ26" s="165">
        <v>117</v>
      </c>
      <c r="CA26" s="164">
        <v>144</v>
      </c>
      <c r="CB26" s="159">
        <v>2</v>
      </c>
      <c r="CC26" s="160">
        <v>2</v>
      </c>
      <c r="CD26" s="165">
        <v>4</v>
      </c>
      <c r="CE26" s="162">
        <v>0</v>
      </c>
      <c r="CF26" s="160">
        <v>17</v>
      </c>
      <c r="CG26" s="160">
        <v>23</v>
      </c>
      <c r="CH26" s="160">
        <v>19</v>
      </c>
      <c r="CI26" s="160">
        <v>21</v>
      </c>
      <c r="CJ26" s="160">
        <v>9</v>
      </c>
      <c r="CK26" s="165">
        <v>89</v>
      </c>
      <c r="CL26" s="164">
        <v>93</v>
      </c>
      <c r="CM26" s="159">
        <v>0</v>
      </c>
      <c r="CN26" s="160">
        <v>0</v>
      </c>
      <c r="CO26" s="165">
        <v>0</v>
      </c>
      <c r="CP26" s="162">
        <v>0</v>
      </c>
      <c r="CQ26" s="160">
        <v>1</v>
      </c>
      <c r="CR26" s="160">
        <v>2</v>
      </c>
      <c r="CS26" s="160">
        <v>1</v>
      </c>
      <c r="CT26" s="160">
        <v>2</v>
      </c>
      <c r="CU26" s="160">
        <v>2</v>
      </c>
      <c r="CV26" s="165">
        <v>8</v>
      </c>
      <c r="CW26" s="164">
        <v>8</v>
      </c>
      <c r="CX26" s="159">
        <v>0</v>
      </c>
      <c r="CY26" s="160">
        <v>0</v>
      </c>
      <c r="CZ26" s="165">
        <v>0</v>
      </c>
      <c r="DA26" s="162">
        <v>0</v>
      </c>
      <c r="DB26" s="160">
        <v>0</v>
      </c>
      <c r="DC26" s="160">
        <v>0</v>
      </c>
      <c r="DD26" s="160">
        <v>0</v>
      </c>
      <c r="DE26" s="160">
        <v>0</v>
      </c>
      <c r="DF26" s="160">
        <v>0</v>
      </c>
      <c r="DG26" s="165">
        <v>0</v>
      </c>
      <c r="DH26" s="164">
        <v>0</v>
      </c>
      <c r="DI26" s="159">
        <v>0</v>
      </c>
      <c r="DJ26" s="160">
        <v>0</v>
      </c>
      <c r="DK26" s="165">
        <v>0</v>
      </c>
      <c r="DL26" s="162">
        <v>0</v>
      </c>
      <c r="DM26" s="160">
        <v>0</v>
      </c>
      <c r="DN26" s="160">
        <v>0</v>
      </c>
      <c r="DO26" s="160">
        <v>0</v>
      </c>
      <c r="DP26" s="160">
        <v>0</v>
      </c>
      <c r="DQ26" s="160">
        <v>0</v>
      </c>
      <c r="DR26" s="165">
        <v>0</v>
      </c>
      <c r="DS26" s="164">
        <v>0</v>
      </c>
      <c r="DT26" s="159">
        <v>83</v>
      </c>
      <c r="DU26" s="160">
        <v>97</v>
      </c>
      <c r="DV26" s="165">
        <v>180</v>
      </c>
      <c r="DW26" s="162">
        <v>0</v>
      </c>
      <c r="DX26" s="160">
        <v>151</v>
      </c>
      <c r="DY26" s="160">
        <v>181</v>
      </c>
      <c r="DZ26" s="160">
        <v>106</v>
      </c>
      <c r="EA26" s="160">
        <v>91</v>
      </c>
      <c r="EB26" s="160">
        <v>61</v>
      </c>
      <c r="EC26" s="165">
        <v>590</v>
      </c>
      <c r="ED26" s="164">
        <v>770</v>
      </c>
      <c r="EE26" s="159">
        <v>11</v>
      </c>
      <c r="EF26" s="160">
        <v>9</v>
      </c>
      <c r="EG26" s="165">
        <v>20</v>
      </c>
      <c r="EH26" s="162">
        <v>0</v>
      </c>
      <c r="EI26" s="160">
        <v>47</v>
      </c>
      <c r="EJ26" s="160">
        <v>29</v>
      </c>
      <c r="EK26" s="160">
        <v>29</v>
      </c>
      <c r="EL26" s="160">
        <v>35</v>
      </c>
      <c r="EM26" s="160">
        <v>25</v>
      </c>
      <c r="EN26" s="165">
        <v>165</v>
      </c>
      <c r="EO26" s="164">
        <v>185</v>
      </c>
      <c r="EP26" s="159">
        <v>99</v>
      </c>
      <c r="EQ26" s="160">
        <v>120</v>
      </c>
      <c r="ER26" s="165">
        <v>219</v>
      </c>
      <c r="ES26" s="162">
        <v>0</v>
      </c>
      <c r="ET26" s="160">
        <v>295</v>
      </c>
      <c r="EU26" s="160">
        <v>212</v>
      </c>
      <c r="EV26" s="160">
        <v>126</v>
      </c>
      <c r="EW26" s="160">
        <v>104</v>
      </c>
      <c r="EX26" s="160">
        <v>68</v>
      </c>
      <c r="EY26" s="165">
        <v>805</v>
      </c>
      <c r="EZ26" s="164">
        <v>1024</v>
      </c>
    </row>
    <row r="27" spans="2:156" ht="21" customHeight="1" x14ac:dyDescent="0.2">
      <c r="B27" s="166" t="s">
        <v>25</v>
      </c>
      <c r="C27" s="159">
        <v>0</v>
      </c>
      <c r="D27" s="160">
        <v>0</v>
      </c>
      <c r="E27" s="161">
        <v>0</v>
      </c>
      <c r="F27" s="162">
        <v>0</v>
      </c>
      <c r="G27" s="160">
        <v>99</v>
      </c>
      <c r="H27" s="160">
        <v>95</v>
      </c>
      <c r="I27" s="160">
        <v>50</v>
      </c>
      <c r="J27" s="160">
        <v>44</v>
      </c>
      <c r="K27" s="160">
        <v>30</v>
      </c>
      <c r="L27" s="163">
        <v>318</v>
      </c>
      <c r="M27" s="164">
        <v>318</v>
      </c>
      <c r="N27" s="159">
        <v>0</v>
      </c>
      <c r="O27" s="160">
        <v>0</v>
      </c>
      <c r="P27" s="165">
        <v>0</v>
      </c>
      <c r="Q27" s="162">
        <v>0</v>
      </c>
      <c r="R27" s="160">
        <v>3</v>
      </c>
      <c r="S27" s="160">
        <v>6</v>
      </c>
      <c r="T27" s="160">
        <v>7</v>
      </c>
      <c r="U27" s="160">
        <v>11</v>
      </c>
      <c r="V27" s="160">
        <v>19</v>
      </c>
      <c r="W27" s="165">
        <v>46</v>
      </c>
      <c r="X27" s="164">
        <v>46</v>
      </c>
      <c r="Y27" s="159">
        <v>30</v>
      </c>
      <c r="Z27" s="160">
        <v>64</v>
      </c>
      <c r="AA27" s="165">
        <v>94</v>
      </c>
      <c r="AB27" s="162">
        <v>0</v>
      </c>
      <c r="AC27" s="160">
        <v>84</v>
      </c>
      <c r="AD27" s="160">
        <v>95</v>
      </c>
      <c r="AE27" s="160">
        <v>52</v>
      </c>
      <c r="AF27" s="160">
        <v>37</v>
      </c>
      <c r="AG27" s="160">
        <v>26</v>
      </c>
      <c r="AH27" s="165">
        <v>294</v>
      </c>
      <c r="AI27" s="164">
        <v>388</v>
      </c>
      <c r="AJ27" s="159">
        <v>2</v>
      </c>
      <c r="AK27" s="160">
        <v>2</v>
      </c>
      <c r="AL27" s="165">
        <v>4</v>
      </c>
      <c r="AM27" s="162">
        <v>0</v>
      </c>
      <c r="AN27" s="160">
        <v>0</v>
      </c>
      <c r="AO27" s="160">
        <v>12</v>
      </c>
      <c r="AP27" s="160">
        <v>5</v>
      </c>
      <c r="AQ27" s="160">
        <v>1</v>
      </c>
      <c r="AR27" s="160">
        <v>2</v>
      </c>
      <c r="AS27" s="165">
        <v>20</v>
      </c>
      <c r="AT27" s="164">
        <v>24</v>
      </c>
      <c r="AU27" s="159">
        <v>7</v>
      </c>
      <c r="AV27" s="160">
        <v>15</v>
      </c>
      <c r="AW27" s="165">
        <v>22</v>
      </c>
      <c r="AX27" s="162">
        <v>0</v>
      </c>
      <c r="AY27" s="160">
        <v>83</v>
      </c>
      <c r="AZ27" s="160">
        <v>88</v>
      </c>
      <c r="BA27" s="160">
        <v>63</v>
      </c>
      <c r="BB27" s="160">
        <v>68</v>
      </c>
      <c r="BC27" s="160">
        <v>58</v>
      </c>
      <c r="BD27" s="163">
        <v>360</v>
      </c>
      <c r="BE27" s="164">
        <v>382</v>
      </c>
      <c r="BF27" s="159">
        <v>0</v>
      </c>
      <c r="BG27" s="160">
        <v>0</v>
      </c>
      <c r="BH27" s="165">
        <v>0</v>
      </c>
      <c r="BI27" s="162">
        <v>0</v>
      </c>
      <c r="BJ27" s="160">
        <v>169</v>
      </c>
      <c r="BK27" s="160">
        <v>107</v>
      </c>
      <c r="BL27" s="160">
        <v>52</v>
      </c>
      <c r="BM27" s="160">
        <v>28</v>
      </c>
      <c r="BN27" s="160">
        <v>15</v>
      </c>
      <c r="BO27" s="165">
        <v>371</v>
      </c>
      <c r="BP27" s="164">
        <v>371</v>
      </c>
      <c r="BQ27" s="159">
        <v>0</v>
      </c>
      <c r="BR27" s="160">
        <v>6</v>
      </c>
      <c r="BS27" s="165">
        <v>6</v>
      </c>
      <c r="BT27" s="162">
        <v>0</v>
      </c>
      <c r="BU27" s="160">
        <v>25</v>
      </c>
      <c r="BV27" s="160">
        <v>58</v>
      </c>
      <c r="BW27" s="160">
        <v>28</v>
      </c>
      <c r="BX27" s="160">
        <v>12</v>
      </c>
      <c r="BY27" s="160">
        <v>2</v>
      </c>
      <c r="BZ27" s="165">
        <v>125</v>
      </c>
      <c r="CA27" s="164">
        <v>131</v>
      </c>
      <c r="CB27" s="159">
        <v>0</v>
      </c>
      <c r="CC27" s="160">
        <v>3</v>
      </c>
      <c r="CD27" s="165">
        <v>3</v>
      </c>
      <c r="CE27" s="162">
        <v>0</v>
      </c>
      <c r="CF27" s="160">
        <v>19</v>
      </c>
      <c r="CG27" s="160">
        <v>29</v>
      </c>
      <c r="CH27" s="160">
        <v>22</v>
      </c>
      <c r="CI27" s="160">
        <v>13</v>
      </c>
      <c r="CJ27" s="160">
        <v>4</v>
      </c>
      <c r="CK27" s="165">
        <v>87</v>
      </c>
      <c r="CL27" s="164">
        <v>90</v>
      </c>
      <c r="CM27" s="159">
        <v>0</v>
      </c>
      <c r="CN27" s="160">
        <v>0</v>
      </c>
      <c r="CO27" s="165">
        <v>0</v>
      </c>
      <c r="CP27" s="162">
        <v>0</v>
      </c>
      <c r="CQ27" s="160">
        <v>2</v>
      </c>
      <c r="CR27" s="160">
        <v>10</v>
      </c>
      <c r="CS27" s="160">
        <v>8</v>
      </c>
      <c r="CT27" s="160">
        <v>4</v>
      </c>
      <c r="CU27" s="160">
        <v>0</v>
      </c>
      <c r="CV27" s="165">
        <v>24</v>
      </c>
      <c r="CW27" s="164">
        <v>24</v>
      </c>
      <c r="CX27" s="159">
        <v>0</v>
      </c>
      <c r="CY27" s="160">
        <v>0</v>
      </c>
      <c r="CZ27" s="165">
        <v>0</v>
      </c>
      <c r="DA27" s="162">
        <v>0</v>
      </c>
      <c r="DB27" s="160">
        <v>0</v>
      </c>
      <c r="DC27" s="160">
        <v>0</v>
      </c>
      <c r="DD27" s="160">
        <v>0</v>
      </c>
      <c r="DE27" s="160">
        <v>0</v>
      </c>
      <c r="DF27" s="160">
        <v>0</v>
      </c>
      <c r="DG27" s="165">
        <v>0</v>
      </c>
      <c r="DH27" s="164">
        <v>0</v>
      </c>
      <c r="DI27" s="159">
        <v>0</v>
      </c>
      <c r="DJ27" s="160">
        <v>0</v>
      </c>
      <c r="DK27" s="165">
        <v>0</v>
      </c>
      <c r="DL27" s="162">
        <v>0</v>
      </c>
      <c r="DM27" s="160">
        <v>0</v>
      </c>
      <c r="DN27" s="160">
        <v>0</v>
      </c>
      <c r="DO27" s="160">
        <v>0</v>
      </c>
      <c r="DP27" s="160">
        <v>0</v>
      </c>
      <c r="DQ27" s="160">
        <v>0</v>
      </c>
      <c r="DR27" s="165">
        <v>0</v>
      </c>
      <c r="DS27" s="164">
        <v>0</v>
      </c>
      <c r="DT27" s="159">
        <v>96</v>
      </c>
      <c r="DU27" s="160">
        <v>175</v>
      </c>
      <c r="DV27" s="165">
        <v>271</v>
      </c>
      <c r="DW27" s="162">
        <v>0</v>
      </c>
      <c r="DX27" s="160">
        <v>138</v>
      </c>
      <c r="DY27" s="160">
        <v>266</v>
      </c>
      <c r="DZ27" s="160">
        <v>122</v>
      </c>
      <c r="EA27" s="160">
        <v>90</v>
      </c>
      <c r="EB27" s="160">
        <v>57</v>
      </c>
      <c r="EC27" s="165">
        <v>673</v>
      </c>
      <c r="ED27" s="164">
        <v>944</v>
      </c>
      <c r="EE27" s="159">
        <v>3</v>
      </c>
      <c r="EF27" s="160">
        <v>7</v>
      </c>
      <c r="EG27" s="165">
        <v>10</v>
      </c>
      <c r="EH27" s="162">
        <v>0</v>
      </c>
      <c r="EI27" s="160">
        <v>25</v>
      </c>
      <c r="EJ27" s="160">
        <v>10</v>
      </c>
      <c r="EK27" s="160">
        <v>14</v>
      </c>
      <c r="EL27" s="160">
        <v>15</v>
      </c>
      <c r="EM27" s="160">
        <v>11</v>
      </c>
      <c r="EN27" s="165">
        <v>75</v>
      </c>
      <c r="EO27" s="164">
        <v>85</v>
      </c>
      <c r="EP27" s="159">
        <v>121</v>
      </c>
      <c r="EQ27" s="160">
        <v>205</v>
      </c>
      <c r="ER27" s="165">
        <v>326</v>
      </c>
      <c r="ES27" s="162">
        <v>0</v>
      </c>
      <c r="ET27" s="160">
        <v>358</v>
      </c>
      <c r="EU27" s="160">
        <v>326</v>
      </c>
      <c r="EV27" s="160">
        <v>152</v>
      </c>
      <c r="EW27" s="160">
        <v>94</v>
      </c>
      <c r="EX27" s="160">
        <v>59</v>
      </c>
      <c r="EY27" s="165">
        <v>989</v>
      </c>
      <c r="EZ27" s="164">
        <v>1315</v>
      </c>
    </row>
    <row r="28" spans="2:156" ht="21" customHeight="1" x14ac:dyDescent="0.2">
      <c r="B28" s="166" t="s">
        <v>26</v>
      </c>
      <c r="C28" s="159">
        <v>0</v>
      </c>
      <c r="D28" s="160">
        <v>0</v>
      </c>
      <c r="E28" s="161">
        <v>0</v>
      </c>
      <c r="F28" s="162">
        <v>0</v>
      </c>
      <c r="G28" s="160">
        <v>62</v>
      </c>
      <c r="H28" s="160">
        <v>113</v>
      </c>
      <c r="I28" s="160">
        <v>62</v>
      </c>
      <c r="J28" s="160">
        <v>32</v>
      </c>
      <c r="K28" s="160">
        <v>51</v>
      </c>
      <c r="L28" s="163">
        <v>320</v>
      </c>
      <c r="M28" s="164">
        <v>320</v>
      </c>
      <c r="N28" s="159">
        <v>0</v>
      </c>
      <c r="O28" s="160">
        <v>0</v>
      </c>
      <c r="P28" s="165">
        <v>0</v>
      </c>
      <c r="Q28" s="162">
        <v>0</v>
      </c>
      <c r="R28" s="160">
        <v>0</v>
      </c>
      <c r="S28" s="160">
        <v>1</v>
      </c>
      <c r="T28" s="160">
        <v>5</v>
      </c>
      <c r="U28" s="160">
        <v>7</v>
      </c>
      <c r="V28" s="160">
        <v>20</v>
      </c>
      <c r="W28" s="165">
        <v>33</v>
      </c>
      <c r="X28" s="164">
        <v>33</v>
      </c>
      <c r="Y28" s="159">
        <v>19</v>
      </c>
      <c r="Z28" s="160">
        <v>23</v>
      </c>
      <c r="AA28" s="165">
        <v>42</v>
      </c>
      <c r="AB28" s="162">
        <v>0</v>
      </c>
      <c r="AC28" s="160">
        <v>69</v>
      </c>
      <c r="AD28" s="160">
        <v>101</v>
      </c>
      <c r="AE28" s="160">
        <v>52</v>
      </c>
      <c r="AF28" s="160">
        <v>33</v>
      </c>
      <c r="AG28" s="160">
        <v>52</v>
      </c>
      <c r="AH28" s="165">
        <v>307</v>
      </c>
      <c r="AI28" s="164">
        <v>349</v>
      </c>
      <c r="AJ28" s="159">
        <v>2</v>
      </c>
      <c r="AK28" s="160">
        <v>2</v>
      </c>
      <c r="AL28" s="165">
        <v>4</v>
      </c>
      <c r="AM28" s="162">
        <v>0</v>
      </c>
      <c r="AN28" s="160">
        <v>2</v>
      </c>
      <c r="AO28" s="160">
        <v>2</v>
      </c>
      <c r="AP28" s="160">
        <v>5</v>
      </c>
      <c r="AQ28" s="160">
        <v>3</v>
      </c>
      <c r="AR28" s="160">
        <v>2</v>
      </c>
      <c r="AS28" s="165">
        <v>14</v>
      </c>
      <c r="AT28" s="164">
        <v>18</v>
      </c>
      <c r="AU28" s="159">
        <v>10</v>
      </c>
      <c r="AV28" s="160">
        <v>5</v>
      </c>
      <c r="AW28" s="165">
        <v>15</v>
      </c>
      <c r="AX28" s="162">
        <v>0</v>
      </c>
      <c r="AY28" s="160">
        <v>60</v>
      </c>
      <c r="AZ28" s="160">
        <v>91</v>
      </c>
      <c r="BA28" s="160">
        <v>86</v>
      </c>
      <c r="BB28" s="160">
        <v>67</v>
      </c>
      <c r="BC28" s="160">
        <v>65</v>
      </c>
      <c r="BD28" s="163">
        <v>369</v>
      </c>
      <c r="BE28" s="164">
        <v>384</v>
      </c>
      <c r="BF28" s="159">
        <v>0</v>
      </c>
      <c r="BG28" s="160">
        <v>0</v>
      </c>
      <c r="BH28" s="165">
        <v>0</v>
      </c>
      <c r="BI28" s="162">
        <v>0</v>
      </c>
      <c r="BJ28" s="160">
        <v>113</v>
      </c>
      <c r="BK28" s="160">
        <v>123</v>
      </c>
      <c r="BL28" s="160">
        <v>46</v>
      </c>
      <c r="BM28" s="160">
        <v>21</v>
      </c>
      <c r="BN28" s="160">
        <v>19</v>
      </c>
      <c r="BO28" s="165">
        <v>322</v>
      </c>
      <c r="BP28" s="164">
        <v>322</v>
      </c>
      <c r="BQ28" s="159">
        <v>5</v>
      </c>
      <c r="BR28" s="160">
        <v>8</v>
      </c>
      <c r="BS28" s="165">
        <v>13</v>
      </c>
      <c r="BT28" s="162">
        <v>0</v>
      </c>
      <c r="BU28" s="160">
        <v>17</v>
      </c>
      <c r="BV28" s="160">
        <v>28</v>
      </c>
      <c r="BW28" s="160">
        <v>14</v>
      </c>
      <c r="BX28" s="160">
        <v>12</v>
      </c>
      <c r="BY28" s="160">
        <v>5</v>
      </c>
      <c r="BZ28" s="165">
        <v>76</v>
      </c>
      <c r="CA28" s="164">
        <v>89</v>
      </c>
      <c r="CB28" s="159">
        <v>0</v>
      </c>
      <c r="CC28" s="160">
        <v>1</v>
      </c>
      <c r="CD28" s="165">
        <v>1</v>
      </c>
      <c r="CE28" s="162">
        <v>0</v>
      </c>
      <c r="CF28" s="160">
        <v>14</v>
      </c>
      <c r="CG28" s="160">
        <v>33</v>
      </c>
      <c r="CH28" s="160">
        <v>26</v>
      </c>
      <c r="CI28" s="160">
        <v>11</v>
      </c>
      <c r="CJ28" s="160">
        <v>17</v>
      </c>
      <c r="CK28" s="165">
        <v>101</v>
      </c>
      <c r="CL28" s="164">
        <v>102</v>
      </c>
      <c r="CM28" s="159">
        <v>0</v>
      </c>
      <c r="CN28" s="160">
        <v>0</v>
      </c>
      <c r="CO28" s="165">
        <v>0</v>
      </c>
      <c r="CP28" s="162">
        <v>0</v>
      </c>
      <c r="CQ28" s="160">
        <v>1</v>
      </c>
      <c r="CR28" s="160">
        <v>4</v>
      </c>
      <c r="CS28" s="160">
        <v>1</v>
      </c>
      <c r="CT28" s="160">
        <v>4</v>
      </c>
      <c r="CU28" s="160">
        <v>4</v>
      </c>
      <c r="CV28" s="165">
        <v>14</v>
      </c>
      <c r="CW28" s="164">
        <v>14</v>
      </c>
      <c r="CX28" s="159">
        <v>0</v>
      </c>
      <c r="CY28" s="160">
        <v>0</v>
      </c>
      <c r="CZ28" s="165">
        <v>0</v>
      </c>
      <c r="DA28" s="162">
        <v>0</v>
      </c>
      <c r="DB28" s="160">
        <v>0</v>
      </c>
      <c r="DC28" s="160">
        <v>0</v>
      </c>
      <c r="DD28" s="160">
        <v>0</v>
      </c>
      <c r="DE28" s="160">
        <v>0</v>
      </c>
      <c r="DF28" s="160">
        <v>0</v>
      </c>
      <c r="DG28" s="165">
        <v>0</v>
      </c>
      <c r="DH28" s="164">
        <v>0</v>
      </c>
      <c r="DI28" s="159">
        <v>0</v>
      </c>
      <c r="DJ28" s="160">
        <v>0</v>
      </c>
      <c r="DK28" s="165">
        <v>0</v>
      </c>
      <c r="DL28" s="162">
        <v>0</v>
      </c>
      <c r="DM28" s="160">
        <v>0</v>
      </c>
      <c r="DN28" s="160">
        <v>0</v>
      </c>
      <c r="DO28" s="160">
        <v>0</v>
      </c>
      <c r="DP28" s="160">
        <v>0</v>
      </c>
      <c r="DQ28" s="160">
        <v>0</v>
      </c>
      <c r="DR28" s="165">
        <v>0</v>
      </c>
      <c r="DS28" s="164">
        <v>0</v>
      </c>
      <c r="DT28" s="159">
        <v>71</v>
      </c>
      <c r="DU28" s="160">
        <v>123</v>
      </c>
      <c r="DV28" s="165">
        <v>194</v>
      </c>
      <c r="DW28" s="162">
        <v>0</v>
      </c>
      <c r="DX28" s="160">
        <v>135</v>
      </c>
      <c r="DY28" s="160">
        <v>235</v>
      </c>
      <c r="DZ28" s="160">
        <v>112</v>
      </c>
      <c r="EA28" s="160">
        <v>79</v>
      </c>
      <c r="EB28" s="160">
        <v>82</v>
      </c>
      <c r="EC28" s="165">
        <v>643</v>
      </c>
      <c r="ED28" s="164">
        <v>837</v>
      </c>
      <c r="EE28" s="159">
        <v>7</v>
      </c>
      <c r="EF28" s="160">
        <v>4</v>
      </c>
      <c r="EG28" s="165">
        <v>11</v>
      </c>
      <c r="EH28" s="162">
        <v>0</v>
      </c>
      <c r="EI28" s="160">
        <v>27</v>
      </c>
      <c r="EJ28" s="160">
        <v>23</v>
      </c>
      <c r="EK28" s="160">
        <v>26</v>
      </c>
      <c r="EL28" s="160">
        <v>25</v>
      </c>
      <c r="EM28" s="160">
        <v>12</v>
      </c>
      <c r="EN28" s="165">
        <v>113</v>
      </c>
      <c r="EO28" s="164">
        <v>124</v>
      </c>
      <c r="EP28" s="159">
        <v>86</v>
      </c>
      <c r="EQ28" s="160">
        <v>136</v>
      </c>
      <c r="ER28" s="165">
        <v>222</v>
      </c>
      <c r="ES28" s="162">
        <v>0</v>
      </c>
      <c r="ET28" s="160">
        <v>253</v>
      </c>
      <c r="EU28" s="160">
        <v>315</v>
      </c>
      <c r="EV28" s="160">
        <v>141</v>
      </c>
      <c r="EW28" s="160">
        <v>85</v>
      </c>
      <c r="EX28" s="160">
        <v>84</v>
      </c>
      <c r="EY28" s="165">
        <v>878</v>
      </c>
      <c r="EZ28" s="164">
        <v>1100</v>
      </c>
    </row>
    <row r="29" spans="2:156" ht="21" customHeight="1" x14ac:dyDescent="0.2">
      <c r="B29" s="166" t="s">
        <v>27</v>
      </c>
      <c r="C29" s="159">
        <v>0</v>
      </c>
      <c r="D29" s="160">
        <v>0</v>
      </c>
      <c r="E29" s="161">
        <v>0</v>
      </c>
      <c r="F29" s="162">
        <v>0</v>
      </c>
      <c r="G29" s="160">
        <v>58</v>
      </c>
      <c r="H29" s="160">
        <v>56</v>
      </c>
      <c r="I29" s="160">
        <v>29</v>
      </c>
      <c r="J29" s="160">
        <v>41</v>
      </c>
      <c r="K29" s="160">
        <v>27</v>
      </c>
      <c r="L29" s="163">
        <v>211</v>
      </c>
      <c r="M29" s="164">
        <v>211</v>
      </c>
      <c r="N29" s="159">
        <v>0</v>
      </c>
      <c r="O29" s="160">
        <v>0</v>
      </c>
      <c r="P29" s="165">
        <v>0</v>
      </c>
      <c r="Q29" s="162">
        <v>0</v>
      </c>
      <c r="R29" s="160">
        <v>1</v>
      </c>
      <c r="S29" s="160">
        <v>3</v>
      </c>
      <c r="T29" s="160">
        <v>5</v>
      </c>
      <c r="U29" s="160">
        <v>9</v>
      </c>
      <c r="V29" s="160">
        <v>14</v>
      </c>
      <c r="W29" s="165">
        <v>32</v>
      </c>
      <c r="X29" s="164">
        <v>32</v>
      </c>
      <c r="Y29" s="159">
        <v>27</v>
      </c>
      <c r="Z29" s="160">
        <v>44</v>
      </c>
      <c r="AA29" s="165">
        <v>71</v>
      </c>
      <c r="AB29" s="162">
        <v>0</v>
      </c>
      <c r="AC29" s="160">
        <v>41</v>
      </c>
      <c r="AD29" s="160">
        <v>55</v>
      </c>
      <c r="AE29" s="160">
        <v>42</v>
      </c>
      <c r="AF29" s="160">
        <v>31</v>
      </c>
      <c r="AG29" s="160">
        <v>26</v>
      </c>
      <c r="AH29" s="165">
        <v>195</v>
      </c>
      <c r="AI29" s="164">
        <v>266</v>
      </c>
      <c r="AJ29" s="159">
        <v>1</v>
      </c>
      <c r="AK29" s="160">
        <v>3</v>
      </c>
      <c r="AL29" s="165">
        <v>4</v>
      </c>
      <c r="AM29" s="162">
        <v>0</v>
      </c>
      <c r="AN29" s="160">
        <v>1</v>
      </c>
      <c r="AO29" s="160">
        <v>0</v>
      </c>
      <c r="AP29" s="160">
        <v>0</v>
      </c>
      <c r="AQ29" s="160">
        <v>0</v>
      </c>
      <c r="AR29" s="160">
        <v>2</v>
      </c>
      <c r="AS29" s="165">
        <v>3</v>
      </c>
      <c r="AT29" s="164">
        <v>7</v>
      </c>
      <c r="AU29" s="159">
        <v>17</v>
      </c>
      <c r="AV29" s="160">
        <v>18</v>
      </c>
      <c r="AW29" s="165">
        <v>35</v>
      </c>
      <c r="AX29" s="162">
        <v>0</v>
      </c>
      <c r="AY29" s="160">
        <v>90</v>
      </c>
      <c r="AZ29" s="160">
        <v>61</v>
      </c>
      <c r="BA29" s="160">
        <v>64</v>
      </c>
      <c r="BB29" s="160">
        <v>63</v>
      </c>
      <c r="BC29" s="160">
        <v>47</v>
      </c>
      <c r="BD29" s="163">
        <v>325</v>
      </c>
      <c r="BE29" s="164">
        <v>360</v>
      </c>
      <c r="BF29" s="159">
        <v>0</v>
      </c>
      <c r="BG29" s="160">
        <v>0</v>
      </c>
      <c r="BH29" s="165">
        <v>0</v>
      </c>
      <c r="BI29" s="162">
        <v>0</v>
      </c>
      <c r="BJ29" s="160">
        <v>100</v>
      </c>
      <c r="BK29" s="160">
        <v>54</v>
      </c>
      <c r="BL29" s="160">
        <v>38</v>
      </c>
      <c r="BM29" s="160">
        <v>34</v>
      </c>
      <c r="BN29" s="160">
        <v>9</v>
      </c>
      <c r="BO29" s="165">
        <v>235</v>
      </c>
      <c r="BP29" s="164">
        <v>235</v>
      </c>
      <c r="BQ29" s="159">
        <v>20</v>
      </c>
      <c r="BR29" s="160">
        <v>34</v>
      </c>
      <c r="BS29" s="165">
        <v>54</v>
      </c>
      <c r="BT29" s="162">
        <v>0</v>
      </c>
      <c r="BU29" s="160">
        <v>32</v>
      </c>
      <c r="BV29" s="160">
        <v>27</v>
      </c>
      <c r="BW29" s="160">
        <v>19</v>
      </c>
      <c r="BX29" s="160">
        <v>10</v>
      </c>
      <c r="BY29" s="160">
        <v>4</v>
      </c>
      <c r="BZ29" s="165">
        <v>92</v>
      </c>
      <c r="CA29" s="164">
        <v>146</v>
      </c>
      <c r="CB29" s="159">
        <v>0</v>
      </c>
      <c r="CC29" s="160">
        <v>0</v>
      </c>
      <c r="CD29" s="165">
        <v>0</v>
      </c>
      <c r="CE29" s="162">
        <v>0</v>
      </c>
      <c r="CF29" s="160">
        <v>18</v>
      </c>
      <c r="CG29" s="160">
        <v>15</v>
      </c>
      <c r="CH29" s="160">
        <v>14</v>
      </c>
      <c r="CI29" s="160">
        <v>13</v>
      </c>
      <c r="CJ29" s="160">
        <v>6</v>
      </c>
      <c r="CK29" s="165">
        <v>66</v>
      </c>
      <c r="CL29" s="164">
        <v>66</v>
      </c>
      <c r="CM29" s="159">
        <v>1</v>
      </c>
      <c r="CN29" s="160">
        <v>0</v>
      </c>
      <c r="CO29" s="165">
        <v>1</v>
      </c>
      <c r="CP29" s="162">
        <v>0</v>
      </c>
      <c r="CQ29" s="160">
        <v>1</v>
      </c>
      <c r="CR29" s="160">
        <v>2</v>
      </c>
      <c r="CS29" s="160">
        <v>2</v>
      </c>
      <c r="CT29" s="160">
        <v>1</v>
      </c>
      <c r="CU29" s="160">
        <v>0</v>
      </c>
      <c r="CV29" s="165">
        <v>6</v>
      </c>
      <c r="CW29" s="164">
        <v>7</v>
      </c>
      <c r="CX29" s="159">
        <v>0</v>
      </c>
      <c r="CY29" s="160">
        <v>0</v>
      </c>
      <c r="CZ29" s="165">
        <v>0</v>
      </c>
      <c r="DA29" s="162">
        <v>0</v>
      </c>
      <c r="DB29" s="160">
        <v>0</v>
      </c>
      <c r="DC29" s="160">
        <v>0</v>
      </c>
      <c r="DD29" s="160">
        <v>0</v>
      </c>
      <c r="DE29" s="160">
        <v>0</v>
      </c>
      <c r="DF29" s="160">
        <v>0</v>
      </c>
      <c r="DG29" s="165">
        <v>0</v>
      </c>
      <c r="DH29" s="164">
        <v>0</v>
      </c>
      <c r="DI29" s="159">
        <v>0</v>
      </c>
      <c r="DJ29" s="160">
        <v>0</v>
      </c>
      <c r="DK29" s="165">
        <v>0</v>
      </c>
      <c r="DL29" s="162">
        <v>0</v>
      </c>
      <c r="DM29" s="160">
        <v>0</v>
      </c>
      <c r="DN29" s="160">
        <v>0</v>
      </c>
      <c r="DO29" s="160">
        <v>0</v>
      </c>
      <c r="DP29" s="160">
        <v>0</v>
      </c>
      <c r="DQ29" s="160">
        <v>0</v>
      </c>
      <c r="DR29" s="165">
        <v>0</v>
      </c>
      <c r="DS29" s="164">
        <v>0</v>
      </c>
      <c r="DT29" s="159">
        <v>102</v>
      </c>
      <c r="DU29" s="160">
        <v>160</v>
      </c>
      <c r="DV29" s="165">
        <v>262</v>
      </c>
      <c r="DW29" s="162">
        <v>0</v>
      </c>
      <c r="DX29" s="160">
        <v>97</v>
      </c>
      <c r="DY29" s="160">
        <v>128</v>
      </c>
      <c r="DZ29" s="160">
        <v>88</v>
      </c>
      <c r="EA29" s="160">
        <v>73</v>
      </c>
      <c r="EB29" s="160">
        <v>47</v>
      </c>
      <c r="EC29" s="165">
        <v>433</v>
      </c>
      <c r="ED29" s="164">
        <v>695</v>
      </c>
      <c r="EE29" s="159">
        <v>13</v>
      </c>
      <c r="EF29" s="160">
        <v>13</v>
      </c>
      <c r="EG29" s="165">
        <v>26</v>
      </c>
      <c r="EH29" s="162">
        <v>0</v>
      </c>
      <c r="EI29" s="160">
        <v>52</v>
      </c>
      <c r="EJ29" s="160">
        <v>27</v>
      </c>
      <c r="EK29" s="160">
        <v>29</v>
      </c>
      <c r="EL29" s="160">
        <v>28</v>
      </c>
      <c r="EM29" s="160">
        <v>16</v>
      </c>
      <c r="EN29" s="165">
        <v>152</v>
      </c>
      <c r="EO29" s="164">
        <v>178</v>
      </c>
      <c r="EP29" s="159">
        <v>138</v>
      </c>
      <c r="EQ29" s="160">
        <v>188</v>
      </c>
      <c r="ER29" s="165">
        <v>326</v>
      </c>
      <c r="ES29" s="162">
        <v>0</v>
      </c>
      <c r="ET29" s="160">
        <v>225</v>
      </c>
      <c r="EU29" s="160">
        <v>149</v>
      </c>
      <c r="EV29" s="160">
        <v>89</v>
      </c>
      <c r="EW29" s="160">
        <v>79</v>
      </c>
      <c r="EX29" s="160">
        <v>46</v>
      </c>
      <c r="EY29" s="165">
        <v>588</v>
      </c>
      <c r="EZ29" s="164">
        <v>914</v>
      </c>
    </row>
    <row r="30" spans="2:156" ht="21" customHeight="1" x14ac:dyDescent="0.2">
      <c r="B30" s="166" t="s">
        <v>28</v>
      </c>
      <c r="C30" s="159">
        <v>0</v>
      </c>
      <c r="D30" s="160">
        <v>0</v>
      </c>
      <c r="E30" s="161">
        <v>0</v>
      </c>
      <c r="F30" s="162">
        <v>0</v>
      </c>
      <c r="G30" s="160">
        <v>15</v>
      </c>
      <c r="H30" s="160">
        <v>16</v>
      </c>
      <c r="I30" s="160">
        <v>9</v>
      </c>
      <c r="J30" s="160">
        <v>7</v>
      </c>
      <c r="K30" s="160">
        <v>10</v>
      </c>
      <c r="L30" s="163">
        <v>57</v>
      </c>
      <c r="M30" s="164">
        <v>57</v>
      </c>
      <c r="N30" s="159">
        <v>0</v>
      </c>
      <c r="O30" s="160">
        <v>0</v>
      </c>
      <c r="P30" s="165">
        <v>0</v>
      </c>
      <c r="Q30" s="162">
        <v>0</v>
      </c>
      <c r="R30" s="160">
        <v>1</v>
      </c>
      <c r="S30" s="160">
        <v>1</v>
      </c>
      <c r="T30" s="160">
        <v>0</v>
      </c>
      <c r="U30" s="160">
        <v>3</v>
      </c>
      <c r="V30" s="160">
        <v>2</v>
      </c>
      <c r="W30" s="165">
        <v>7</v>
      </c>
      <c r="X30" s="164">
        <v>7</v>
      </c>
      <c r="Y30" s="159">
        <v>2</v>
      </c>
      <c r="Z30" s="160">
        <v>6</v>
      </c>
      <c r="AA30" s="165">
        <v>8</v>
      </c>
      <c r="AB30" s="162">
        <v>0</v>
      </c>
      <c r="AC30" s="160">
        <v>14</v>
      </c>
      <c r="AD30" s="160">
        <v>14</v>
      </c>
      <c r="AE30" s="160">
        <v>9</v>
      </c>
      <c r="AF30" s="160">
        <v>17</v>
      </c>
      <c r="AG30" s="160">
        <v>7</v>
      </c>
      <c r="AH30" s="165">
        <v>61</v>
      </c>
      <c r="AI30" s="164">
        <v>69</v>
      </c>
      <c r="AJ30" s="159">
        <v>0</v>
      </c>
      <c r="AK30" s="160">
        <v>0</v>
      </c>
      <c r="AL30" s="165">
        <v>0</v>
      </c>
      <c r="AM30" s="162">
        <v>0</v>
      </c>
      <c r="AN30" s="160">
        <v>1</v>
      </c>
      <c r="AO30" s="160">
        <v>0</v>
      </c>
      <c r="AP30" s="160">
        <v>2</v>
      </c>
      <c r="AQ30" s="160">
        <v>1</v>
      </c>
      <c r="AR30" s="160">
        <v>2</v>
      </c>
      <c r="AS30" s="165">
        <v>6</v>
      </c>
      <c r="AT30" s="164">
        <v>6</v>
      </c>
      <c r="AU30" s="159">
        <v>0</v>
      </c>
      <c r="AV30" s="160">
        <v>2</v>
      </c>
      <c r="AW30" s="165">
        <v>2</v>
      </c>
      <c r="AX30" s="162">
        <v>0</v>
      </c>
      <c r="AY30" s="160">
        <v>14</v>
      </c>
      <c r="AZ30" s="160">
        <v>15</v>
      </c>
      <c r="BA30" s="160">
        <v>15</v>
      </c>
      <c r="BB30" s="160">
        <v>17</v>
      </c>
      <c r="BC30" s="160">
        <v>18</v>
      </c>
      <c r="BD30" s="163">
        <v>79</v>
      </c>
      <c r="BE30" s="164">
        <v>81</v>
      </c>
      <c r="BF30" s="159">
        <v>0</v>
      </c>
      <c r="BG30" s="160">
        <v>0</v>
      </c>
      <c r="BH30" s="165">
        <v>0</v>
      </c>
      <c r="BI30" s="162">
        <v>0</v>
      </c>
      <c r="BJ30" s="160">
        <v>33</v>
      </c>
      <c r="BK30" s="160">
        <v>37</v>
      </c>
      <c r="BL30" s="160">
        <v>21</v>
      </c>
      <c r="BM30" s="160">
        <v>9</v>
      </c>
      <c r="BN30" s="160">
        <v>7</v>
      </c>
      <c r="BO30" s="165">
        <v>107</v>
      </c>
      <c r="BP30" s="164">
        <v>107</v>
      </c>
      <c r="BQ30" s="159">
        <v>1</v>
      </c>
      <c r="BR30" s="160">
        <v>5</v>
      </c>
      <c r="BS30" s="165">
        <v>6</v>
      </c>
      <c r="BT30" s="162">
        <v>0</v>
      </c>
      <c r="BU30" s="160">
        <v>9</v>
      </c>
      <c r="BV30" s="160">
        <v>16</v>
      </c>
      <c r="BW30" s="160">
        <v>7</v>
      </c>
      <c r="BX30" s="160">
        <v>8</v>
      </c>
      <c r="BY30" s="160">
        <v>5</v>
      </c>
      <c r="BZ30" s="165">
        <v>45</v>
      </c>
      <c r="CA30" s="164">
        <v>51</v>
      </c>
      <c r="CB30" s="159">
        <v>0</v>
      </c>
      <c r="CC30" s="160">
        <v>1</v>
      </c>
      <c r="CD30" s="165">
        <v>1</v>
      </c>
      <c r="CE30" s="162">
        <v>0</v>
      </c>
      <c r="CF30" s="160">
        <v>3</v>
      </c>
      <c r="CG30" s="160">
        <v>6</v>
      </c>
      <c r="CH30" s="160">
        <v>6</v>
      </c>
      <c r="CI30" s="160">
        <v>4</v>
      </c>
      <c r="CJ30" s="160">
        <v>3</v>
      </c>
      <c r="CK30" s="165">
        <v>22</v>
      </c>
      <c r="CL30" s="164">
        <v>23</v>
      </c>
      <c r="CM30" s="159">
        <v>0</v>
      </c>
      <c r="CN30" s="160">
        <v>0</v>
      </c>
      <c r="CO30" s="165">
        <v>0</v>
      </c>
      <c r="CP30" s="162">
        <v>0</v>
      </c>
      <c r="CQ30" s="160">
        <v>1</v>
      </c>
      <c r="CR30" s="160">
        <v>0</v>
      </c>
      <c r="CS30" s="160">
        <v>4</v>
      </c>
      <c r="CT30" s="160">
        <v>1</v>
      </c>
      <c r="CU30" s="160">
        <v>1</v>
      </c>
      <c r="CV30" s="165">
        <v>7</v>
      </c>
      <c r="CW30" s="164">
        <v>7</v>
      </c>
      <c r="CX30" s="159">
        <v>0</v>
      </c>
      <c r="CY30" s="160">
        <v>0</v>
      </c>
      <c r="CZ30" s="165">
        <v>0</v>
      </c>
      <c r="DA30" s="162">
        <v>0</v>
      </c>
      <c r="DB30" s="160">
        <v>0</v>
      </c>
      <c r="DC30" s="160">
        <v>0</v>
      </c>
      <c r="DD30" s="160">
        <v>0</v>
      </c>
      <c r="DE30" s="160">
        <v>0</v>
      </c>
      <c r="DF30" s="160">
        <v>0</v>
      </c>
      <c r="DG30" s="165">
        <v>0</v>
      </c>
      <c r="DH30" s="164">
        <v>0</v>
      </c>
      <c r="DI30" s="159">
        <v>0</v>
      </c>
      <c r="DJ30" s="160">
        <v>0</v>
      </c>
      <c r="DK30" s="165">
        <v>0</v>
      </c>
      <c r="DL30" s="162">
        <v>0</v>
      </c>
      <c r="DM30" s="160">
        <v>0</v>
      </c>
      <c r="DN30" s="160">
        <v>0</v>
      </c>
      <c r="DO30" s="160">
        <v>0</v>
      </c>
      <c r="DP30" s="160">
        <v>0</v>
      </c>
      <c r="DQ30" s="160">
        <v>0</v>
      </c>
      <c r="DR30" s="165">
        <v>0</v>
      </c>
      <c r="DS30" s="164">
        <v>0</v>
      </c>
      <c r="DT30" s="159">
        <v>6</v>
      </c>
      <c r="DU30" s="160">
        <v>25</v>
      </c>
      <c r="DV30" s="165">
        <v>31</v>
      </c>
      <c r="DW30" s="162">
        <v>0</v>
      </c>
      <c r="DX30" s="160">
        <v>46</v>
      </c>
      <c r="DY30" s="160">
        <v>67</v>
      </c>
      <c r="DZ30" s="160">
        <v>36</v>
      </c>
      <c r="EA30" s="160">
        <v>26</v>
      </c>
      <c r="EB30" s="160">
        <v>15</v>
      </c>
      <c r="EC30" s="165">
        <v>190</v>
      </c>
      <c r="ED30" s="164">
        <v>221</v>
      </c>
      <c r="EE30" s="159">
        <v>0</v>
      </c>
      <c r="EF30" s="160">
        <v>0</v>
      </c>
      <c r="EG30" s="165">
        <v>0</v>
      </c>
      <c r="EH30" s="162">
        <v>0</v>
      </c>
      <c r="EI30" s="160">
        <v>5</v>
      </c>
      <c r="EJ30" s="160">
        <v>6</v>
      </c>
      <c r="EK30" s="160">
        <v>2</v>
      </c>
      <c r="EL30" s="160">
        <v>2</v>
      </c>
      <c r="EM30" s="160">
        <v>3</v>
      </c>
      <c r="EN30" s="165">
        <v>18</v>
      </c>
      <c r="EO30" s="164">
        <v>18</v>
      </c>
      <c r="EP30" s="159">
        <v>9</v>
      </c>
      <c r="EQ30" s="160">
        <v>30</v>
      </c>
      <c r="ER30" s="165">
        <v>39</v>
      </c>
      <c r="ES30" s="162">
        <v>0</v>
      </c>
      <c r="ET30" s="160">
        <v>93</v>
      </c>
      <c r="EU30" s="160">
        <v>90</v>
      </c>
      <c r="EV30" s="160">
        <v>45</v>
      </c>
      <c r="EW30" s="160">
        <v>29</v>
      </c>
      <c r="EX30" s="160">
        <v>17</v>
      </c>
      <c r="EY30" s="165">
        <v>274</v>
      </c>
      <c r="EZ30" s="164">
        <v>313</v>
      </c>
    </row>
    <row r="31" spans="2:156" ht="21" customHeight="1" x14ac:dyDescent="0.2">
      <c r="B31" s="166" t="s">
        <v>29</v>
      </c>
      <c r="C31" s="159">
        <v>0</v>
      </c>
      <c r="D31" s="160">
        <v>0</v>
      </c>
      <c r="E31" s="161">
        <v>0</v>
      </c>
      <c r="F31" s="162">
        <v>0</v>
      </c>
      <c r="G31" s="160">
        <v>27</v>
      </c>
      <c r="H31" s="160">
        <v>25</v>
      </c>
      <c r="I31" s="160">
        <v>19</v>
      </c>
      <c r="J31" s="160">
        <v>19</v>
      </c>
      <c r="K31" s="160">
        <v>15</v>
      </c>
      <c r="L31" s="163">
        <v>105</v>
      </c>
      <c r="M31" s="164">
        <v>105</v>
      </c>
      <c r="N31" s="159">
        <v>0</v>
      </c>
      <c r="O31" s="160">
        <v>0</v>
      </c>
      <c r="P31" s="165">
        <v>0</v>
      </c>
      <c r="Q31" s="162">
        <v>0</v>
      </c>
      <c r="R31" s="160">
        <v>0</v>
      </c>
      <c r="S31" s="160">
        <v>2</v>
      </c>
      <c r="T31" s="160">
        <v>1</v>
      </c>
      <c r="U31" s="160">
        <v>3</v>
      </c>
      <c r="V31" s="160">
        <v>8</v>
      </c>
      <c r="W31" s="165">
        <v>14</v>
      </c>
      <c r="X31" s="164">
        <v>14</v>
      </c>
      <c r="Y31" s="159">
        <v>1</v>
      </c>
      <c r="Z31" s="160">
        <v>7</v>
      </c>
      <c r="AA31" s="165">
        <v>8</v>
      </c>
      <c r="AB31" s="162">
        <v>0</v>
      </c>
      <c r="AC31" s="160">
        <v>23</v>
      </c>
      <c r="AD31" s="160">
        <v>28</v>
      </c>
      <c r="AE31" s="160">
        <v>19</v>
      </c>
      <c r="AF31" s="160">
        <v>12</v>
      </c>
      <c r="AG31" s="160">
        <v>14</v>
      </c>
      <c r="AH31" s="165">
        <v>96</v>
      </c>
      <c r="AI31" s="164">
        <v>104</v>
      </c>
      <c r="AJ31" s="159">
        <v>0</v>
      </c>
      <c r="AK31" s="160">
        <v>1</v>
      </c>
      <c r="AL31" s="165">
        <v>1</v>
      </c>
      <c r="AM31" s="162">
        <v>0</v>
      </c>
      <c r="AN31" s="160">
        <v>2</v>
      </c>
      <c r="AO31" s="160">
        <v>3</v>
      </c>
      <c r="AP31" s="160">
        <v>2</v>
      </c>
      <c r="AQ31" s="160">
        <v>2</v>
      </c>
      <c r="AR31" s="160">
        <v>0</v>
      </c>
      <c r="AS31" s="165">
        <v>9</v>
      </c>
      <c r="AT31" s="164">
        <v>10</v>
      </c>
      <c r="AU31" s="159">
        <v>6</v>
      </c>
      <c r="AV31" s="160">
        <v>2</v>
      </c>
      <c r="AW31" s="165">
        <v>8</v>
      </c>
      <c r="AX31" s="162">
        <v>0</v>
      </c>
      <c r="AY31" s="160">
        <v>28</v>
      </c>
      <c r="AZ31" s="160">
        <v>23</v>
      </c>
      <c r="BA31" s="160">
        <v>26</v>
      </c>
      <c r="BB31" s="160">
        <v>24</v>
      </c>
      <c r="BC31" s="160">
        <v>16</v>
      </c>
      <c r="BD31" s="163">
        <v>117</v>
      </c>
      <c r="BE31" s="164">
        <v>125</v>
      </c>
      <c r="BF31" s="159">
        <v>0</v>
      </c>
      <c r="BG31" s="160">
        <v>0</v>
      </c>
      <c r="BH31" s="165">
        <v>0</v>
      </c>
      <c r="BI31" s="162">
        <v>0</v>
      </c>
      <c r="BJ31" s="160">
        <v>35</v>
      </c>
      <c r="BK31" s="160">
        <v>39</v>
      </c>
      <c r="BL31" s="160">
        <v>22</v>
      </c>
      <c r="BM31" s="160">
        <v>16</v>
      </c>
      <c r="BN31" s="160">
        <v>6</v>
      </c>
      <c r="BO31" s="165">
        <v>118</v>
      </c>
      <c r="BP31" s="164">
        <v>118</v>
      </c>
      <c r="BQ31" s="159">
        <v>2</v>
      </c>
      <c r="BR31" s="160">
        <v>7</v>
      </c>
      <c r="BS31" s="165">
        <v>9</v>
      </c>
      <c r="BT31" s="162">
        <v>0</v>
      </c>
      <c r="BU31" s="160">
        <v>8</v>
      </c>
      <c r="BV31" s="160">
        <v>17</v>
      </c>
      <c r="BW31" s="160">
        <v>13</v>
      </c>
      <c r="BX31" s="160">
        <v>5</v>
      </c>
      <c r="BY31" s="160">
        <v>1</v>
      </c>
      <c r="BZ31" s="165">
        <v>44</v>
      </c>
      <c r="CA31" s="164">
        <v>53</v>
      </c>
      <c r="CB31" s="159">
        <v>0</v>
      </c>
      <c r="CC31" s="160">
        <v>0</v>
      </c>
      <c r="CD31" s="165">
        <v>0</v>
      </c>
      <c r="CE31" s="162">
        <v>0</v>
      </c>
      <c r="CF31" s="160">
        <v>5</v>
      </c>
      <c r="CG31" s="160">
        <v>7</v>
      </c>
      <c r="CH31" s="160">
        <v>14</v>
      </c>
      <c r="CI31" s="160">
        <v>7</v>
      </c>
      <c r="CJ31" s="160">
        <v>6</v>
      </c>
      <c r="CK31" s="165">
        <v>39</v>
      </c>
      <c r="CL31" s="164">
        <v>39</v>
      </c>
      <c r="CM31" s="159">
        <v>0</v>
      </c>
      <c r="CN31" s="160">
        <v>0</v>
      </c>
      <c r="CO31" s="165">
        <v>0</v>
      </c>
      <c r="CP31" s="162">
        <v>0</v>
      </c>
      <c r="CQ31" s="160">
        <v>0</v>
      </c>
      <c r="CR31" s="160">
        <v>1</v>
      </c>
      <c r="CS31" s="160">
        <v>2</v>
      </c>
      <c r="CT31" s="160">
        <v>0</v>
      </c>
      <c r="CU31" s="160">
        <v>0</v>
      </c>
      <c r="CV31" s="165">
        <v>3</v>
      </c>
      <c r="CW31" s="164">
        <v>3</v>
      </c>
      <c r="CX31" s="159">
        <v>0</v>
      </c>
      <c r="CY31" s="160">
        <v>0</v>
      </c>
      <c r="CZ31" s="165">
        <v>0</v>
      </c>
      <c r="DA31" s="162">
        <v>0</v>
      </c>
      <c r="DB31" s="160">
        <v>0</v>
      </c>
      <c r="DC31" s="160">
        <v>0</v>
      </c>
      <c r="DD31" s="160">
        <v>0</v>
      </c>
      <c r="DE31" s="160">
        <v>0</v>
      </c>
      <c r="DF31" s="160">
        <v>0</v>
      </c>
      <c r="DG31" s="165">
        <v>0</v>
      </c>
      <c r="DH31" s="164">
        <v>0</v>
      </c>
      <c r="DI31" s="159">
        <v>0</v>
      </c>
      <c r="DJ31" s="160">
        <v>0</v>
      </c>
      <c r="DK31" s="165">
        <v>0</v>
      </c>
      <c r="DL31" s="162">
        <v>0</v>
      </c>
      <c r="DM31" s="160">
        <v>0</v>
      </c>
      <c r="DN31" s="160">
        <v>0</v>
      </c>
      <c r="DO31" s="160">
        <v>0</v>
      </c>
      <c r="DP31" s="160">
        <v>0</v>
      </c>
      <c r="DQ31" s="160">
        <v>0</v>
      </c>
      <c r="DR31" s="165">
        <v>0</v>
      </c>
      <c r="DS31" s="164">
        <v>0</v>
      </c>
      <c r="DT31" s="159">
        <v>30</v>
      </c>
      <c r="DU31" s="160">
        <v>41</v>
      </c>
      <c r="DV31" s="165">
        <v>71</v>
      </c>
      <c r="DW31" s="162">
        <v>0</v>
      </c>
      <c r="DX31" s="160">
        <v>49</v>
      </c>
      <c r="DY31" s="160">
        <v>76</v>
      </c>
      <c r="DZ31" s="160">
        <v>46</v>
      </c>
      <c r="EA31" s="160">
        <v>45</v>
      </c>
      <c r="EB31" s="160">
        <v>22</v>
      </c>
      <c r="EC31" s="165">
        <v>238</v>
      </c>
      <c r="ED31" s="164">
        <v>309</v>
      </c>
      <c r="EE31" s="159">
        <v>2</v>
      </c>
      <c r="EF31" s="160">
        <v>0</v>
      </c>
      <c r="EG31" s="165">
        <v>2</v>
      </c>
      <c r="EH31" s="162">
        <v>0</v>
      </c>
      <c r="EI31" s="160">
        <v>8</v>
      </c>
      <c r="EJ31" s="160">
        <v>5</v>
      </c>
      <c r="EK31" s="160">
        <v>4</v>
      </c>
      <c r="EL31" s="160">
        <v>9</v>
      </c>
      <c r="EM31" s="160">
        <v>3</v>
      </c>
      <c r="EN31" s="165">
        <v>29</v>
      </c>
      <c r="EO31" s="164">
        <v>31</v>
      </c>
      <c r="EP31" s="159">
        <v>31</v>
      </c>
      <c r="EQ31" s="160">
        <v>47</v>
      </c>
      <c r="ER31" s="165">
        <v>78</v>
      </c>
      <c r="ES31" s="162">
        <v>0</v>
      </c>
      <c r="ET31" s="160">
        <v>93</v>
      </c>
      <c r="EU31" s="160">
        <v>105</v>
      </c>
      <c r="EV31" s="160">
        <v>62</v>
      </c>
      <c r="EW31" s="160">
        <v>42</v>
      </c>
      <c r="EX31" s="160">
        <v>23</v>
      </c>
      <c r="EY31" s="165">
        <v>325</v>
      </c>
      <c r="EZ31" s="164">
        <v>403</v>
      </c>
    </row>
    <row r="32" spans="2:156" ht="21" customHeight="1" x14ac:dyDescent="0.2">
      <c r="B32" s="166" t="s">
        <v>30</v>
      </c>
      <c r="C32" s="159">
        <v>0</v>
      </c>
      <c r="D32" s="160">
        <v>0</v>
      </c>
      <c r="E32" s="161">
        <v>0</v>
      </c>
      <c r="F32" s="162">
        <v>0</v>
      </c>
      <c r="G32" s="160">
        <v>28</v>
      </c>
      <c r="H32" s="160">
        <v>20</v>
      </c>
      <c r="I32" s="160">
        <v>14</v>
      </c>
      <c r="J32" s="160">
        <v>10</v>
      </c>
      <c r="K32" s="160">
        <v>7</v>
      </c>
      <c r="L32" s="163">
        <v>79</v>
      </c>
      <c r="M32" s="164">
        <v>79</v>
      </c>
      <c r="N32" s="159">
        <v>0</v>
      </c>
      <c r="O32" s="160">
        <v>0</v>
      </c>
      <c r="P32" s="165">
        <v>0</v>
      </c>
      <c r="Q32" s="162">
        <v>0</v>
      </c>
      <c r="R32" s="160">
        <v>0</v>
      </c>
      <c r="S32" s="160">
        <v>1</v>
      </c>
      <c r="T32" s="160">
        <v>4</v>
      </c>
      <c r="U32" s="160">
        <v>3</v>
      </c>
      <c r="V32" s="160">
        <v>2</v>
      </c>
      <c r="W32" s="165">
        <v>10</v>
      </c>
      <c r="X32" s="164">
        <v>10</v>
      </c>
      <c r="Y32" s="159">
        <v>5</v>
      </c>
      <c r="Z32" s="160">
        <v>13</v>
      </c>
      <c r="AA32" s="165">
        <v>18</v>
      </c>
      <c r="AB32" s="162">
        <v>0</v>
      </c>
      <c r="AC32" s="160">
        <v>21</v>
      </c>
      <c r="AD32" s="160">
        <v>19</v>
      </c>
      <c r="AE32" s="160">
        <v>18</v>
      </c>
      <c r="AF32" s="160">
        <v>9</v>
      </c>
      <c r="AG32" s="160">
        <v>5</v>
      </c>
      <c r="AH32" s="165">
        <v>72</v>
      </c>
      <c r="AI32" s="164">
        <v>90</v>
      </c>
      <c r="AJ32" s="159">
        <v>1</v>
      </c>
      <c r="AK32" s="160">
        <v>0</v>
      </c>
      <c r="AL32" s="165">
        <v>1</v>
      </c>
      <c r="AM32" s="162">
        <v>0</v>
      </c>
      <c r="AN32" s="160">
        <v>4</v>
      </c>
      <c r="AO32" s="160">
        <v>3</v>
      </c>
      <c r="AP32" s="160">
        <v>3</v>
      </c>
      <c r="AQ32" s="160">
        <v>0</v>
      </c>
      <c r="AR32" s="160">
        <v>0</v>
      </c>
      <c r="AS32" s="165">
        <v>10</v>
      </c>
      <c r="AT32" s="164">
        <v>11</v>
      </c>
      <c r="AU32" s="159">
        <v>3</v>
      </c>
      <c r="AV32" s="160">
        <v>3</v>
      </c>
      <c r="AW32" s="165">
        <v>6</v>
      </c>
      <c r="AX32" s="162">
        <v>0</v>
      </c>
      <c r="AY32" s="160">
        <v>37</v>
      </c>
      <c r="AZ32" s="160">
        <v>24</v>
      </c>
      <c r="BA32" s="160">
        <v>26</v>
      </c>
      <c r="BB32" s="160">
        <v>23</v>
      </c>
      <c r="BC32" s="160">
        <v>6</v>
      </c>
      <c r="BD32" s="163">
        <v>116</v>
      </c>
      <c r="BE32" s="164">
        <v>122</v>
      </c>
      <c r="BF32" s="159">
        <v>0</v>
      </c>
      <c r="BG32" s="160">
        <v>0</v>
      </c>
      <c r="BH32" s="165">
        <v>0</v>
      </c>
      <c r="BI32" s="162">
        <v>0</v>
      </c>
      <c r="BJ32" s="160">
        <v>32</v>
      </c>
      <c r="BK32" s="160">
        <v>27</v>
      </c>
      <c r="BL32" s="160">
        <v>16</v>
      </c>
      <c r="BM32" s="160">
        <v>9</v>
      </c>
      <c r="BN32" s="160">
        <v>3</v>
      </c>
      <c r="BO32" s="165">
        <v>87</v>
      </c>
      <c r="BP32" s="164">
        <v>87</v>
      </c>
      <c r="BQ32" s="159">
        <v>5</v>
      </c>
      <c r="BR32" s="160">
        <v>5</v>
      </c>
      <c r="BS32" s="165">
        <v>10</v>
      </c>
      <c r="BT32" s="162">
        <v>0</v>
      </c>
      <c r="BU32" s="160">
        <v>8</v>
      </c>
      <c r="BV32" s="160">
        <v>7</v>
      </c>
      <c r="BW32" s="160">
        <v>8</v>
      </c>
      <c r="BX32" s="160">
        <v>3</v>
      </c>
      <c r="BY32" s="160">
        <v>1</v>
      </c>
      <c r="BZ32" s="165">
        <v>27</v>
      </c>
      <c r="CA32" s="164">
        <v>37</v>
      </c>
      <c r="CB32" s="159">
        <v>0</v>
      </c>
      <c r="CC32" s="160">
        <v>1</v>
      </c>
      <c r="CD32" s="165">
        <v>1</v>
      </c>
      <c r="CE32" s="162">
        <v>0</v>
      </c>
      <c r="CF32" s="160">
        <v>5</v>
      </c>
      <c r="CG32" s="160">
        <v>3</v>
      </c>
      <c r="CH32" s="160">
        <v>16</v>
      </c>
      <c r="CI32" s="160">
        <v>3</v>
      </c>
      <c r="CJ32" s="160">
        <v>1</v>
      </c>
      <c r="CK32" s="165">
        <v>28</v>
      </c>
      <c r="CL32" s="164">
        <v>29</v>
      </c>
      <c r="CM32" s="159">
        <v>0</v>
      </c>
      <c r="CN32" s="160">
        <v>0</v>
      </c>
      <c r="CO32" s="165">
        <v>0</v>
      </c>
      <c r="CP32" s="162">
        <v>0</v>
      </c>
      <c r="CQ32" s="160">
        <v>0</v>
      </c>
      <c r="CR32" s="160">
        <v>1</v>
      </c>
      <c r="CS32" s="160">
        <v>1</v>
      </c>
      <c r="CT32" s="160">
        <v>1</v>
      </c>
      <c r="CU32" s="160">
        <v>1</v>
      </c>
      <c r="CV32" s="165">
        <v>4</v>
      </c>
      <c r="CW32" s="164">
        <v>4</v>
      </c>
      <c r="CX32" s="159">
        <v>0</v>
      </c>
      <c r="CY32" s="160">
        <v>0</v>
      </c>
      <c r="CZ32" s="165">
        <v>0</v>
      </c>
      <c r="DA32" s="162">
        <v>0</v>
      </c>
      <c r="DB32" s="160">
        <v>0</v>
      </c>
      <c r="DC32" s="160">
        <v>0</v>
      </c>
      <c r="DD32" s="160">
        <v>0</v>
      </c>
      <c r="DE32" s="160">
        <v>0</v>
      </c>
      <c r="DF32" s="160">
        <v>0</v>
      </c>
      <c r="DG32" s="165">
        <v>0</v>
      </c>
      <c r="DH32" s="164">
        <v>0</v>
      </c>
      <c r="DI32" s="159">
        <v>0</v>
      </c>
      <c r="DJ32" s="160">
        <v>0</v>
      </c>
      <c r="DK32" s="165">
        <v>0</v>
      </c>
      <c r="DL32" s="162">
        <v>0</v>
      </c>
      <c r="DM32" s="160">
        <v>0</v>
      </c>
      <c r="DN32" s="160">
        <v>0</v>
      </c>
      <c r="DO32" s="160">
        <v>0</v>
      </c>
      <c r="DP32" s="160">
        <v>0</v>
      </c>
      <c r="DQ32" s="160">
        <v>0</v>
      </c>
      <c r="DR32" s="165">
        <v>0</v>
      </c>
      <c r="DS32" s="164">
        <v>0</v>
      </c>
      <c r="DT32" s="159">
        <v>31</v>
      </c>
      <c r="DU32" s="160">
        <v>33</v>
      </c>
      <c r="DV32" s="165">
        <v>64</v>
      </c>
      <c r="DW32" s="162">
        <v>0</v>
      </c>
      <c r="DX32" s="160">
        <v>57</v>
      </c>
      <c r="DY32" s="160">
        <v>54</v>
      </c>
      <c r="DZ32" s="160">
        <v>53</v>
      </c>
      <c r="EA32" s="160">
        <v>21</v>
      </c>
      <c r="EB32" s="160">
        <v>12</v>
      </c>
      <c r="EC32" s="165">
        <v>197</v>
      </c>
      <c r="ED32" s="164">
        <v>261</v>
      </c>
      <c r="EE32" s="159">
        <v>2</v>
      </c>
      <c r="EF32" s="160">
        <v>1</v>
      </c>
      <c r="EG32" s="165">
        <v>3</v>
      </c>
      <c r="EH32" s="162">
        <v>0</v>
      </c>
      <c r="EI32" s="160">
        <v>12</v>
      </c>
      <c r="EJ32" s="160">
        <v>8</v>
      </c>
      <c r="EK32" s="160">
        <v>3</v>
      </c>
      <c r="EL32" s="160">
        <v>7</v>
      </c>
      <c r="EM32" s="160">
        <v>2</v>
      </c>
      <c r="EN32" s="165">
        <v>32</v>
      </c>
      <c r="EO32" s="164">
        <v>35</v>
      </c>
      <c r="EP32" s="159">
        <v>36</v>
      </c>
      <c r="EQ32" s="160">
        <v>37</v>
      </c>
      <c r="ER32" s="165">
        <v>73</v>
      </c>
      <c r="ES32" s="162">
        <v>0</v>
      </c>
      <c r="ET32" s="160">
        <v>97</v>
      </c>
      <c r="EU32" s="160">
        <v>69</v>
      </c>
      <c r="EV32" s="160">
        <v>56</v>
      </c>
      <c r="EW32" s="160">
        <v>22</v>
      </c>
      <c r="EX32" s="160">
        <v>13</v>
      </c>
      <c r="EY32" s="165">
        <v>257</v>
      </c>
      <c r="EZ32" s="164">
        <v>330</v>
      </c>
    </row>
    <row r="33" spans="2:156" ht="21" customHeight="1" x14ac:dyDescent="0.2">
      <c r="B33" s="166" t="s">
        <v>31</v>
      </c>
      <c r="C33" s="159">
        <v>0</v>
      </c>
      <c r="D33" s="160">
        <v>0</v>
      </c>
      <c r="E33" s="161">
        <v>0</v>
      </c>
      <c r="F33" s="162">
        <v>0</v>
      </c>
      <c r="G33" s="160">
        <v>17</v>
      </c>
      <c r="H33" s="160">
        <v>15</v>
      </c>
      <c r="I33" s="160">
        <v>12</v>
      </c>
      <c r="J33" s="160">
        <v>10</v>
      </c>
      <c r="K33" s="160">
        <v>2</v>
      </c>
      <c r="L33" s="163">
        <v>56</v>
      </c>
      <c r="M33" s="164">
        <v>56</v>
      </c>
      <c r="N33" s="159">
        <v>0</v>
      </c>
      <c r="O33" s="160">
        <v>0</v>
      </c>
      <c r="P33" s="165">
        <v>0</v>
      </c>
      <c r="Q33" s="162">
        <v>0</v>
      </c>
      <c r="R33" s="160">
        <v>2</v>
      </c>
      <c r="S33" s="160">
        <v>5</v>
      </c>
      <c r="T33" s="160">
        <v>2</v>
      </c>
      <c r="U33" s="160">
        <v>5</v>
      </c>
      <c r="V33" s="160">
        <v>4</v>
      </c>
      <c r="W33" s="165">
        <v>18</v>
      </c>
      <c r="X33" s="164">
        <v>18</v>
      </c>
      <c r="Y33" s="159">
        <v>2</v>
      </c>
      <c r="Z33" s="160">
        <v>4</v>
      </c>
      <c r="AA33" s="165">
        <v>6</v>
      </c>
      <c r="AB33" s="162">
        <v>0</v>
      </c>
      <c r="AC33" s="160">
        <v>14</v>
      </c>
      <c r="AD33" s="160">
        <v>23</v>
      </c>
      <c r="AE33" s="160">
        <v>25</v>
      </c>
      <c r="AF33" s="160">
        <v>11</v>
      </c>
      <c r="AG33" s="160">
        <v>8</v>
      </c>
      <c r="AH33" s="165">
        <v>81</v>
      </c>
      <c r="AI33" s="164">
        <v>87</v>
      </c>
      <c r="AJ33" s="159">
        <v>0</v>
      </c>
      <c r="AK33" s="160">
        <v>2</v>
      </c>
      <c r="AL33" s="165">
        <v>2</v>
      </c>
      <c r="AM33" s="162">
        <v>0</v>
      </c>
      <c r="AN33" s="160">
        <v>3</v>
      </c>
      <c r="AO33" s="160">
        <v>1</v>
      </c>
      <c r="AP33" s="160">
        <v>2</v>
      </c>
      <c r="AQ33" s="160">
        <v>2</v>
      </c>
      <c r="AR33" s="160">
        <v>0</v>
      </c>
      <c r="AS33" s="165">
        <v>8</v>
      </c>
      <c r="AT33" s="164">
        <v>10</v>
      </c>
      <c r="AU33" s="159">
        <v>3</v>
      </c>
      <c r="AV33" s="160">
        <v>1</v>
      </c>
      <c r="AW33" s="165">
        <v>4</v>
      </c>
      <c r="AX33" s="162">
        <v>0</v>
      </c>
      <c r="AY33" s="160">
        <v>15</v>
      </c>
      <c r="AZ33" s="160">
        <v>20</v>
      </c>
      <c r="BA33" s="160">
        <v>19</v>
      </c>
      <c r="BB33" s="160">
        <v>20</v>
      </c>
      <c r="BC33" s="160">
        <v>7</v>
      </c>
      <c r="BD33" s="163">
        <v>81</v>
      </c>
      <c r="BE33" s="164">
        <v>85</v>
      </c>
      <c r="BF33" s="159">
        <v>0</v>
      </c>
      <c r="BG33" s="160">
        <v>0</v>
      </c>
      <c r="BH33" s="165">
        <v>0</v>
      </c>
      <c r="BI33" s="162">
        <v>0</v>
      </c>
      <c r="BJ33" s="160">
        <v>38</v>
      </c>
      <c r="BK33" s="160">
        <v>39</v>
      </c>
      <c r="BL33" s="160">
        <v>18</v>
      </c>
      <c r="BM33" s="160">
        <v>8</v>
      </c>
      <c r="BN33" s="160">
        <v>5</v>
      </c>
      <c r="BO33" s="165">
        <v>108</v>
      </c>
      <c r="BP33" s="164">
        <v>108</v>
      </c>
      <c r="BQ33" s="159">
        <v>4</v>
      </c>
      <c r="BR33" s="160">
        <v>2</v>
      </c>
      <c r="BS33" s="165">
        <v>6</v>
      </c>
      <c r="BT33" s="162">
        <v>0</v>
      </c>
      <c r="BU33" s="160">
        <v>9</v>
      </c>
      <c r="BV33" s="160">
        <v>4</v>
      </c>
      <c r="BW33" s="160">
        <v>7</v>
      </c>
      <c r="BX33" s="160">
        <v>4</v>
      </c>
      <c r="BY33" s="160">
        <v>2</v>
      </c>
      <c r="BZ33" s="165">
        <v>26</v>
      </c>
      <c r="CA33" s="164">
        <v>32</v>
      </c>
      <c r="CB33" s="159">
        <v>0</v>
      </c>
      <c r="CC33" s="160">
        <v>1</v>
      </c>
      <c r="CD33" s="165">
        <v>1</v>
      </c>
      <c r="CE33" s="162">
        <v>0</v>
      </c>
      <c r="CF33" s="160">
        <v>7</v>
      </c>
      <c r="CG33" s="160">
        <v>8</v>
      </c>
      <c r="CH33" s="160">
        <v>8</v>
      </c>
      <c r="CI33" s="160">
        <v>12</v>
      </c>
      <c r="CJ33" s="160">
        <v>2</v>
      </c>
      <c r="CK33" s="165">
        <v>37</v>
      </c>
      <c r="CL33" s="164">
        <v>38</v>
      </c>
      <c r="CM33" s="159">
        <v>0</v>
      </c>
      <c r="CN33" s="160">
        <v>0</v>
      </c>
      <c r="CO33" s="165">
        <v>0</v>
      </c>
      <c r="CP33" s="162">
        <v>0</v>
      </c>
      <c r="CQ33" s="160">
        <v>0</v>
      </c>
      <c r="CR33" s="160">
        <v>2</v>
      </c>
      <c r="CS33" s="160">
        <v>0</v>
      </c>
      <c r="CT33" s="160">
        <v>1</v>
      </c>
      <c r="CU33" s="160">
        <v>1</v>
      </c>
      <c r="CV33" s="165">
        <v>4</v>
      </c>
      <c r="CW33" s="164">
        <v>4</v>
      </c>
      <c r="CX33" s="159">
        <v>0</v>
      </c>
      <c r="CY33" s="160">
        <v>0</v>
      </c>
      <c r="CZ33" s="165">
        <v>0</v>
      </c>
      <c r="DA33" s="162">
        <v>0</v>
      </c>
      <c r="DB33" s="160">
        <v>0</v>
      </c>
      <c r="DC33" s="160">
        <v>0</v>
      </c>
      <c r="DD33" s="160">
        <v>0</v>
      </c>
      <c r="DE33" s="160">
        <v>0</v>
      </c>
      <c r="DF33" s="160">
        <v>0</v>
      </c>
      <c r="DG33" s="165">
        <v>0</v>
      </c>
      <c r="DH33" s="164">
        <v>0</v>
      </c>
      <c r="DI33" s="159">
        <v>0</v>
      </c>
      <c r="DJ33" s="160">
        <v>0</v>
      </c>
      <c r="DK33" s="165">
        <v>0</v>
      </c>
      <c r="DL33" s="162">
        <v>0</v>
      </c>
      <c r="DM33" s="160">
        <v>0</v>
      </c>
      <c r="DN33" s="160">
        <v>0</v>
      </c>
      <c r="DO33" s="160">
        <v>0</v>
      </c>
      <c r="DP33" s="160">
        <v>0</v>
      </c>
      <c r="DQ33" s="160">
        <v>0</v>
      </c>
      <c r="DR33" s="165">
        <v>0</v>
      </c>
      <c r="DS33" s="164">
        <v>0</v>
      </c>
      <c r="DT33" s="159">
        <v>24</v>
      </c>
      <c r="DU33" s="160">
        <v>68</v>
      </c>
      <c r="DV33" s="165">
        <v>92</v>
      </c>
      <c r="DW33" s="162">
        <v>0</v>
      </c>
      <c r="DX33" s="160">
        <v>54</v>
      </c>
      <c r="DY33" s="160">
        <v>71</v>
      </c>
      <c r="DZ33" s="160">
        <v>43</v>
      </c>
      <c r="EA33" s="160">
        <v>34</v>
      </c>
      <c r="EB33" s="160">
        <v>14</v>
      </c>
      <c r="EC33" s="165">
        <v>216</v>
      </c>
      <c r="ED33" s="164">
        <v>308</v>
      </c>
      <c r="EE33" s="159">
        <v>2</v>
      </c>
      <c r="EF33" s="160">
        <v>2</v>
      </c>
      <c r="EG33" s="165">
        <v>4</v>
      </c>
      <c r="EH33" s="162">
        <v>0</v>
      </c>
      <c r="EI33" s="160">
        <v>9</v>
      </c>
      <c r="EJ33" s="160">
        <v>8</v>
      </c>
      <c r="EK33" s="160">
        <v>7</v>
      </c>
      <c r="EL33" s="160">
        <v>6</v>
      </c>
      <c r="EM33" s="160">
        <v>2</v>
      </c>
      <c r="EN33" s="165">
        <v>32</v>
      </c>
      <c r="EO33" s="164">
        <v>36</v>
      </c>
      <c r="EP33" s="159">
        <v>29</v>
      </c>
      <c r="EQ33" s="160">
        <v>71</v>
      </c>
      <c r="ER33" s="165">
        <v>100</v>
      </c>
      <c r="ES33" s="162">
        <v>0</v>
      </c>
      <c r="ET33" s="160">
        <v>93</v>
      </c>
      <c r="EU33" s="160">
        <v>88</v>
      </c>
      <c r="EV33" s="160">
        <v>51</v>
      </c>
      <c r="EW33" s="160">
        <v>34</v>
      </c>
      <c r="EX33" s="160">
        <v>13</v>
      </c>
      <c r="EY33" s="165">
        <v>279</v>
      </c>
      <c r="EZ33" s="164">
        <v>379</v>
      </c>
    </row>
    <row r="34" spans="2:156" ht="21" customHeight="1" x14ac:dyDescent="0.2">
      <c r="B34" s="166" t="s">
        <v>32</v>
      </c>
      <c r="C34" s="159">
        <v>0</v>
      </c>
      <c r="D34" s="160">
        <v>0</v>
      </c>
      <c r="E34" s="161">
        <v>0</v>
      </c>
      <c r="F34" s="162">
        <v>0</v>
      </c>
      <c r="G34" s="160">
        <v>31</v>
      </c>
      <c r="H34" s="160">
        <v>25</v>
      </c>
      <c r="I34" s="160">
        <v>10</v>
      </c>
      <c r="J34" s="160">
        <v>8</v>
      </c>
      <c r="K34" s="160">
        <v>12</v>
      </c>
      <c r="L34" s="163">
        <v>86</v>
      </c>
      <c r="M34" s="164">
        <v>86</v>
      </c>
      <c r="N34" s="159">
        <v>0</v>
      </c>
      <c r="O34" s="160">
        <v>0</v>
      </c>
      <c r="P34" s="165">
        <v>0</v>
      </c>
      <c r="Q34" s="162">
        <v>0</v>
      </c>
      <c r="R34" s="160">
        <v>0</v>
      </c>
      <c r="S34" s="160">
        <v>0</v>
      </c>
      <c r="T34" s="160">
        <v>2</v>
      </c>
      <c r="U34" s="160">
        <v>7</v>
      </c>
      <c r="V34" s="160">
        <v>6</v>
      </c>
      <c r="W34" s="165">
        <v>15</v>
      </c>
      <c r="X34" s="164">
        <v>15</v>
      </c>
      <c r="Y34" s="159">
        <v>11</v>
      </c>
      <c r="Z34" s="160">
        <v>9</v>
      </c>
      <c r="AA34" s="165">
        <v>20</v>
      </c>
      <c r="AB34" s="162">
        <v>0</v>
      </c>
      <c r="AC34" s="160">
        <v>27</v>
      </c>
      <c r="AD34" s="160">
        <v>37</v>
      </c>
      <c r="AE34" s="160">
        <v>11</v>
      </c>
      <c r="AF34" s="160">
        <v>10</v>
      </c>
      <c r="AG34" s="160">
        <v>12</v>
      </c>
      <c r="AH34" s="165">
        <v>97</v>
      </c>
      <c r="AI34" s="164">
        <v>117</v>
      </c>
      <c r="AJ34" s="159">
        <v>0</v>
      </c>
      <c r="AK34" s="160">
        <v>1</v>
      </c>
      <c r="AL34" s="165">
        <v>1</v>
      </c>
      <c r="AM34" s="162">
        <v>0</v>
      </c>
      <c r="AN34" s="160">
        <v>5</v>
      </c>
      <c r="AO34" s="160">
        <v>0</v>
      </c>
      <c r="AP34" s="160">
        <v>0</v>
      </c>
      <c r="AQ34" s="160">
        <v>3</v>
      </c>
      <c r="AR34" s="160">
        <v>2</v>
      </c>
      <c r="AS34" s="165">
        <v>10</v>
      </c>
      <c r="AT34" s="164">
        <v>11</v>
      </c>
      <c r="AU34" s="159">
        <v>2</v>
      </c>
      <c r="AV34" s="160">
        <v>8</v>
      </c>
      <c r="AW34" s="165">
        <v>10</v>
      </c>
      <c r="AX34" s="162">
        <v>0</v>
      </c>
      <c r="AY34" s="160">
        <v>25</v>
      </c>
      <c r="AZ34" s="160">
        <v>33</v>
      </c>
      <c r="BA34" s="160">
        <v>27</v>
      </c>
      <c r="BB34" s="160">
        <v>33</v>
      </c>
      <c r="BC34" s="160">
        <v>20</v>
      </c>
      <c r="BD34" s="163">
        <v>138</v>
      </c>
      <c r="BE34" s="164">
        <v>148</v>
      </c>
      <c r="BF34" s="159">
        <v>0</v>
      </c>
      <c r="BG34" s="160">
        <v>0</v>
      </c>
      <c r="BH34" s="165">
        <v>0</v>
      </c>
      <c r="BI34" s="162">
        <v>0</v>
      </c>
      <c r="BJ34" s="160">
        <v>55</v>
      </c>
      <c r="BK34" s="160">
        <v>41</v>
      </c>
      <c r="BL34" s="160">
        <v>23</v>
      </c>
      <c r="BM34" s="160">
        <v>17</v>
      </c>
      <c r="BN34" s="160">
        <v>5</v>
      </c>
      <c r="BO34" s="165">
        <v>141</v>
      </c>
      <c r="BP34" s="164">
        <v>141</v>
      </c>
      <c r="BQ34" s="159">
        <v>5</v>
      </c>
      <c r="BR34" s="160">
        <v>4</v>
      </c>
      <c r="BS34" s="165">
        <v>9</v>
      </c>
      <c r="BT34" s="162">
        <v>0</v>
      </c>
      <c r="BU34" s="160">
        <v>10</v>
      </c>
      <c r="BV34" s="160">
        <v>15</v>
      </c>
      <c r="BW34" s="160">
        <v>4</v>
      </c>
      <c r="BX34" s="160">
        <v>4</v>
      </c>
      <c r="BY34" s="160">
        <v>2</v>
      </c>
      <c r="BZ34" s="165">
        <v>35</v>
      </c>
      <c r="CA34" s="164">
        <v>44</v>
      </c>
      <c r="CB34" s="159">
        <v>0</v>
      </c>
      <c r="CC34" s="160">
        <v>2</v>
      </c>
      <c r="CD34" s="165">
        <v>2</v>
      </c>
      <c r="CE34" s="162">
        <v>0</v>
      </c>
      <c r="CF34" s="160">
        <v>9</v>
      </c>
      <c r="CG34" s="160">
        <v>7</v>
      </c>
      <c r="CH34" s="160">
        <v>7</v>
      </c>
      <c r="CI34" s="160">
        <v>5</v>
      </c>
      <c r="CJ34" s="160">
        <v>3</v>
      </c>
      <c r="CK34" s="165">
        <v>31</v>
      </c>
      <c r="CL34" s="164">
        <v>33</v>
      </c>
      <c r="CM34" s="159">
        <v>0</v>
      </c>
      <c r="CN34" s="160">
        <v>0</v>
      </c>
      <c r="CO34" s="165">
        <v>0</v>
      </c>
      <c r="CP34" s="162">
        <v>0</v>
      </c>
      <c r="CQ34" s="160">
        <v>0</v>
      </c>
      <c r="CR34" s="160">
        <v>3</v>
      </c>
      <c r="CS34" s="160">
        <v>0</v>
      </c>
      <c r="CT34" s="160">
        <v>0</v>
      </c>
      <c r="CU34" s="160">
        <v>1</v>
      </c>
      <c r="CV34" s="165">
        <v>4</v>
      </c>
      <c r="CW34" s="164">
        <v>4</v>
      </c>
      <c r="CX34" s="159">
        <v>0</v>
      </c>
      <c r="CY34" s="160">
        <v>0</v>
      </c>
      <c r="CZ34" s="165">
        <v>0</v>
      </c>
      <c r="DA34" s="162">
        <v>0</v>
      </c>
      <c r="DB34" s="160">
        <v>0</v>
      </c>
      <c r="DC34" s="160">
        <v>0</v>
      </c>
      <c r="DD34" s="160">
        <v>0</v>
      </c>
      <c r="DE34" s="160">
        <v>0</v>
      </c>
      <c r="DF34" s="160">
        <v>0</v>
      </c>
      <c r="DG34" s="165">
        <v>0</v>
      </c>
      <c r="DH34" s="164">
        <v>0</v>
      </c>
      <c r="DI34" s="159">
        <v>0</v>
      </c>
      <c r="DJ34" s="160">
        <v>0</v>
      </c>
      <c r="DK34" s="165">
        <v>0</v>
      </c>
      <c r="DL34" s="162">
        <v>0</v>
      </c>
      <c r="DM34" s="160">
        <v>0</v>
      </c>
      <c r="DN34" s="160">
        <v>0</v>
      </c>
      <c r="DO34" s="160">
        <v>0</v>
      </c>
      <c r="DP34" s="160">
        <v>0</v>
      </c>
      <c r="DQ34" s="160">
        <v>0</v>
      </c>
      <c r="DR34" s="165">
        <v>0</v>
      </c>
      <c r="DS34" s="164">
        <v>0</v>
      </c>
      <c r="DT34" s="159">
        <v>31</v>
      </c>
      <c r="DU34" s="160">
        <v>57</v>
      </c>
      <c r="DV34" s="165">
        <v>88</v>
      </c>
      <c r="DW34" s="162">
        <v>0</v>
      </c>
      <c r="DX34" s="160">
        <v>89</v>
      </c>
      <c r="DY34" s="160">
        <v>83</v>
      </c>
      <c r="DZ34" s="160">
        <v>41</v>
      </c>
      <c r="EA34" s="160">
        <v>36</v>
      </c>
      <c r="EB34" s="160">
        <v>24</v>
      </c>
      <c r="EC34" s="165">
        <v>273</v>
      </c>
      <c r="ED34" s="164">
        <v>361</v>
      </c>
      <c r="EE34" s="159">
        <v>3</v>
      </c>
      <c r="EF34" s="160">
        <v>4</v>
      </c>
      <c r="EG34" s="165">
        <v>7</v>
      </c>
      <c r="EH34" s="162">
        <v>0</v>
      </c>
      <c r="EI34" s="160">
        <v>6</v>
      </c>
      <c r="EJ34" s="160">
        <v>7</v>
      </c>
      <c r="EK34" s="160">
        <v>3</v>
      </c>
      <c r="EL34" s="160">
        <v>12</v>
      </c>
      <c r="EM34" s="160">
        <v>6</v>
      </c>
      <c r="EN34" s="165">
        <v>34</v>
      </c>
      <c r="EO34" s="164">
        <v>41</v>
      </c>
      <c r="EP34" s="159">
        <v>39</v>
      </c>
      <c r="EQ34" s="160">
        <v>63</v>
      </c>
      <c r="ER34" s="165">
        <v>102</v>
      </c>
      <c r="ES34" s="162">
        <v>0</v>
      </c>
      <c r="ET34" s="160">
        <v>153</v>
      </c>
      <c r="EU34" s="160">
        <v>115</v>
      </c>
      <c r="EV34" s="160">
        <v>50</v>
      </c>
      <c r="EW34" s="160">
        <v>34</v>
      </c>
      <c r="EX34" s="160">
        <v>24</v>
      </c>
      <c r="EY34" s="165">
        <v>376</v>
      </c>
      <c r="EZ34" s="164">
        <v>478</v>
      </c>
    </row>
    <row r="35" spans="2:156" ht="21" customHeight="1" x14ac:dyDescent="0.2">
      <c r="B35" s="166" t="s">
        <v>33</v>
      </c>
      <c r="C35" s="159">
        <v>0</v>
      </c>
      <c r="D35" s="160">
        <v>0</v>
      </c>
      <c r="E35" s="161">
        <v>0</v>
      </c>
      <c r="F35" s="162">
        <v>0</v>
      </c>
      <c r="G35" s="160">
        <v>36</v>
      </c>
      <c r="H35" s="160">
        <v>15</v>
      </c>
      <c r="I35" s="160">
        <v>12</v>
      </c>
      <c r="J35" s="160">
        <v>6</v>
      </c>
      <c r="K35" s="160">
        <v>4</v>
      </c>
      <c r="L35" s="163">
        <v>73</v>
      </c>
      <c r="M35" s="164">
        <v>73</v>
      </c>
      <c r="N35" s="159">
        <v>0</v>
      </c>
      <c r="O35" s="160">
        <v>0</v>
      </c>
      <c r="P35" s="165">
        <v>0</v>
      </c>
      <c r="Q35" s="162">
        <v>0</v>
      </c>
      <c r="R35" s="160">
        <v>1</v>
      </c>
      <c r="S35" s="160">
        <v>1</v>
      </c>
      <c r="T35" s="160">
        <v>0</v>
      </c>
      <c r="U35" s="160">
        <v>1</v>
      </c>
      <c r="V35" s="160">
        <v>4</v>
      </c>
      <c r="W35" s="165">
        <v>7</v>
      </c>
      <c r="X35" s="164">
        <v>7</v>
      </c>
      <c r="Y35" s="159">
        <v>2</v>
      </c>
      <c r="Z35" s="160">
        <v>6</v>
      </c>
      <c r="AA35" s="165">
        <v>8</v>
      </c>
      <c r="AB35" s="162">
        <v>0</v>
      </c>
      <c r="AC35" s="160">
        <v>25</v>
      </c>
      <c r="AD35" s="160">
        <v>13</v>
      </c>
      <c r="AE35" s="160">
        <v>8</v>
      </c>
      <c r="AF35" s="160">
        <v>5</v>
      </c>
      <c r="AG35" s="160">
        <v>3</v>
      </c>
      <c r="AH35" s="165">
        <v>54</v>
      </c>
      <c r="AI35" s="164">
        <v>62</v>
      </c>
      <c r="AJ35" s="159">
        <v>8</v>
      </c>
      <c r="AK35" s="160">
        <v>18</v>
      </c>
      <c r="AL35" s="165">
        <v>26</v>
      </c>
      <c r="AM35" s="162">
        <v>0</v>
      </c>
      <c r="AN35" s="160">
        <v>38</v>
      </c>
      <c r="AO35" s="160">
        <v>19</v>
      </c>
      <c r="AP35" s="160">
        <v>8</v>
      </c>
      <c r="AQ35" s="160">
        <v>6</v>
      </c>
      <c r="AR35" s="160">
        <v>4</v>
      </c>
      <c r="AS35" s="165">
        <v>75</v>
      </c>
      <c r="AT35" s="164">
        <v>101</v>
      </c>
      <c r="AU35" s="159">
        <v>9</v>
      </c>
      <c r="AV35" s="160">
        <v>6</v>
      </c>
      <c r="AW35" s="165">
        <v>15</v>
      </c>
      <c r="AX35" s="162">
        <v>0</v>
      </c>
      <c r="AY35" s="160">
        <v>38</v>
      </c>
      <c r="AZ35" s="160">
        <v>34</v>
      </c>
      <c r="BA35" s="160">
        <v>38</v>
      </c>
      <c r="BB35" s="160">
        <v>17</v>
      </c>
      <c r="BC35" s="160">
        <v>12</v>
      </c>
      <c r="BD35" s="163">
        <v>139</v>
      </c>
      <c r="BE35" s="164">
        <v>154</v>
      </c>
      <c r="BF35" s="159">
        <v>0</v>
      </c>
      <c r="BG35" s="160">
        <v>0</v>
      </c>
      <c r="BH35" s="165">
        <v>0</v>
      </c>
      <c r="BI35" s="162">
        <v>0</v>
      </c>
      <c r="BJ35" s="160">
        <v>9</v>
      </c>
      <c r="BK35" s="160">
        <v>8</v>
      </c>
      <c r="BL35" s="160">
        <v>7</v>
      </c>
      <c r="BM35" s="160">
        <v>3</v>
      </c>
      <c r="BN35" s="160">
        <v>2</v>
      </c>
      <c r="BO35" s="165">
        <v>29</v>
      </c>
      <c r="BP35" s="164">
        <v>29</v>
      </c>
      <c r="BQ35" s="159">
        <v>5</v>
      </c>
      <c r="BR35" s="160">
        <v>11</v>
      </c>
      <c r="BS35" s="165">
        <v>16</v>
      </c>
      <c r="BT35" s="162">
        <v>0</v>
      </c>
      <c r="BU35" s="160">
        <v>38</v>
      </c>
      <c r="BV35" s="160">
        <v>11</v>
      </c>
      <c r="BW35" s="160">
        <v>6</v>
      </c>
      <c r="BX35" s="160">
        <v>5</v>
      </c>
      <c r="BY35" s="160">
        <v>2</v>
      </c>
      <c r="BZ35" s="165">
        <v>62</v>
      </c>
      <c r="CA35" s="164">
        <v>78</v>
      </c>
      <c r="CB35" s="159">
        <v>0</v>
      </c>
      <c r="CC35" s="160">
        <v>0</v>
      </c>
      <c r="CD35" s="165">
        <v>0</v>
      </c>
      <c r="CE35" s="162">
        <v>0</v>
      </c>
      <c r="CF35" s="160">
        <v>6</v>
      </c>
      <c r="CG35" s="160">
        <v>7</v>
      </c>
      <c r="CH35" s="160">
        <v>6</v>
      </c>
      <c r="CI35" s="160">
        <v>3</v>
      </c>
      <c r="CJ35" s="160">
        <v>3</v>
      </c>
      <c r="CK35" s="165">
        <v>25</v>
      </c>
      <c r="CL35" s="164">
        <v>25</v>
      </c>
      <c r="CM35" s="159">
        <v>0</v>
      </c>
      <c r="CN35" s="160">
        <v>0</v>
      </c>
      <c r="CO35" s="165">
        <v>0</v>
      </c>
      <c r="CP35" s="162">
        <v>0</v>
      </c>
      <c r="CQ35" s="160">
        <v>2</v>
      </c>
      <c r="CR35" s="160">
        <v>0</v>
      </c>
      <c r="CS35" s="160">
        <v>0</v>
      </c>
      <c r="CT35" s="160">
        <v>0</v>
      </c>
      <c r="CU35" s="160">
        <v>1</v>
      </c>
      <c r="CV35" s="165">
        <v>3</v>
      </c>
      <c r="CW35" s="164">
        <v>3</v>
      </c>
      <c r="CX35" s="159">
        <v>0</v>
      </c>
      <c r="CY35" s="160">
        <v>0</v>
      </c>
      <c r="CZ35" s="165">
        <v>0</v>
      </c>
      <c r="DA35" s="162">
        <v>0</v>
      </c>
      <c r="DB35" s="160">
        <v>0</v>
      </c>
      <c r="DC35" s="160">
        <v>0</v>
      </c>
      <c r="DD35" s="160">
        <v>0</v>
      </c>
      <c r="DE35" s="160">
        <v>0</v>
      </c>
      <c r="DF35" s="160">
        <v>0</v>
      </c>
      <c r="DG35" s="165">
        <v>0</v>
      </c>
      <c r="DH35" s="164">
        <v>0</v>
      </c>
      <c r="DI35" s="159">
        <v>0</v>
      </c>
      <c r="DJ35" s="160">
        <v>0</v>
      </c>
      <c r="DK35" s="165">
        <v>0</v>
      </c>
      <c r="DL35" s="162">
        <v>0</v>
      </c>
      <c r="DM35" s="160">
        <v>0</v>
      </c>
      <c r="DN35" s="160">
        <v>0</v>
      </c>
      <c r="DO35" s="160">
        <v>0</v>
      </c>
      <c r="DP35" s="160">
        <v>0</v>
      </c>
      <c r="DQ35" s="160">
        <v>0</v>
      </c>
      <c r="DR35" s="165">
        <v>0</v>
      </c>
      <c r="DS35" s="164">
        <v>0</v>
      </c>
      <c r="DT35" s="159">
        <v>19</v>
      </c>
      <c r="DU35" s="160">
        <v>30</v>
      </c>
      <c r="DV35" s="165">
        <v>49</v>
      </c>
      <c r="DW35" s="162">
        <v>0</v>
      </c>
      <c r="DX35" s="160">
        <v>74</v>
      </c>
      <c r="DY35" s="160">
        <v>48</v>
      </c>
      <c r="DZ35" s="160">
        <v>27</v>
      </c>
      <c r="EA35" s="160">
        <v>17</v>
      </c>
      <c r="EB35" s="160">
        <v>11</v>
      </c>
      <c r="EC35" s="165">
        <v>177</v>
      </c>
      <c r="ED35" s="164">
        <v>226</v>
      </c>
      <c r="EE35" s="159">
        <v>3</v>
      </c>
      <c r="EF35" s="160">
        <v>1</v>
      </c>
      <c r="EG35" s="165">
        <v>4</v>
      </c>
      <c r="EH35" s="162">
        <v>0</v>
      </c>
      <c r="EI35" s="160">
        <v>16</v>
      </c>
      <c r="EJ35" s="160">
        <v>16</v>
      </c>
      <c r="EK35" s="160">
        <v>20</v>
      </c>
      <c r="EL35" s="160">
        <v>3</v>
      </c>
      <c r="EM35" s="160">
        <v>5</v>
      </c>
      <c r="EN35" s="165">
        <v>60</v>
      </c>
      <c r="EO35" s="164">
        <v>64</v>
      </c>
      <c r="EP35" s="159">
        <v>30</v>
      </c>
      <c r="EQ35" s="160">
        <v>48</v>
      </c>
      <c r="ER35" s="165">
        <v>78</v>
      </c>
      <c r="ES35" s="162">
        <v>0</v>
      </c>
      <c r="ET35" s="160">
        <v>141</v>
      </c>
      <c r="EU35" s="160">
        <v>65</v>
      </c>
      <c r="EV35" s="160">
        <v>35</v>
      </c>
      <c r="EW35" s="160">
        <v>22</v>
      </c>
      <c r="EX35" s="160">
        <v>14</v>
      </c>
      <c r="EY35" s="165">
        <v>277</v>
      </c>
      <c r="EZ35" s="164">
        <v>355</v>
      </c>
    </row>
    <row r="36" spans="2:156" ht="21" customHeight="1" x14ac:dyDescent="0.2">
      <c r="B36" s="166" t="s">
        <v>34</v>
      </c>
      <c r="C36" s="159">
        <v>0</v>
      </c>
      <c r="D36" s="160">
        <v>0</v>
      </c>
      <c r="E36" s="161">
        <v>0</v>
      </c>
      <c r="F36" s="162">
        <v>0</v>
      </c>
      <c r="G36" s="160">
        <v>11</v>
      </c>
      <c r="H36" s="160">
        <v>14</v>
      </c>
      <c r="I36" s="160">
        <v>9</v>
      </c>
      <c r="J36" s="160">
        <v>6</v>
      </c>
      <c r="K36" s="160">
        <v>4</v>
      </c>
      <c r="L36" s="163">
        <v>44</v>
      </c>
      <c r="M36" s="164">
        <v>44</v>
      </c>
      <c r="N36" s="159">
        <v>0</v>
      </c>
      <c r="O36" s="160">
        <v>0</v>
      </c>
      <c r="P36" s="165">
        <v>0</v>
      </c>
      <c r="Q36" s="162">
        <v>0</v>
      </c>
      <c r="R36" s="160">
        <v>0</v>
      </c>
      <c r="S36" s="160">
        <v>0</v>
      </c>
      <c r="T36" s="160">
        <v>0</v>
      </c>
      <c r="U36" s="160">
        <v>1</v>
      </c>
      <c r="V36" s="160">
        <v>5</v>
      </c>
      <c r="W36" s="165">
        <v>6</v>
      </c>
      <c r="X36" s="164">
        <v>6</v>
      </c>
      <c r="Y36" s="159">
        <v>5</v>
      </c>
      <c r="Z36" s="160">
        <v>6</v>
      </c>
      <c r="AA36" s="165">
        <v>11</v>
      </c>
      <c r="AB36" s="162">
        <v>0</v>
      </c>
      <c r="AC36" s="160">
        <v>15</v>
      </c>
      <c r="AD36" s="160">
        <v>13</v>
      </c>
      <c r="AE36" s="160">
        <v>7</v>
      </c>
      <c r="AF36" s="160">
        <v>5</v>
      </c>
      <c r="AG36" s="160">
        <v>12</v>
      </c>
      <c r="AH36" s="165">
        <v>52</v>
      </c>
      <c r="AI36" s="164">
        <v>63</v>
      </c>
      <c r="AJ36" s="159">
        <v>0</v>
      </c>
      <c r="AK36" s="160">
        <v>0</v>
      </c>
      <c r="AL36" s="165">
        <v>0</v>
      </c>
      <c r="AM36" s="162">
        <v>0</v>
      </c>
      <c r="AN36" s="160">
        <v>3</v>
      </c>
      <c r="AO36" s="160">
        <v>3</v>
      </c>
      <c r="AP36" s="160">
        <v>1</v>
      </c>
      <c r="AQ36" s="160">
        <v>5</v>
      </c>
      <c r="AR36" s="160">
        <v>3</v>
      </c>
      <c r="AS36" s="165">
        <v>15</v>
      </c>
      <c r="AT36" s="164">
        <v>15</v>
      </c>
      <c r="AU36" s="159">
        <v>10</v>
      </c>
      <c r="AV36" s="160">
        <v>4</v>
      </c>
      <c r="AW36" s="165">
        <v>14</v>
      </c>
      <c r="AX36" s="162">
        <v>0</v>
      </c>
      <c r="AY36" s="160">
        <v>26</v>
      </c>
      <c r="AZ36" s="160">
        <v>29</v>
      </c>
      <c r="BA36" s="160">
        <v>21</v>
      </c>
      <c r="BB36" s="160">
        <v>24</v>
      </c>
      <c r="BC36" s="160">
        <v>18</v>
      </c>
      <c r="BD36" s="163">
        <v>118</v>
      </c>
      <c r="BE36" s="164">
        <v>132</v>
      </c>
      <c r="BF36" s="159">
        <v>0</v>
      </c>
      <c r="BG36" s="160">
        <v>0</v>
      </c>
      <c r="BH36" s="165">
        <v>0</v>
      </c>
      <c r="BI36" s="162">
        <v>0</v>
      </c>
      <c r="BJ36" s="160">
        <v>26</v>
      </c>
      <c r="BK36" s="160">
        <v>14</v>
      </c>
      <c r="BL36" s="160">
        <v>17</v>
      </c>
      <c r="BM36" s="160">
        <v>13</v>
      </c>
      <c r="BN36" s="160">
        <v>3</v>
      </c>
      <c r="BO36" s="165">
        <v>73</v>
      </c>
      <c r="BP36" s="164">
        <v>73</v>
      </c>
      <c r="BQ36" s="159">
        <v>0</v>
      </c>
      <c r="BR36" s="160">
        <v>3</v>
      </c>
      <c r="BS36" s="165">
        <v>3</v>
      </c>
      <c r="BT36" s="162">
        <v>0</v>
      </c>
      <c r="BU36" s="160">
        <v>10</v>
      </c>
      <c r="BV36" s="160">
        <v>2</v>
      </c>
      <c r="BW36" s="160">
        <v>0</v>
      </c>
      <c r="BX36" s="160">
        <v>1</v>
      </c>
      <c r="BY36" s="160">
        <v>0</v>
      </c>
      <c r="BZ36" s="165">
        <v>13</v>
      </c>
      <c r="CA36" s="164">
        <v>16</v>
      </c>
      <c r="CB36" s="159">
        <v>0</v>
      </c>
      <c r="CC36" s="160">
        <v>0</v>
      </c>
      <c r="CD36" s="165">
        <v>0</v>
      </c>
      <c r="CE36" s="162">
        <v>0</v>
      </c>
      <c r="CF36" s="160">
        <v>3</v>
      </c>
      <c r="CG36" s="160">
        <v>4</v>
      </c>
      <c r="CH36" s="160">
        <v>4</v>
      </c>
      <c r="CI36" s="160">
        <v>2</v>
      </c>
      <c r="CJ36" s="160">
        <v>0</v>
      </c>
      <c r="CK36" s="165">
        <v>13</v>
      </c>
      <c r="CL36" s="164">
        <v>13</v>
      </c>
      <c r="CM36" s="159">
        <v>0</v>
      </c>
      <c r="CN36" s="160">
        <v>0</v>
      </c>
      <c r="CO36" s="165">
        <v>0</v>
      </c>
      <c r="CP36" s="162">
        <v>0</v>
      </c>
      <c r="CQ36" s="160">
        <v>2</v>
      </c>
      <c r="CR36" s="160">
        <v>0</v>
      </c>
      <c r="CS36" s="160">
        <v>0</v>
      </c>
      <c r="CT36" s="160">
        <v>0</v>
      </c>
      <c r="CU36" s="160">
        <v>0</v>
      </c>
      <c r="CV36" s="165">
        <v>2</v>
      </c>
      <c r="CW36" s="164">
        <v>2</v>
      </c>
      <c r="CX36" s="159">
        <v>0</v>
      </c>
      <c r="CY36" s="160">
        <v>0</v>
      </c>
      <c r="CZ36" s="165">
        <v>0</v>
      </c>
      <c r="DA36" s="162">
        <v>0</v>
      </c>
      <c r="DB36" s="160">
        <v>0</v>
      </c>
      <c r="DC36" s="160">
        <v>0</v>
      </c>
      <c r="DD36" s="160">
        <v>0</v>
      </c>
      <c r="DE36" s="160">
        <v>0</v>
      </c>
      <c r="DF36" s="160">
        <v>0</v>
      </c>
      <c r="DG36" s="165">
        <v>0</v>
      </c>
      <c r="DH36" s="164">
        <v>0</v>
      </c>
      <c r="DI36" s="159">
        <v>0</v>
      </c>
      <c r="DJ36" s="160">
        <v>0</v>
      </c>
      <c r="DK36" s="165">
        <v>0</v>
      </c>
      <c r="DL36" s="162">
        <v>0</v>
      </c>
      <c r="DM36" s="160">
        <v>0</v>
      </c>
      <c r="DN36" s="160">
        <v>0</v>
      </c>
      <c r="DO36" s="160">
        <v>0</v>
      </c>
      <c r="DP36" s="160">
        <v>0</v>
      </c>
      <c r="DQ36" s="160">
        <v>0</v>
      </c>
      <c r="DR36" s="165">
        <v>0</v>
      </c>
      <c r="DS36" s="164">
        <v>0</v>
      </c>
      <c r="DT36" s="159">
        <v>12</v>
      </c>
      <c r="DU36" s="160">
        <v>26</v>
      </c>
      <c r="DV36" s="165">
        <v>38</v>
      </c>
      <c r="DW36" s="162">
        <v>0</v>
      </c>
      <c r="DX36" s="160">
        <v>49</v>
      </c>
      <c r="DY36" s="160">
        <v>44</v>
      </c>
      <c r="DZ36" s="160">
        <v>28</v>
      </c>
      <c r="EA36" s="160">
        <v>20</v>
      </c>
      <c r="EB36" s="160">
        <v>15</v>
      </c>
      <c r="EC36" s="165">
        <v>156</v>
      </c>
      <c r="ED36" s="164">
        <v>194</v>
      </c>
      <c r="EE36" s="159">
        <v>6</v>
      </c>
      <c r="EF36" s="160">
        <v>3</v>
      </c>
      <c r="EG36" s="165">
        <v>9</v>
      </c>
      <c r="EH36" s="162">
        <v>0</v>
      </c>
      <c r="EI36" s="160">
        <v>12</v>
      </c>
      <c r="EJ36" s="160">
        <v>8</v>
      </c>
      <c r="EK36" s="160">
        <v>2</v>
      </c>
      <c r="EL36" s="160">
        <v>10</v>
      </c>
      <c r="EM36" s="160">
        <v>2</v>
      </c>
      <c r="EN36" s="165">
        <v>34</v>
      </c>
      <c r="EO36" s="164">
        <v>43</v>
      </c>
      <c r="EP36" s="159">
        <v>15</v>
      </c>
      <c r="EQ36" s="160">
        <v>27</v>
      </c>
      <c r="ER36" s="165">
        <v>42</v>
      </c>
      <c r="ES36" s="162">
        <v>0</v>
      </c>
      <c r="ET36" s="160">
        <v>77</v>
      </c>
      <c r="EU36" s="160">
        <v>45</v>
      </c>
      <c r="EV36" s="160">
        <v>24</v>
      </c>
      <c r="EW36" s="160">
        <v>20</v>
      </c>
      <c r="EX36" s="160">
        <v>15</v>
      </c>
      <c r="EY36" s="165">
        <v>181</v>
      </c>
      <c r="EZ36" s="164">
        <v>223</v>
      </c>
    </row>
    <row r="37" spans="2:156" ht="21" customHeight="1" x14ac:dyDescent="0.2">
      <c r="B37" s="166" t="s">
        <v>35</v>
      </c>
      <c r="C37" s="159">
        <v>0</v>
      </c>
      <c r="D37" s="160">
        <v>0</v>
      </c>
      <c r="E37" s="161">
        <v>0</v>
      </c>
      <c r="F37" s="162">
        <v>0</v>
      </c>
      <c r="G37" s="160">
        <v>115</v>
      </c>
      <c r="H37" s="160">
        <v>65</v>
      </c>
      <c r="I37" s="160">
        <v>30</v>
      </c>
      <c r="J37" s="160">
        <v>30</v>
      </c>
      <c r="K37" s="160">
        <v>28</v>
      </c>
      <c r="L37" s="163">
        <v>268</v>
      </c>
      <c r="M37" s="164">
        <v>268</v>
      </c>
      <c r="N37" s="159">
        <v>0</v>
      </c>
      <c r="O37" s="160">
        <v>0</v>
      </c>
      <c r="P37" s="165">
        <v>0</v>
      </c>
      <c r="Q37" s="162">
        <v>0</v>
      </c>
      <c r="R37" s="160">
        <v>0</v>
      </c>
      <c r="S37" s="160">
        <v>2</v>
      </c>
      <c r="T37" s="160">
        <v>4</v>
      </c>
      <c r="U37" s="160">
        <v>13</v>
      </c>
      <c r="V37" s="160">
        <v>10</v>
      </c>
      <c r="W37" s="165">
        <v>29</v>
      </c>
      <c r="X37" s="164">
        <v>29</v>
      </c>
      <c r="Y37" s="159">
        <v>6</v>
      </c>
      <c r="Z37" s="160">
        <v>20</v>
      </c>
      <c r="AA37" s="165">
        <v>26</v>
      </c>
      <c r="AB37" s="162">
        <v>0</v>
      </c>
      <c r="AC37" s="160">
        <v>61</v>
      </c>
      <c r="AD37" s="160">
        <v>45</v>
      </c>
      <c r="AE37" s="160">
        <v>25</v>
      </c>
      <c r="AF37" s="160">
        <v>26</v>
      </c>
      <c r="AG37" s="160">
        <v>24</v>
      </c>
      <c r="AH37" s="165">
        <v>181</v>
      </c>
      <c r="AI37" s="164">
        <v>207</v>
      </c>
      <c r="AJ37" s="159">
        <v>8</v>
      </c>
      <c r="AK37" s="160">
        <v>8</v>
      </c>
      <c r="AL37" s="165">
        <v>16</v>
      </c>
      <c r="AM37" s="162">
        <v>0</v>
      </c>
      <c r="AN37" s="160">
        <v>20</v>
      </c>
      <c r="AO37" s="160">
        <v>11</v>
      </c>
      <c r="AP37" s="160">
        <v>11</v>
      </c>
      <c r="AQ37" s="160">
        <v>14</v>
      </c>
      <c r="AR37" s="160">
        <v>7</v>
      </c>
      <c r="AS37" s="165">
        <v>63</v>
      </c>
      <c r="AT37" s="164">
        <v>79</v>
      </c>
      <c r="AU37" s="159">
        <v>17</v>
      </c>
      <c r="AV37" s="160">
        <v>21</v>
      </c>
      <c r="AW37" s="165">
        <v>38</v>
      </c>
      <c r="AX37" s="162">
        <v>0</v>
      </c>
      <c r="AY37" s="160">
        <v>103</v>
      </c>
      <c r="AZ37" s="160">
        <v>74</v>
      </c>
      <c r="BA37" s="160">
        <v>68</v>
      </c>
      <c r="BB37" s="160">
        <v>89</v>
      </c>
      <c r="BC37" s="160">
        <v>51</v>
      </c>
      <c r="BD37" s="163">
        <v>385</v>
      </c>
      <c r="BE37" s="164">
        <v>423</v>
      </c>
      <c r="BF37" s="159">
        <v>0</v>
      </c>
      <c r="BG37" s="160">
        <v>0</v>
      </c>
      <c r="BH37" s="165">
        <v>0</v>
      </c>
      <c r="BI37" s="162">
        <v>0</v>
      </c>
      <c r="BJ37" s="160">
        <v>148</v>
      </c>
      <c r="BK37" s="160">
        <v>71</v>
      </c>
      <c r="BL37" s="160">
        <v>48</v>
      </c>
      <c r="BM37" s="160">
        <v>29</v>
      </c>
      <c r="BN37" s="160">
        <v>19</v>
      </c>
      <c r="BO37" s="165">
        <v>315</v>
      </c>
      <c r="BP37" s="164">
        <v>315</v>
      </c>
      <c r="BQ37" s="159">
        <v>12</v>
      </c>
      <c r="BR37" s="160">
        <v>25</v>
      </c>
      <c r="BS37" s="165">
        <v>37</v>
      </c>
      <c r="BT37" s="162">
        <v>0</v>
      </c>
      <c r="BU37" s="160">
        <v>64</v>
      </c>
      <c r="BV37" s="160">
        <v>35</v>
      </c>
      <c r="BW37" s="160">
        <v>16</v>
      </c>
      <c r="BX37" s="160">
        <v>7</v>
      </c>
      <c r="BY37" s="160">
        <v>4</v>
      </c>
      <c r="BZ37" s="165">
        <v>126</v>
      </c>
      <c r="CA37" s="164">
        <v>163</v>
      </c>
      <c r="CB37" s="159">
        <v>0</v>
      </c>
      <c r="CC37" s="160">
        <v>0</v>
      </c>
      <c r="CD37" s="165">
        <v>0</v>
      </c>
      <c r="CE37" s="162">
        <v>0</v>
      </c>
      <c r="CF37" s="160">
        <v>8</v>
      </c>
      <c r="CG37" s="160">
        <v>7</v>
      </c>
      <c r="CH37" s="160">
        <v>9</v>
      </c>
      <c r="CI37" s="160">
        <v>11</v>
      </c>
      <c r="CJ37" s="160">
        <v>8</v>
      </c>
      <c r="CK37" s="165">
        <v>43</v>
      </c>
      <c r="CL37" s="164">
        <v>43</v>
      </c>
      <c r="CM37" s="159">
        <v>0</v>
      </c>
      <c r="CN37" s="160">
        <v>0</v>
      </c>
      <c r="CO37" s="165">
        <v>0</v>
      </c>
      <c r="CP37" s="162">
        <v>0</v>
      </c>
      <c r="CQ37" s="160">
        <v>1</v>
      </c>
      <c r="CR37" s="160">
        <v>3</v>
      </c>
      <c r="CS37" s="160">
        <v>1</v>
      </c>
      <c r="CT37" s="160">
        <v>0</v>
      </c>
      <c r="CU37" s="160">
        <v>3</v>
      </c>
      <c r="CV37" s="165">
        <v>8</v>
      </c>
      <c r="CW37" s="164">
        <v>8</v>
      </c>
      <c r="CX37" s="159">
        <v>0</v>
      </c>
      <c r="CY37" s="160">
        <v>0</v>
      </c>
      <c r="CZ37" s="165">
        <v>0</v>
      </c>
      <c r="DA37" s="162">
        <v>0</v>
      </c>
      <c r="DB37" s="160">
        <v>0</v>
      </c>
      <c r="DC37" s="160">
        <v>0</v>
      </c>
      <c r="DD37" s="160">
        <v>0</v>
      </c>
      <c r="DE37" s="160">
        <v>0</v>
      </c>
      <c r="DF37" s="160">
        <v>0</v>
      </c>
      <c r="DG37" s="165">
        <v>0</v>
      </c>
      <c r="DH37" s="164">
        <v>0</v>
      </c>
      <c r="DI37" s="159">
        <v>0</v>
      </c>
      <c r="DJ37" s="160">
        <v>0</v>
      </c>
      <c r="DK37" s="165">
        <v>0</v>
      </c>
      <c r="DL37" s="162">
        <v>0</v>
      </c>
      <c r="DM37" s="160">
        <v>0</v>
      </c>
      <c r="DN37" s="160">
        <v>0</v>
      </c>
      <c r="DO37" s="160">
        <v>0</v>
      </c>
      <c r="DP37" s="160">
        <v>0</v>
      </c>
      <c r="DQ37" s="160">
        <v>0</v>
      </c>
      <c r="DR37" s="165">
        <v>0</v>
      </c>
      <c r="DS37" s="164">
        <v>0</v>
      </c>
      <c r="DT37" s="159">
        <v>62</v>
      </c>
      <c r="DU37" s="160">
        <v>103</v>
      </c>
      <c r="DV37" s="165">
        <v>165</v>
      </c>
      <c r="DW37" s="162">
        <v>0</v>
      </c>
      <c r="DX37" s="160">
        <v>193</v>
      </c>
      <c r="DY37" s="160">
        <v>153</v>
      </c>
      <c r="DZ37" s="160">
        <v>85</v>
      </c>
      <c r="EA37" s="160">
        <v>68</v>
      </c>
      <c r="EB37" s="160">
        <v>45</v>
      </c>
      <c r="EC37" s="165">
        <v>544</v>
      </c>
      <c r="ED37" s="164">
        <v>709</v>
      </c>
      <c r="EE37" s="159">
        <v>15</v>
      </c>
      <c r="EF37" s="160">
        <v>13</v>
      </c>
      <c r="EG37" s="165">
        <v>28</v>
      </c>
      <c r="EH37" s="162">
        <v>0</v>
      </c>
      <c r="EI37" s="160">
        <v>37</v>
      </c>
      <c r="EJ37" s="160">
        <v>14</v>
      </c>
      <c r="EK37" s="160">
        <v>16</v>
      </c>
      <c r="EL37" s="160">
        <v>41</v>
      </c>
      <c r="EM37" s="160">
        <v>9</v>
      </c>
      <c r="EN37" s="165">
        <v>117</v>
      </c>
      <c r="EO37" s="164">
        <v>145</v>
      </c>
      <c r="EP37" s="159">
        <v>74</v>
      </c>
      <c r="EQ37" s="160">
        <v>133</v>
      </c>
      <c r="ER37" s="165">
        <v>207</v>
      </c>
      <c r="ES37" s="162">
        <v>0</v>
      </c>
      <c r="ET37" s="160">
        <v>323</v>
      </c>
      <c r="EU37" s="160">
        <v>181</v>
      </c>
      <c r="EV37" s="160">
        <v>100</v>
      </c>
      <c r="EW37" s="160">
        <v>76</v>
      </c>
      <c r="EX37" s="160">
        <v>47</v>
      </c>
      <c r="EY37" s="165">
        <v>727</v>
      </c>
      <c r="EZ37" s="164">
        <v>934</v>
      </c>
    </row>
    <row r="38" spans="2:156" ht="21" customHeight="1" x14ac:dyDescent="0.2">
      <c r="B38" s="166" t="s">
        <v>36</v>
      </c>
      <c r="C38" s="159">
        <v>0</v>
      </c>
      <c r="D38" s="160">
        <v>0</v>
      </c>
      <c r="E38" s="161">
        <v>0</v>
      </c>
      <c r="F38" s="162">
        <v>0</v>
      </c>
      <c r="G38" s="160">
        <v>65</v>
      </c>
      <c r="H38" s="160">
        <v>72</v>
      </c>
      <c r="I38" s="160">
        <v>44</v>
      </c>
      <c r="J38" s="160">
        <v>26</v>
      </c>
      <c r="K38" s="160">
        <v>34</v>
      </c>
      <c r="L38" s="163">
        <v>241</v>
      </c>
      <c r="M38" s="164">
        <v>241</v>
      </c>
      <c r="N38" s="159">
        <v>0</v>
      </c>
      <c r="O38" s="160">
        <v>1</v>
      </c>
      <c r="P38" s="165">
        <v>1</v>
      </c>
      <c r="Q38" s="162">
        <v>0</v>
      </c>
      <c r="R38" s="160">
        <v>3</v>
      </c>
      <c r="S38" s="160">
        <v>3</v>
      </c>
      <c r="T38" s="160">
        <v>9</v>
      </c>
      <c r="U38" s="160">
        <v>8</v>
      </c>
      <c r="V38" s="160">
        <v>13</v>
      </c>
      <c r="W38" s="165">
        <v>36</v>
      </c>
      <c r="X38" s="164">
        <v>37</v>
      </c>
      <c r="Y38" s="159">
        <v>7</v>
      </c>
      <c r="Z38" s="160">
        <v>21</v>
      </c>
      <c r="AA38" s="165">
        <v>28</v>
      </c>
      <c r="AB38" s="162">
        <v>0</v>
      </c>
      <c r="AC38" s="160">
        <v>59</v>
      </c>
      <c r="AD38" s="160">
        <v>52</v>
      </c>
      <c r="AE38" s="160">
        <v>47</v>
      </c>
      <c r="AF38" s="160">
        <v>25</v>
      </c>
      <c r="AG38" s="160">
        <v>36</v>
      </c>
      <c r="AH38" s="165">
        <v>219</v>
      </c>
      <c r="AI38" s="164">
        <v>247</v>
      </c>
      <c r="AJ38" s="159">
        <v>2</v>
      </c>
      <c r="AK38" s="160">
        <v>12</v>
      </c>
      <c r="AL38" s="165">
        <v>14</v>
      </c>
      <c r="AM38" s="162">
        <v>0</v>
      </c>
      <c r="AN38" s="160">
        <v>17</v>
      </c>
      <c r="AO38" s="160">
        <v>18</v>
      </c>
      <c r="AP38" s="160">
        <v>8</v>
      </c>
      <c r="AQ38" s="160">
        <v>5</v>
      </c>
      <c r="AR38" s="160">
        <v>7</v>
      </c>
      <c r="AS38" s="165">
        <v>55</v>
      </c>
      <c r="AT38" s="164">
        <v>69</v>
      </c>
      <c r="AU38" s="159">
        <v>6</v>
      </c>
      <c r="AV38" s="160">
        <v>8</v>
      </c>
      <c r="AW38" s="165">
        <v>14</v>
      </c>
      <c r="AX38" s="162">
        <v>0</v>
      </c>
      <c r="AY38" s="160">
        <v>59</v>
      </c>
      <c r="AZ38" s="160">
        <v>100</v>
      </c>
      <c r="BA38" s="160">
        <v>78</v>
      </c>
      <c r="BB38" s="160">
        <v>52</v>
      </c>
      <c r="BC38" s="160">
        <v>57</v>
      </c>
      <c r="BD38" s="163">
        <v>346</v>
      </c>
      <c r="BE38" s="164">
        <v>360</v>
      </c>
      <c r="BF38" s="159">
        <v>0</v>
      </c>
      <c r="BG38" s="160">
        <v>0</v>
      </c>
      <c r="BH38" s="165">
        <v>0</v>
      </c>
      <c r="BI38" s="162">
        <v>0</v>
      </c>
      <c r="BJ38" s="160">
        <v>82</v>
      </c>
      <c r="BK38" s="160">
        <v>85</v>
      </c>
      <c r="BL38" s="160">
        <v>47</v>
      </c>
      <c r="BM38" s="160">
        <v>32</v>
      </c>
      <c r="BN38" s="160">
        <v>21</v>
      </c>
      <c r="BO38" s="165">
        <v>267</v>
      </c>
      <c r="BP38" s="164">
        <v>267</v>
      </c>
      <c r="BQ38" s="159">
        <v>7</v>
      </c>
      <c r="BR38" s="160">
        <v>10</v>
      </c>
      <c r="BS38" s="165">
        <v>17</v>
      </c>
      <c r="BT38" s="162">
        <v>0</v>
      </c>
      <c r="BU38" s="160">
        <v>40</v>
      </c>
      <c r="BV38" s="160">
        <v>34</v>
      </c>
      <c r="BW38" s="160">
        <v>24</v>
      </c>
      <c r="BX38" s="160">
        <v>8</v>
      </c>
      <c r="BY38" s="160">
        <v>4</v>
      </c>
      <c r="BZ38" s="165">
        <v>110</v>
      </c>
      <c r="CA38" s="164">
        <v>127</v>
      </c>
      <c r="CB38" s="159">
        <v>0</v>
      </c>
      <c r="CC38" s="160">
        <v>1</v>
      </c>
      <c r="CD38" s="165">
        <v>1</v>
      </c>
      <c r="CE38" s="162">
        <v>0</v>
      </c>
      <c r="CF38" s="160">
        <v>10</v>
      </c>
      <c r="CG38" s="160">
        <v>24</v>
      </c>
      <c r="CH38" s="160">
        <v>20</v>
      </c>
      <c r="CI38" s="160">
        <v>16</v>
      </c>
      <c r="CJ38" s="160">
        <v>15</v>
      </c>
      <c r="CK38" s="165">
        <v>85</v>
      </c>
      <c r="CL38" s="164">
        <v>86</v>
      </c>
      <c r="CM38" s="159">
        <v>0</v>
      </c>
      <c r="CN38" s="160">
        <v>0</v>
      </c>
      <c r="CO38" s="165">
        <v>0</v>
      </c>
      <c r="CP38" s="162">
        <v>0</v>
      </c>
      <c r="CQ38" s="160">
        <v>2</v>
      </c>
      <c r="CR38" s="160">
        <v>0</v>
      </c>
      <c r="CS38" s="160">
        <v>0</v>
      </c>
      <c r="CT38" s="160">
        <v>2</v>
      </c>
      <c r="CU38" s="160">
        <v>0</v>
      </c>
      <c r="CV38" s="165">
        <v>4</v>
      </c>
      <c r="CW38" s="164">
        <v>4</v>
      </c>
      <c r="CX38" s="159">
        <v>0</v>
      </c>
      <c r="CY38" s="160">
        <v>0</v>
      </c>
      <c r="CZ38" s="165">
        <v>0</v>
      </c>
      <c r="DA38" s="162">
        <v>0</v>
      </c>
      <c r="DB38" s="160">
        <v>0</v>
      </c>
      <c r="DC38" s="160">
        <v>0</v>
      </c>
      <c r="DD38" s="160">
        <v>0</v>
      </c>
      <c r="DE38" s="160">
        <v>0</v>
      </c>
      <c r="DF38" s="160">
        <v>0</v>
      </c>
      <c r="DG38" s="165">
        <v>0</v>
      </c>
      <c r="DH38" s="164">
        <v>0</v>
      </c>
      <c r="DI38" s="159">
        <v>0</v>
      </c>
      <c r="DJ38" s="160">
        <v>0</v>
      </c>
      <c r="DK38" s="165">
        <v>0</v>
      </c>
      <c r="DL38" s="162">
        <v>0</v>
      </c>
      <c r="DM38" s="160">
        <v>0</v>
      </c>
      <c r="DN38" s="160">
        <v>0</v>
      </c>
      <c r="DO38" s="160">
        <v>0</v>
      </c>
      <c r="DP38" s="160">
        <v>0</v>
      </c>
      <c r="DQ38" s="160">
        <v>0</v>
      </c>
      <c r="DR38" s="165">
        <v>0</v>
      </c>
      <c r="DS38" s="164">
        <v>0</v>
      </c>
      <c r="DT38" s="159">
        <v>41</v>
      </c>
      <c r="DU38" s="160">
        <v>124</v>
      </c>
      <c r="DV38" s="165">
        <v>165</v>
      </c>
      <c r="DW38" s="162">
        <v>0</v>
      </c>
      <c r="DX38" s="160">
        <v>165</v>
      </c>
      <c r="DY38" s="160">
        <v>186</v>
      </c>
      <c r="DZ38" s="160">
        <v>131</v>
      </c>
      <c r="EA38" s="160">
        <v>77</v>
      </c>
      <c r="EB38" s="160">
        <v>57</v>
      </c>
      <c r="EC38" s="165">
        <v>616</v>
      </c>
      <c r="ED38" s="164">
        <v>781</v>
      </c>
      <c r="EE38" s="159">
        <v>3</v>
      </c>
      <c r="EF38" s="160">
        <v>2</v>
      </c>
      <c r="EG38" s="165">
        <v>5</v>
      </c>
      <c r="EH38" s="162">
        <v>0</v>
      </c>
      <c r="EI38" s="160">
        <v>21</v>
      </c>
      <c r="EJ38" s="160">
        <v>16</v>
      </c>
      <c r="EK38" s="160">
        <v>12</v>
      </c>
      <c r="EL38" s="160">
        <v>10</v>
      </c>
      <c r="EM38" s="160">
        <v>4</v>
      </c>
      <c r="EN38" s="165">
        <v>63</v>
      </c>
      <c r="EO38" s="164">
        <v>68</v>
      </c>
      <c r="EP38" s="159">
        <v>51</v>
      </c>
      <c r="EQ38" s="160">
        <v>144</v>
      </c>
      <c r="ER38" s="165">
        <v>195</v>
      </c>
      <c r="ES38" s="162">
        <v>0</v>
      </c>
      <c r="ET38" s="160">
        <v>277</v>
      </c>
      <c r="EU38" s="160">
        <v>253</v>
      </c>
      <c r="EV38" s="160">
        <v>160</v>
      </c>
      <c r="EW38" s="160">
        <v>89</v>
      </c>
      <c r="EX38" s="160">
        <v>75</v>
      </c>
      <c r="EY38" s="165">
        <v>854</v>
      </c>
      <c r="EZ38" s="164">
        <v>1049</v>
      </c>
    </row>
    <row r="39" spans="2:156" ht="21" customHeight="1" thickBot="1" x14ac:dyDescent="0.25">
      <c r="B39" s="167" t="s">
        <v>37</v>
      </c>
      <c r="C39" s="168">
        <v>0</v>
      </c>
      <c r="D39" s="169">
        <v>0</v>
      </c>
      <c r="E39" s="170">
        <v>0</v>
      </c>
      <c r="F39" s="171">
        <v>0</v>
      </c>
      <c r="G39" s="169">
        <v>5</v>
      </c>
      <c r="H39" s="169">
        <v>5</v>
      </c>
      <c r="I39" s="169">
        <v>5</v>
      </c>
      <c r="J39" s="169">
        <v>1</v>
      </c>
      <c r="K39" s="169">
        <v>3</v>
      </c>
      <c r="L39" s="172">
        <v>19</v>
      </c>
      <c r="M39" s="173">
        <v>19</v>
      </c>
      <c r="N39" s="168">
        <v>0</v>
      </c>
      <c r="O39" s="169">
        <v>0</v>
      </c>
      <c r="P39" s="174">
        <v>0</v>
      </c>
      <c r="Q39" s="171">
        <v>0</v>
      </c>
      <c r="R39" s="169">
        <v>0</v>
      </c>
      <c r="S39" s="169">
        <v>0</v>
      </c>
      <c r="T39" s="169">
        <v>0</v>
      </c>
      <c r="U39" s="169">
        <v>0</v>
      </c>
      <c r="V39" s="169">
        <v>1</v>
      </c>
      <c r="W39" s="174">
        <v>1</v>
      </c>
      <c r="X39" s="173">
        <v>1</v>
      </c>
      <c r="Y39" s="168">
        <v>2</v>
      </c>
      <c r="Z39" s="169">
        <v>2</v>
      </c>
      <c r="AA39" s="174">
        <v>4</v>
      </c>
      <c r="AB39" s="171">
        <v>0</v>
      </c>
      <c r="AC39" s="169">
        <v>5</v>
      </c>
      <c r="AD39" s="169">
        <v>7</v>
      </c>
      <c r="AE39" s="169">
        <v>4</v>
      </c>
      <c r="AF39" s="169">
        <v>5</v>
      </c>
      <c r="AG39" s="169">
        <v>3</v>
      </c>
      <c r="AH39" s="174">
        <v>24</v>
      </c>
      <c r="AI39" s="173">
        <v>28</v>
      </c>
      <c r="AJ39" s="168">
        <v>0</v>
      </c>
      <c r="AK39" s="169">
        <v>0</v>
      </c>
      <c r="AL39" s="174">
        <v>0</v>
      </c>
      <c r="AM39" s="171">
        <v>0</v>
      </c>
      <c r="AN39" s="169">
        <v>1</v>
      </c>
      <c r="AO39" s="169">
        <v>1</v>
      </c>
      <c r="AP39" s="169">
        <v>0</v>
      </c>
      <c r="AQ39" s="169">
        <v>1</v>
      </c>
      <c r="AR39" s="169">
        <v>1</v>
      </c>
      <c r="AS39" s="174">
        <v>4</v>
      </c>
      <c r="AT39" s="173">
        <v>4</v>
      </c>
      <c r="AU39" s="168">
        <v>1</v>
      </c>
      <c r="AV39" s="169">
        <v>0</v>
      </c>
      <c r="AW39" s="174">
        <v>1</v>
      </c>
      <c r="AX39" s="171">
        <v>0</v>
      </c>
      <c r="AY39" s="169">
        <v>4</v>
      </c>
      <c r="AZ39" s="169">
        <v>3</v>
      </c>
      <c r="BA39" s="169">
        <v>4</v>
      </c>
      <c r="BB39" s="169">
        <v>9</v>
      </c>
      <c r="BC39" s="169">
        <v>5</v>
      </c>
      <c r="BD39" s="172">
        <v>25</v>
      </c>
      <c r="BE39" s="173">
        <v>26</v>
      </c>
      <c r="BF39" s="168">
        <v>0</v>
      </c>
      <c r="BG39" s="169">
        <v>0</v>
      </c>
      <c r="BH39" s="174">
        <v>0</v>
      </c>
      <c r="BI39" s="171">
        <v>0</v>
      </c>
      <c r="BJ39" s="169">
        <v>5</v>
      </c>
      <c r="BK39" s="169">
        <v>6</v>
      </c>
      <c r="BL39" s="169">
        <v>4</v>
      </c>
      <c r="BM39" s="169">
        <v>3</v>
      </c>
      <c r="BN39" s="169">
        <v>2</v>
      </c>
      <c r="BO39" s="174">
        <v>20</v>
      </c>
      <c r="BP39" s="173">
        <v>20</v>
      </c>
      <c r="BQ39" s="168">
        <v>1</v>
      </c>
      <c r="BR39" s="169">
        <v>1</v>
      </c>
      <c r="BS39" s="174">
        <v>2</v>
      </c>
      <c r="BT39" s="171">
        <v>0</v>
      </c>
      <c r="BU39" s="169">
        <v>6</v>
      </c>
      <c r="BV39" s="169">
        <v>7</v>
      </c>
      <c r="BW39" s="169">
        <v>1</v>
      </c>
      <c r="BX39" s="169">
        <v>4</v>
      </c>
      <c r="BY39" s="169">
        <v>1</v>
      </c>
      <c r="BZ39" s="174">
        <v>19</v>
      </c>
      <c r="CA39" s="173">
        <v>21</v>
      </c>
      <c r="CB39" s="168">
        <v>0</v>
      </c>
      <c r="CC39" s="169">
        <v>0</v>
      </c>
      <c r="CD39" s="174">
        <v>0</v>
      </c>
      <c r="CE39" s="171">
        <v>0</v>
      </c>
      <c r="CF39" s="169">
        <v>0</v>
      </c>
      <c r="CG39" s="169">
        <v>1</v>
      </c>
      <c r="CH39" s="169">
        <v>4</v>
      </c>
      <c r="CI39" s="169">
        <v>2</v>
      </c>
      <c r="CJ39" s="169">
        <v>1</v>
      </c>
      <c r="CK39" s="174">
        <v>8</v>
      </c>
      <c r="CL39" s="173">
        <v>8</v>
      </c>
      <c r="CM39" s="168">
        <v>0</v>
      </c>
      <c r="CN39" s="169">
        <v>0</v>
      </c>
      <c r="CO39" s="174">
        <v>0</v>
      </c>
      <c r="CP39" s="171">
        <v>0</v>
      </c>
      <c r="CQ39" s="169">
        <v>1</v>
      </c>
      <c r="CR39" s="169">
        <v>0</v>
      </c>
      <c r="CS39" s="169">
        <v>0</v>
      </c>
      <c r="CT39" s="169">
        <v>0</v>
      </c>
      <c r="CU39" s="169">
        <v>0</v>
      </c>
      <c r="CV39" s="174">
        <v>1</v>
      </c>
      <c r="CW39" s="173">
        <v>1</v>
      </c>
      <c r="CX39" s="168">
        <v>0</v>
      </c>
      <c r="CY39" s="169">
        <v>0</v>
      </c>
      <c r="CZ39" s="174">
        <v>0</v>
      </c>
      <c r="DA39" s="171">
        <v>0</v>
      </c>
      <c r="DB39" s="169">
        <v>0</v>
      </c>
      <c r="DC39" s="169">
        <v>0</v>
      </c>
      <c r="DD39" s="169">
        <v>0</v>
      </c>
      <c r="DE39" s="169">
        <v>0</v>
      </c>
      <c r="DF39" s="169">
        <v>0</v>
      </c>
      <c r="DG39" s="174">
        <v>0</v>
      </c>
      <c r="DH39" s="173">
        <v>0</v>
      </c>
      <c r="DI39" s="168">
        <v>0</v>
      </c>
      <c r="DJ39" s="169">
        <v>0</v>
      </c>
      <c r="DK39" s="174">
        <v>0</v>
      </c>
      <c r="DL39" s="171">
        <v>0</v>
      </c>
      <c r="DM39" s="169">
        <v>0</v>
      </c>
      <c r="DN39" s="169">
        <v>0</v>
      </c>
      <c r="DO39" s="169">
        <v>0</v>
      </c>
      <c r="DP39" s="169">
        <v>0</v>
      </c>
      <c r="DQ39" s="169">
        <v>0</v>
      </c>
      <c r="DR39" s="174">
        <v>0</v>
      </c>
      <c r="DS39" s="173">
        <v>0</v>
      </c>
      <c r="DT39" s="168">
        <v>8</v>
      </c>
      <c r="DU39" s="169">
        <v>4</v>
      </c>
      <c r="DV39" s="174">
        <v>12</v>
      </c>
      <c r="DW39" s="171">
        <v>0</v>
      </c>
      <c r="DX39" s="169">
        <v>16</v>
      </c>
      <c r="DY39" s="169">
        <v>25</v>
      </c>
      <c r="DZ39" s="169">
        <v>10</v>
      </c>
      <c r="EA39" s="169">
        <v>9</v>
      </c>
      <c r="EB39" s="169">
        <v>4</v>
      </c>
      <c r="EC39" s="174">
        <v>64</v>
      </c>
      <c r="ED39" s="173">
        <v>76</v>
      </c>
      <c r="EE39" s="168">
        <v>0</v>
      </c>
      <c r="EF39" s="169">
        <v>0</v>
      </c>
      <c r="EG39" s="174">
        <v>0</v>
      </c>
      <c r="EH39" s="171">
        <v>0</v>
      </c>
      <c r="EI39" s="169">
        <v>0</v>
      </c>
      <c r="EJ39" s="169">
        <v>0</v>
      </c>
      <c r="EK39" s="169">
        <v>0</v>
      </c>
      <c r="EL39" s="169">
        <v>0</v>
      </c>
      <c r="EM39" s="169">
        <v>0</v>
      </c>
      <c r="EN39" s="174">
        <v>0</v>
      </c>
      <c r="EO39" s="173">
        <v>0</v>
      </c>
      <c r="EP39" s="168">
        <v>11</v>
      </c>
      <c r="EQ39" s="169">
        <v>6</v>
      </c>
      <c r="ER39" s="174">
        <v>17</v>
      </c>
      <c r="ES39" s="171">
        <v>0</v>
      </c>
      <c r="ET39" s="169">
        <v>22</v>
      </c>
      <c r="EU39" s="169">
        <v>29</v>
      </c>
      <c r="EV39" s="169">
        <v>14</v>
      </c>
      <c r="EW39" s="169">
        <v>10</v>
      </c>
      <c r="EX39" s="169">
        <v>5</v>
      </c>
      <c r="EY39" s="174">
        <v>80</v>
      </c>
      <c r="EZ39" s="173">
        <v>97</v>
      </c>
    </row>
  </sheetData>
  <mergeCells count="59">
    <mergeCell ref="EP3:EZ3"/>
    <mergeCell ref="EE3:EO3"/>
    <mergeCell ref="ES4:EY4"/>
    <mergeCell ref="EZ4:EZ5"/>
    <mergeCell ref="ED4:ED5"/>
    <mergeCell ref="EE4:EG4"/>
    <mergeCell ref="EH4:EN4"/>
    <mergeCell ref="EO4:EO5"/>
    <mergeCell ref="EP4:ER4"/>
    <mergeCell ref="DT3:ED3"/>
    <mergeCell ref="DT4:DV4"/>
    <mergeCell ref="DW4:EC4"/>
    <mergeCell ref="DI3:DS3"/>
    <mergeCell ref="DI4:DK4"/>
    <mergeCell ref="DL4:DR4"/>
    <mergeCell ref="DS4:DS5"/>
    <mergeCell ref="BI4:BO4"/>
    <mergeCell ref="CX3:DH3"/>
    <mergeCell ref="CM3:CW3"/>
    <mergeCell ref="CX4:CZ4"/>
    <mergeCell ref="DA4:DG4"/>
    <mergeCell ref="DH4:DH5"/>
    <mergeCell ref="I1:J1"/>
    <mergeCell ref="L1:M1"/>
    <mergeCell ref="BF3:BP3"/>
    <mergeCell ref="BQ3:CA3"/>
    <mergeCell ref="CB3:CL3"/>
    <mergeCell ref="B3:B5"/>
    <mergeCell ref="N3:X3"/>
    <mergeCell ref="Y3:AI3"/>
    <mergeCell ref="AJ3:AT3"/>
    <mergeCell ref="AU3:BE3"/>
    <mergeCell ref="C3:M3"/>
    <mergeCell ref="C4:E4"/>
    <mergeCell ref="F4:L4"/>
    <mergeCell ref="M4:M5"/>
    <mergeCell ref="BE4:BE5"/>
    <mergeCell ref="N4:P4"/>
    <mergeCell ref="Q4:W4"/>
    <mergeCell ref="AJ4:AL4"/>
    <mergeCell ref="AM4:AS4"/>
    <mergeCell ref="AT4:AT5"/>
    <mergeCell ref="AU4:AW4"/>
    <mergeCell ref="X4:X5"/>
    <mergeCell ref="Y4:AA4"/>
    <mergeCell ref="AB4:AH4"/>
    <mergeCell ref="AI4:AI5"/>
    <mergeCell ref="CW4:CW5"/>
    <mergeCell ref="BQ4:BS4"/>
    <mergeCell ref="BT4:BZ4"/>
    <mergeCell ref="BP4:BP5"/>
    <mergeCell ref="CB4:CD4"/>
    <mergeCell ref="CE4:CK4"/>
    <mergeCell ref="CL4:CL5"/>
    <mergeCell ref="CM4:CO4"/>
    <mergeCell ref="CP4:CV4"/>
    <mergeCell ref="CA4:CA5"/>
    <mergeCell ref="AX4:BD4"/>
    <mergeCell ref="BF4:BH4"/>
  </mergeCells>
  <phoneticPr fontId="4"/>
  <pageMargins left="0.59055118110236227" right="0.39370078740157483" top="0.74803149606299213" bottom="0.74803149606299213" header="0.31496062992125984" footer="0.31496062992125984"/>
  <pageSetup paperSize="9" scale="33" orientation="landscape" r:id="rId1"/>
  <headerFooter>
    <oddFooter>&amp;L&amp;20&amp;A&amp;C&amp;P/&amp;N</oddFooter>
  </headerFooter>
  <colBreaks count="3" manualBreakCount="3">
    <brk id="46" max="1048575" man="1"/>
    <brk id="90" max="1048575" man="1"/>
    <brk id="134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B1:EZ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143" customWidth="1"/>
    <col min="2" max="2" width="9.77734375" style="143" customWidth="1"/>
    <col min="3" max="4" width="9" style="143"/>
    <col min="5" max="5" width="10.33203125" style="143" customWidth="1"/>
    <col min="6" max="6" width="7.6640625" style="143" customWidth="1"/>
    <col min="7" max="7" width="10.21875" style="143" customWidth="1"/>
    <col min="8" max="8" width="10.44140625" style="143" customWidth="1"/>
    <col min="9" max="16" width="9" style="143"/>
    <col min="17" max="17" width="7.21875" style="143" customWidth="1"/>
    <col min="18" max="27" width="9" style="143"/>
    <col min="28" max="28" width="7.6640625" style="143" customWidth="1"/>
    <col min="29" max="38" width="9" style="143"/>
    <col min="39" max="39" width="7.6640625" style="143" customWidth="1"/>
    <col min="40" max="49" width="9" style="143"/>
    <col min="50" max="50" width="7.21875" style="143" customWidth="1"/>
    <col min="51" max="60" width="9" style="143"/>
    <col min="61" max="61" width="7.21875" style="143" customWidth="1"/>
    <col min="62" max="71" width="9" style="143"/>
    <col min="72" max="72" width="7.33203125" style="143" customWidth="1"/>
    <col min="73" max="82" width="9" style="143"/>
    <col min="83" max="83" width="7.44140625" style="143" customWidth="1"/>
    <col min="84" max="93" width="9" style="143"/>
    <col min="94" max="94" width="7.6640625" style="143" customWidth="1"/>
    <col min="95" max="104" width="9" style="143"/>
    <col min="105" max="105" width="7.44140625" style="143" customWidth="1"/>
    <col min="106" max="115" width="9" style="143"/>
    <col min="116" max="116" width="7.44140625" style="143" customWidth="1"/>
    <col min="117" max="126" width="9" style="143"/>
    <col min="127" max="127" width="7.44140625" style="143" customWidth="1"/>
    <col min="128" max="137" width="9" style="143"/>
    <col min="138" max="138" width="7.33203125" style="143" customWidth="1"/>
    <col min="139" max="148" width="9" style="143"/>
    <col min="149" max="149" width="7.77734375" style="143" customWidth="1"/>
    <col min="150" max="16384" width="9" style="143"/>
  </cols>
  <sheetData>
    <row r="1" spans="2:156" ht="24" customHeight="1" x14ac:dyDescent="0.2">
      <c r="B1" s="142" t="s">
        <v>120</v>
      </c>
      <c r="I1" s="442">
        <f>第１表!F2</f>
        <v>7</v>
      </c>
      <c r="J1" s="442"/>
      <c r="K1" s="18">
        <f>第１表!G2</f>
        <v>3</v>
      </c>
      <c r="L1" s="461">
        <f>IF(K1&lt;3,K1+12-2,K1-2)</f>
        <v>1</v>
      </c>
      <c r="M1" s="461"/>
    </row>
    <row r="2" spans="2:156" ht="24" customHeight="1" thickBot="1" x14ac:dyDescent="0.25">
      <c r="B2" s="142" t="s">
        <v>127</v>
      </c>
      <c r="G2" s="17"/>
      <c r="H2" s="18"/>
      <c r="J2" s="68"/>
      <c r="K2" s="68"/>
    </row>
    <row r="3" spans="2:156" ht="21" customHeight="1" thickBot="1" x14ac:dyDescent="0.25">
      <c r="B3" s="455"/>
      <c r="C3" s="458" t="s">
        <v>70</v>
      </c>
      <c r="D3" s="459"/>
      <c r="E3" s="459"/>
      <c r="F3" s="459"/>
      <c r="G3" s="459"/>
      <c r="H3" s="459"/>
      <c r="I3" s="459"/>
      <c r="J3" s="459"/>
      <c r="K3" s="459"/>
      <c r="L3" s="459"/>
      <c r="M3" s="460"/>
      <c r="N3" s="458" t="s">
        <v>71</v>
      </c>
      <c r="O3" s="459"/>
      <c r="P3" s="459"/>
      <c r="Q3" s="459"/>
      <c r="R3" s="459"/>
      <c r="S3" s="459"/>
      <c r="T3" s="459"/>
      <c r="U3" s="459"/>
      <c r="V3" s="459"/>
      <c r="W3" s="459"/>
      <c r="X3" s="460"/>
      <c r="Y3" s="458" t="s">
        <v>72</v>
      </c>
      <c r="Z3" s="459"/>
      <c r="AA3" s="459"/>
      <c r="AB3" s="459"/>
      <c r="AC3" s="459"/>
      <c r="AD3" s="459"/>
      <c r="AE3" s="459"/>
      <c r="AF3" s="459"/>
      <c r="AG3" s="459"/>
      <c r="AH3" s="459"/>
      <c r="AI3" s="460"/>
      <c r="AJ3" s="458" t="s">
        <v>73</v>
      </c>
      <c r="AK3" s="459"/>
      <c r="AL3" s="459"/>
      <c r="AM3" s="459"/>
      <c r="AN3" s="459"/>
      <c r="AO3" s="459"/>
      <c r="AP3" s="459"/>
      <c r="AQ3" s="459"/>
      <c r="AR3" s="459"/>
      <c r="AS3" s="459"/>
      <c r="AT3" s="460"/>
      <c r="AU3" s="458" t="s">
        <v>74</v>
      </c>
      <c r="AV3" s="459"/>
      <c r="AW3" s="459"/>
      <c r="AX3" s="459"/>
      <c r="AY3" s="459"/>
      <c r="AZ3" s="459"/>
      <c r="BA3" s="459"/>
      <c r="BB3" s="459"/>
      <c r="BC3" s="459"/>
      <c r="BD3" s="459"/>
      <c r="BE3" s="460"/>
      <c r="BF3" s="458" t="s">
        <v>75</v>
      </c>
      <c r="BG3" s="459"/>
      <c r="BH3" s="459"/>
      <c r="BI3" s="459"/>
      <c r="BJ3" s="459"/>
      <c r="BK3" s="459"/>
      <c r="BL3" s="459"/>
      <c r="BM3" s="459"/>
      <c r="BN3" s="459"/>
      <c r="BO3" s="459"/>
      <c r="BP3" s="460"/>
      <c r="BQ3" s="458" t="s">
        <v>76</v>
      </c>
      <c r="BR3" s="459"/>
      <c r="BS3" s="459"/>
      <c r="BT3" s="459"/>
      <c r="BU3" s="459"/>
      <c r="BV3" s="459"/>
      <c r="BW3" s="459"/>
      <c r="BX3" s="459"/>
      <c r="BY3" s="459"/>
      <c r="BZ3" s="459"/>
      <c r="CA3" s="460"/>
      <c r="CB3" s="458" t="s">
        <v>77</v>
      </c>
      <c r="CC3" s="459"/>
      <c r="CD3" s="459"/>
      <c r="CE3" s="459"/>
      <c r="CF3" s="459"/>
      <c r="CG3" s="459"/>
      <c r="CH3" s="459"/>
      <c r="CI3" s="459"/>
      <c r="CJ3" s="459"/>
      <c r="CK3" s="459"/>
      <c r="CL3" s="460"/>
      <c r="CM3" s="458" t="s">
        <v>78</v>
      </c>
      <c r="CN3" s="459"/>
      <c r="CO3" s="459"/>
      <c r="CP3" s="459"/>
      <c r="CQ3" s="459"/>
      <c r="CR3" s="459"/>
      <c r="CS3" s="459"/>
      <c r="CT3" s="459"/>
      <c r="CU3" s="459"/>
      <c r="CV3" s="459"/>
      <c r="CW3" s="460"/>
      <c r="CX3" s="458" t="s">
        <v>79</v>
      </c>
      <c r="CY3" s="459"/>
      <c r="CZ3" s="459"/>
      <c r="DA3" s="459"/>
      <c r="DB3" s="459"/>
      <c r="DC3" s="459"/>
      <c r="DD3" s="459"/>
      <c r="DE3" s="459"/>
      <c r="DF3" s="459"/>
      <c r="DG3" s="459"/>
      <c r="DH3" s="460"/>
      <c r="DI3" s="458" t="s">
        <v>148</v>
      </c>
      <c r="DJ3" s="459"/>
      <c r="DK3" s="459"/>
      <c r="DL3" s="459"/>
      <c r="DM3" s="459"/>
      <c r="DN3" s="459"/>
      <c r="DO3" s="459"/>
      <c r="DP3" s="459"/>
      <c r="DQ3" s="459"/>
      <c r="DR3" s="459"/>
      <c r="DS3" s="460"/>
      <c r="DT3" s="458" t="s">
        <v>80</v>
      </c>
      <c r="DU3" s="459"/>
      <c r="DV3" s="459"/>
      <c r="DW3" s="459"/>
      <c r="DX3" s="459"/>
      <c r="DY3" s="459"/>
      <c r="DZ3" s="459"/>
      <c r="EA3" s="459"/>
      <c r="EB3" s="459"/>
      <c r="EC3" s="459"/>
      <c r="ED3" s="460"/>
      <c r="EE3" s="458" t="s">
        <v>68</v>
      </c>
      <c r="EF3" s="459"/>
      <c r="EG3" s="459"/>
      <c r="EH3" s="459"/>
      <c r="EI3" s="459"/>
      <c r="EJ3" s="459"/>
      <c r="EK3" s="459"/>
      <c r="EL3" s="459"/>
      <c r="EM3" s="459"/>
      <c r="EN3" s="459"/>
      <c r="EO3" s="460"/>
      <c r="EP3" s="462" t="s">
        <v>69</v>
      </c>
      <c r="EQ3" s="463"/>
      <c r="ER3" s="463"/>
      <c r="ES3" s="463"/>
      <c r="ET3" s="463"/>
      <c r="EU3" s="463"/>
      <c r="EV3" s="463"/>
      <c r="EW3" s="463"/>
      <c r="EX3" s="463"/>
      <c r="EY3" s="463"/>
      <c r="EZ3" s="464"/>
    </row>
    <row r="4" spans="2:156" ht="21" customHeight="1" x14ac:dyDescent="0.2">
      <c r="B4" s="456"/>
      <c r="C4" s="450" t="s">
        <v>61</v>
      </c>
      <c r="D4" s="451"/>
      <c r="E4" s="452"/>
      <c r="F4" s="453" t="s">
        <v>62</v>
      </c>
      <c r="G4" s="451"/>
      <c r="H4" s="451"/>
      <c r="I4" s="451"/>
      <c r="J4" s="451"/>
      <c r="K4" s="451"/>
      <c r="L4" s="454"/>
      <c r="M4" s="448" t="s">
        <v>52</v>
      </c>
      <c r="N4" s="450" t="s">
        <v>61</v>
      </c>
      <c r="O4" s="451"/>
      <c r="P4" s="452"/>
      <c r="Q4" s="453" t="s">
        <v>62</v>
      </c>
      <c r="R4" s="451"/>
      <c r="S4" s="451"/>
      <c r="T4" s="451"/>
      <c r="U4" s="451"/>
      <c r="V4" s="451"/>
      <c r="W4" s="452"/>
      <c r="X4" s="448" t="s">
        <v>52</v>
      </c>
      <c r="Y4" s="450" t="s">
        <v>61</v>
      </c>
      <c r="Z4" s="451"/>
      <c r="AA4" s="452"/>
      <c r="AB4" s="453" t="s">
        <v>62</v>
      </c>
      <c r="AC4" s="451"/>
      <c r="AD4" s="451"/>
      <c r="AE4" s="451"/>
      <c r="AF4" s="451"/>
      <c r="AG4" s="451"/>
      <c r="AH4" s="452"/>
      <c r="AI4" s="448" t="s">
        <v>52</v>
      </c>
      <c r="AJ4" s="450" t="s">
        <v>61</v>
      </c>
      <c r="AK4" s="451"/>
      <c r="AL4" s="452"/>
      <c r="AM4" s="453" t="s">
        <v>62</v>
      </c>
      <c r="AN4" s="451"/>
      <c r="AO4" s="451"/>
      <c r="AP4" s="451"/>
      <c r="AQ4" s="451"/>
      <c r="AR4" s="451"/>
      <c r="AS4" s="452"/>
      <c r="AT4" s="448" t="s">
        <v>52</v>
      </c>
      <c r="AU4" s="450" t="s">
        <v>61</v>
      </c>
      <c r="AV4" s="451"/>
      <c r="AW4" s="452"/>
      <c r="AX4" s="453" t="s">
        <v>62</v>
      </c>
      <c r="AY4" s="451"/>
      <c r="AZ4" s="451"/>
      <c r="BA4" s="451"/>
      <c r="BB4" s="451"/>
      <c r="BC4" s="451"/>
      <c r="BD4" s="454"/>
      <c r="BE4" s="448" t="s">
        <v>52</v>
      </c>
      <c r="BF4" s="450" t="s">
        <v>61</v>
      </c>
      <c r="BG4" s="451"/>
      <c r="BH4" s="452"/>
      <c r="BI4" s="453" t="s">
        <v>62</v>
      </c>
      <c r="BJ4" s="451"/>
      <c r="BK4" s="451"/>
      <c r="BL4" s="451"/>
      <c r="BM4" s="451"/>
      <c r="BN4" s="451"/>
      <c r="BO4" s="452"/>
      <c r="BP4" s="448" t="s">
        <v>52</v>
      </c>
      <c r="BQ4" s="450" t="s">
        <v>61</v>
      </c>
      <c r="BR4" s="451"/>
      <c r="BS4" s="452"/>
      <c r="BT4" s="453" t="s">
        <v>62</v>
      </c>
      <c r="BU4" s="451"/>
      <c r="BV4" s="451"/>
      <c r="BW4" s="451"/>
      <c r="BX4" s="451"/>
      <c r="BY4" s="451"/>
      <c r="BZ4" s="452"/>
      <c r="CA4" s="448" t="s">
        <v>52</v>
      </c>
      <c r="CB4" s="450" t="s">
        <v>61</v>
      </c>
      <c r="CC4" s="451"/>
      <c r="CD4" s="452"/>
      <c r="CE4" s="453" t="s">
        <v>62</v>
      </c>
      <c r="CF4" s="451"/>
      <c r="CG4" s="451"/>
      <c r="CH4" s="451"/>
      <c r="CI4" s="451"/>
      <c r="CJ4" s="451"/>
      <c r="CK4" s="452"/>
      <c r="CL4" s="448" t="s">
        <v>52</v>
      </c>
      <c r="CM4" s="450" t="s">
        <v>61</v>
      </c>
      <c r="CN4" s="451"/>
      <c r="CO4" s="452"/>
      <c r="CP4" s="453" t="s">
        <v>62</v>
      </c>
      <c r="CQ4" s="451"/>
      <c r="CR4" s="451"/>
      <c r="CS4" s="451"/>
      <c r="CT4" s="451"/>
      <c r="CU4" s="451"/>
      <c r="CV4" s="452"/>
      <c r="CW4" s="448" t="s">
        <v>52</v>
      </c>
      <c r="CX4" s="450" t="s">
        <v>61</v>
      </c>
      <c r="CY4" s="451"/>
      <c r="CZ4" s="452"/>
      <c r="DA4" s="453" t="s">
        <v>62</v>
      </c>
      <c r="DB4" s="451"/>
      <c r="DC4" s="451"/>
      <c r="DD4" s="451"/>
      <c r="DE4" s="451"/>
      <c r="DF4" s="451"/>
      <c r="DG4" s="452"/>
      <c r="DH4" s="448" t="s">
        <v>52</v>
      </c>
      <c r="DI4" s="450" t="s">
        <v>61</v>
      </c>
      <c r="DJ4" s="451"/>
      <c r="DK4" s="452"/>
      <c r="DL4" s="453" t="s">
        <v>62</v>
      </c>
      <c r="DM4" s="451"/>
      <c r="DN4" s="451"/>
      <c r="DO4" s="451"/>
      <c r="DP4" s="451"/>
      <c r="DQ4" s="451"/>
      <c r="DR4" s="452"/>
      <c r="DS4" s="448" t="s">
        <v>52</v>
      </c>
      <c r="DT4" s="450" t="s">
        <v>61</v>
      </c>
      <c r="DU4" s="451"/>
      <c r="DV4" s="452"/>
      <c r="DW4" s="453" t="s">
        <v>62</v>
      </c>
      <c r="DX4" s="451"/>
      <c r="DY4" s="451"/>
      <c r="DZ4" s="451"/>
      <c r="EA4" s="451"/>
      <c r="EB4" s="451"/>
      <c r="EC4" s="452"/>
      <c r="ED4" s="448" t="s">
        <v>52</v>
      </c>
      <c r="EE4" s="450" t="s">
        <v>61</v>
      </c>
      <c r="EF4" s="451"/>
      <c r="EG4" s="452"/>
      <c r="EH4" s="453" t="s">
        <v>62</v>
      </c>
      <c r="EI4" s="451"/>
      <c r="EJ4" s="451"/>
      <c r="EK4" s="451"/>
      <c r="EL4" s="451"/>
      <c r="EM4" s="451"/>
      <c r="EN4" s="452"/>
      <c r="EO4" s="448" t="s">
        <v>52</v>
      </c>
      <c r="EP4" s="450" t="s">
        <v>61</v>
      </c>
      <c r="EQ4" s="451"/>
      <c r="ER4" s="452"/>
      <c r="ES4" s="453" t="s">
        <v>62</v>
      </c>
      <c r="ET4" s="451"/>
      <c r="EU4" s="451"/>
      <c r="EV4" s="451"/>
      <c r="EW4" s="451"/>
      <c r="EX4" s="451"/>
      <c r="EY4" s="452"/>
      <c r="EZ4" s="448" t="s">
        <v>52</v>
      </c>
    </row>
    <row r="5" spans="2:156" ht="30" customHeight="1" thickBot="1" x14ac:dyDescent="0.25">
      <c r="B5" s="457"/>
      <c r="C5" s="144" t="s">
        <v>43</v>
      </c>
      <c r="D5" s="145" t="s">
        <v>44</v>
      </c>
      <c r="E5" s="146" t="s">
        <v>45</v>
      </c>
      <c r="F5" s="147" t="s">
        <v>83</v>
      </c>
      <c r="G5" s="145" t="s">
        <v>47</v>
      </c>
      <c r="H5" s="145" t="s">
        <v>48</v>
      </c>
      <c r="I5" s="145" t="s">
        <v>49</v>
      </c>
      <c r="J5" s="145" t="s">
        <v>50</v>
      </c>
      <c r="K5" s="145" t="s">
        <v>51</v>
      </c>
      <c r="L5" s="148" t="s">
        <v>45</v>
      </c>
      <c r="M5" s="449"/>
      <c r="N5" s="144" t="s">
        <v>43</v>
      </c>
      <c r="O5" s="145" t="s">
        <v>44</v>
      </c>
      <c r="P5" s="149" t="s">
        <v>45</v>
      </c>
      <c r="Q5" s="147" t="s">
        <v>83</v>
      </c>
      <c r="R5" s="145" t="s">
        <v>47</v>
      </c>
      <c r="S5" s="145" t="s">
        <v>48</v>
      </c>
      <c r="T5" s="145" t="s">
        <v>49</v>
      </c>
      <c r="U5" s="145" t="s">
        <v>50</v>
      </c>
      <c r="V5" s="145" t="s">
        <v>51</v>
      </c>
      <c r="W5" s="149" t="s">
        <v>45</v>
      </c>
      <c r="X5" s="449"/>
      <c r="Y5" s="144" t="s">
        <v>43</v>
      </c>
      <c r="Z5" s="145" t="s">
        <v>44</v>
      </c>
      <c r="AA5" s="149" t="s">
        <v>45</v>
      </c>
      <c r="AB5" s="147" t="s">
        <v>83</v>
      </c>
      <c r="AC5" s="145" t="s">
        <v>47</v>
      </c>
      <c r="AD5" s="145" t="s">
        <v>48</v>
      </c>
      <c r="AE5" s="145" t="s">
        <v>49</v>
      </c>
      <c r="AF5" s="145" t="s">
        <v>50</v>
      </c>
      <c r="AG5" s="145" t="s">
        <v>51</v>
      </c>
      <c r="AH5" s="149" t="s">
        <v>45</v>
      </c>
      <c r="AI5" s="449"/>
      <c r="AJ5" s="144" t="s">
        <v>43</v>
      </c>
      <c r="AK5" s="145" t="s">
        <v>44</v>
      </c>
      <c r="AL5" s="149" t="s">
        <v>45</v>
      </c>
      <c r="AM5" s="147" t="s">
        <v>83</v>
      </c>
      <c r="AN5" s="145" t="s">
        <v>47</v>
      </c>
      <c r="AO5" s="145" t="s">
        <v>48</v>
      </c>
      <c r="AP5" s="145" t="s">
        <v>49</v>
      </c>
      <c r="AQ5" s="145" t="s">
        <v>50</v>
      </c>
      <c r="AR5" s="145" t="s">
        <v>51</v>
      </c>
      <c r="AS5" s="149" t="s">
        <v>45</v>
      </c>
      <c r="AT5" s="449"/>
      <c r="AU5" s="144" t="s">
        <v>43</v>
      </c>
      <c r="AV5" s="145" t="s">
        <v>44</v>
      </c>
      <c r="AW5" s="149" t="s">
        <v>45</v>
      </c>
      <c r="AX5" s="147" t="s">
        <v>83</v>
      </c>
      <c r="AY5" s="145" t="s">
        <v>47</v>
      </c>
      <c r="AZ5" s="145" t="s">
        <v>48</v>
      </c>
      <c r="BA5" s="145" t="s">
        <v>49</v>
      </c>
      <c r="BB5" s="145" t="s">
        <v>50</v>
      </c>
      <c r="BC5" s="145" t="s">
        <v>51</v>
      </c>
      <c r="BD5" s="148" t="s">
        <v>45</v>
      </c>
      <c r="BE5" s="449"/>
      <c r="BF5" s="144" t="s">
        <v>43</v>
      </c>
      <c r="BG5" s="145" t="s">
        <v>44</v>
      </c>
      <c r="BH5" s="149" t="s">
        <v>45</v>
      </c>
      <c r="BI5" s="147" t="s">
        <v>83</v>
      </c>
      <c r="BJ5" s="145" t="s">
        <v>47</v>
      </c>
      <c r="BK5" s="145" t="s">
        <v>48</v>
      </c>
      <c r="BL5" s="145" t="s">
        <v>49</v>
      </c>
      <c r="BM5" s="145" t="s">
        <v>50</v>
      </c>
      <c r="BN5" s="145" t="s">
        <v>51</v>
      </c>
      <c r="BO5" s="149" t="s">
        <v>45</v>
      </c>
      <c r="BP5" s="449"/>
      <c r="BQ5" s="144" t="s">
        <v>43</v>
      </c>
      <c r="BR5" s="145" t="s">
        <v>44</v>
      </c>
      <c r="BS5" s="149" t="s">
        <v>45</v>
      </c>
      <c r="BT5" s="147" t="s">
        <v>83</v>
      </c>
      <c r="BU5" s="145" t="s">
        <v>47</v>
      </c>
      <c r="BV5" s="145" t="s">
        <v>48</v>
      </c>
      <c r="BW5" s="145" t="s">
        <v>49</v>
      </c>
      <c r="BX5" s="145" t="s">
        <v>50</v>
      </c>
      <c r="BY5" s="145" t="s">
        <v>51</v>
      </c>
      <c r="BZ5" s="149" t="s">
        <v>45</v>
      </c>
      <c r="CA5" s="449"/>
      <c r="CB5" s="144" t="s">
        <v>43</v>
      </c>
      <c r="CC5" s="145" t="s">
        <v>44</v>
      </c>
      <c r="CD5" s="149" t="s">
        <v>45</v>
      </c>
      <c r="CE5" s="147" t="s">
        <v>83</v>
      </c>
      <c r="CF5" s="145" t="s">
        <v>47</v>
      </c>
      <c r="CG5" s="145" t="s">
        <v>48</v>
      </c>
      <c r="CH5" s="145" t="s">
        <v>49</v>
      </c>
      <c r="CI5" s="145" t="s">
        <v>50</v>
      </c>
      <c r="CJ5" s="145" t="s">
        <v>51</v>
      </c>
      <c r="CK5" s="149" t="s">
        <v>45</v>
      </c>
      <c r="CL5" s="449"/>
      <c r="CM5" s="144" t="s">
        <v>43</v>
      </c>
      <c r="CN5" s="145" t="s">
        <v>44</v>
      </c>
      <c r="CO5" s="149" t="s">
        <v>45</v>
      </c>
      <c r="CP5" s="147" t="s">
        <v>83</v>
      </c>
      <c r="CQ5" s="145" t="s">
        <v>47</v>
      </c>
      <c r="CR5" s="145" t="s">
        <v>48</v>
      </c>
      <c r="CS5" s="145" t="s">
        <v>49</v>
      </c>
      <c r="CT5" s="145" t="s">
        <v>50</v>
      </c>
      <c r="CU5" s="145" t="s">
        <v>51</v>
      </c>
      <c r="CV5" s="149" t="s">
        <v>45</v>
      </c>
      <c r="CW5" s="449"/>
      <c r="CX5" s="144" t="s">
        <v>43</v>
      </c>
      <c r="CY5" s="145" t="s">
        <v>44</v>
      </c>
      <c r="CZ5" s="149" t="s">
        <v>45</v>
      </c>
      <c r="DA5" s="147" t="s">
        <v>83</v>
      </c>
      <c r="DB5" s="145" t="s">
        <v>47</v>
      </c>
      <c r="DC5" s="145" t="s">
        <v>48</v>
      </c>
      <c r="DD5" s="145" t="s">
        <v>49</v>
      </c>
      <c r="DE5" s="145" t="s">
        <v>50</v>
      </c>
      <c r="DF5" s="145" t="s">
        <v>51</v>
      </c>
      <c r="DG5" s="149" t="s">
        <v>45</v>
      </c>
      <c r="DH5" s="449"/>
      <c r="DI5" s="144" t="s">
        <v>43</v>
      </c>
      <c r="DJ5" s="145" t="s">
        <v>44</v>
      </c>
      <c r="DK5" s="149" t="s">
        <v>45</v>
      </c>
      <c r="DL5" s="147" t="s">
        <v>83</v>
      </c>
      <c r="DM5" s="145" t="s">
        <v>47</v>
      </c>
      <c r="DN5" s="145" t="s">
        <v>48</v>
      </c>
      <c r="DO5" s="145" t="s">
        <v>49</v>
      </c>
      <c r="DP5" s="145" t="s">
        <v>50</v>
      </c>
      <c r="DQ5" s="145" t="s">
        <v>51</v>
      </c>
      <c r="DR5" s="149" t="s">
        <v>45</v>
      </c>
      <c r="DS5" s="449"/>
      <c r="DT5" s="144" t="s">
        <v>43</v>
      </c>
      <c r="DU5" s="145" t="s">
        <v>44</v>
      </c>
      <c r="DV5" s="149" t="s">
        <v>45</v>
      </c>
      <c r="DW5" s="147" t="s">
        <v>83</v>
      </c>
      <c r="DX5" s="145" t="s">
        <v>47</v>
      </c>
      <c r="DY5" s="145" t="s">
        <v>48</v>
      </c>
      <c r="DZ5" s="145" t="s">
        <v>49</v>
      </c>
      <c r="EA5" s="145" t="s">
        <v>50</v>
      </c>
      <c r="EB5" s="145" t="s">
        <v>51</v>
      </c>
      <c r="EC5" s="149" t="s">
        <v>45</v>
      </c>
      <c r="ED5" s="449"/>
      <c r="EE5" s="144" t="s">
        <v>43</v>
      </c>
      <c r="EF5" s="145" t="s">
        <v>44</v>
      </c>
      <c r="EG5" s="149" t="s">
        <v>45</v>
      </c>
      <c r="EH5" s="147" t="s">
        <v>83</v>
      </c>
      <c r="EI5" s="145" t="s">
        <v>47</v>
      </c>
      <c r="EJ5" s="145" t="s">
        <v>48</v>
      </c>
      <c r="EK5" s="145" t="s">
        <v>49</v>
      </c>
      <c r="EL5" s="145" t="s">
        <v>50</v>
      </c>
      <c r="EM5" s="145" t="s">
        <v>51</v>
      </c>
      <c r="EN5" s="149" t="s">
        <v>45</v>
      </c>
      <c r="EO5" s="449"/>
      <c r="EP5" s="144" t="s">
        <v>43</v>
      </c>
      <c r="EQ5" s="145" t="s">
        <v>44</v>
      </c>
      <c r="ER5" s="149" t="s">
        <v>45</v>
      </c>
      <c r="ES5" s="147" t="s">
        <v>83</v>
      </c>
      <c r="ET5" s="145" t="s">
        <v>47</v>
      </c>
      <c r="EU5" s="145" t="s">
        <v>48</v>
      </c>
      <c r="EV5" s="145" t="s">
        <v>49</v>
      </c>
      <c r="EW5" s="145" t="s">
        <v>50</v>
      </c>
      <c r="EX5" s="145" t="s">
        <v>51</v>
      </c>
      <c r="EY5" s="149" t="s">
        <v>45</v>
      </c>
      <c r="EZ5" s="449"/>
    </row>
    <row r="6" spans="2:156" ht="21" customHeight="1" x14ac:dyDescent="0.2">
      <c r="B6" s="150" t="s">
        <v>4</v>
      </c>
      <c r="C6" s="151">
        <v>0</v>
      </c>
      <c r="D6" s="152">
        <v>0</v>
      </c>
      <c r="E6" s="153">
        <v>0</v>
      </c>
      <c r="F6" s="154">
        <v>0</v>
      </c>
      <c r="G6" s="152">
        <v>1234</v>
      </c>
      <c r="H6" s="152">
        <v>1407</v>
      </c>
      <c r="I6" s="152">
        <v>736</v>
      </c>
      <c r="J6" s="152">
        <v>560</v>
      </c>
      <c r="K6" s="152">
        <v>366</v>
      </c>
      <c r="L6" s="155">
        <v>4303</v>
      </c>
      <c r="M6" s="156">
        <v>4303</v>
      </c>
      <c r="N6" s="151">
        <v>0</v>
      </c>
      <c r="O6" s="152">
        <v>0</v>
      </c>
      <c r="P6" s="157">
        <v>0</v>
      </c>
      <c r="Q6" s="154">
        <v>0</v>
      </c>
      <c r="R6" s="152">
        <v>10</v>
      </c>
      <c r="S6" s="152">
        <v>34</v>
      </c>
      <c r="T6" s="152">
        <v>60</v>
      </c>
      <c r="U6" s="152">
        <v>107</v>
      </c>
      <c r="V6" s="152">
        <v>158</v>
      </c>
      <c r="W6" s="157">
        <v>369</v>
      </c>
      <c r="X6" s="156">
        <v>369</v>
      </c>
      <c r="Y6" s="151">
        <v>218</v>
      </c>
      <c r="Z6" s="152">
        <v>462</v>
      </c>
      <c r="AA6" s="157">
        <v>680</v>
      </c>
      <c r="AB6" s="154">
        <v>0</v>
      </c>
      <c r="AC6" s="152">
        <v>999</v>
      </c>
      <c r="AD6" s="152">
        <v>1476</v>
      </c>
      <c r="AE6" s="152">
        <v>803</v>
      </c>
      <c r="AF6" s="152">
        <v>583</v>
      </c>
      <c r="AG6" s="152">
        <v>355</v>
      </c>
      <c r="AH6" s="157">
        <v>4216</v>
      </c>
      <c r="AI6" s="156">
        <v>4896</v>
      </c>
      <c r="AJ6" s="151">
        <v>24</v>
      </c>
      <c r="AK6" s="152">
        <v>46</v>
      </c>
      <c r="AL6" s="157">
        <v>70</v>
      </c>
      <c r="AM6" s="154">
        <v>0</v>
      </c>
      <c r="AN6" s="152">
        <v>85</v>
      </c>
      <c r="AO6" s="152">
        <v>117</v>
      </c>
      <c r="AP6" s="152">
        <v>83</v>
      </c>
      <c r="AQ6" s="152">
        <v>38</v>
      </c>
      <c r="AR6" s="152">
        <v>41</v>
      </c>
      <c r="AS6" s="157">
        <v>364</v>
      </c>
      <c r="AT6" s="156">
        <v>434</v>
      </c>
      <c r="AU6" s="151">
        <v>309</v>
      </c>
      <c r="AV6" s="152">
        <v>402</v>
      </c>
      <c r="AW6" s="157">
        <v>711</v>
      </c>
      <c r="AX6" s="154">
        <v>0</v>
      </c>
      <c r="AY6" s="152">
        <v>1525</v>
      </c>
      <c r="AZ6" s="152">
        <v>1873</v>
      </c>
      <c r="BA6" s="152">
        <v>1472</v>
      </c>
      <c r="BB6" s="152">
        <v>1350</v>
      </c>
      <c r="BC6" s="152">
        <v>834</v>
      </c>
      <c r="BD6" s="155">
        <v>7054</v>
      </c>
      <c r="BE6" s="156">
        <v>7765</v>
      </c>
      <c r="BF6" s="151">
        <v>0</v>
      </c>
      <c r="BG6" s="152">
        <v>0</v>
      </c>
      <c r="BH6" s="157">
        <v>0</v>
      </c>
      <c r="BI6" s="154">
        <v>0</v>
      </c>
      <c r="BJ6" s="152">
        <v>1693</v>
      </c>
      <c r="BK6" s="152">
        <v>1512</v>
      </c>
      <c r="BL6" s="152">
        <v>756</v>
      </c>
      <c r="BM6" s="152">
        <v>331</v>
      </c>
      <c r="BN6" s="152">
        <v>155</v>
      </c>
      <c r="BO6" s="157">
        <v>4447</v>
      </c>
      <c r="BP6" s="156">
        <v>4447</v>
      </c>
      <c r="BQ6" s="151">
        <v>138</v>
      </c>
      <c r="BR6" s="152">
        <v>190</v>
      </c>
      <c r="BS6" s="157">
        <v>328</v>
      </c>
      <c r="BT6" s="154">
        <v>0</v>
      </c>
      <c r="BU6" s="152">
        <v>404</v>
      </c>
      <c r="BV6" s="152">
        <v>532</v>
      </c>
      <c r="BW6" s="152">
        <v>293</v>
      </c>
      <c r="BX6" s="152">
        <v>155</v>
      </c>
      <c r="BY6" s="152">
        <v>50</v>
      </c>
      <c r="BZ6" s="157">
        <v>1434</v>
      </c>
      <c r="CA6" s="156">
        <v>1762</v>
      </c>
      <c r="CB6" s="151">
        <v>4</v>
      </c>
      <c r="CC6" s="152">
        <v>19</v>
      </c>
      <c r="CD6" s="157">
        <v>23</v>
      </c>
      <c r="CE6" s="154">
        <v>0</v>
      </c>
      <c r="CF6" s="152">
        <v>158</v>
      </c>
      <c r="CG6" s="152">
        <v>272</v>
      </c>
      <c r="CH6" s="152">
        <v>303</v>
      </c>
      <c r="CI6" s="152">
        <v>198</v>
      </c>
      <c r="CJ6" s="152">
        <v>86</v>
      </c>
      <c r="CK6" s="157">
        <v>1017</v>
      </c>
      <c r="CL6" s="156">
        <v>1040</v>
      </c>
      <c r="CM6" s="151">
        <v>0</v>
      </c>
      <c r="CN6" s="152">
        <v>3</v>
      </c>
      <c r="CO6" s="157">
        <v>3</v>
      </c>
      <c r="CP6" s="154">
        <v>0</v>
      </c>
      <c r="CQ6" s="152">
        <v>24</v>
      </c>
      <c r="CR6" s="152">
        <v>42</v>
      </c>
      <c r="CS6" s="152">
        <v>43</v>
      </c>
      <c r="CT6" s="152">
        <v>35</v>
      </c>
      <c r="CU6" s="152">
        <v>19</v>
      </c>
      <c r="CV6" s="157">
        <v>163</v>
      </c>
      <c r="CW6" s="156">
        <v>166</v>
      </c>
      <c r="CX6" s="151">
        <v>0</v>
      </c>
      <c r="CY6" s="152">
        <v>0</v>
      </c>
      <c r="CZ6" s="157">
        <v>0</v>
      </c>
      <c r="DA6" s="154">
        <v>0</v>
      </c>
      <c r="DB6" s="152">
        <v>0</v>
      </c>
      <c r="DC6" s="152">
        <v>0</v>
      </c>
      <c r="DD6" s="152">
        <v>0</v>
      </c>
      <c r="DE6" s="152">
        <v>0</v>
      </c>
      <c r="DF6" s="152">
        <v>0</v>
      </c>
      <c r="DG6" s="157">
        <v>0</v>
      </c>
      <c r="DH6" s="156">
        <v>0</v>
      </c>
      <c r="DI6" s="151">
        <v>0</v>
      </c>
      <c r="DJ6" s="152">
        <v>0</v>
      </c>
      <c r="DK6" s="157">
        <v>0</v>
      </c>
      <c r="DL6" s="154">
        <v>0</v>
      </c>
      <c r="DM6" s="152">
        <v>0</v>
      </c>
      <c r="DN6" s="152">
        <v>0</v>
      </c>
      <c r="DO6" s="152">
        <v>0</v>
      </c>
      <c r="DP6" s="152">
        <v>0</v>
      </c>
      <c r="DQ6" s="152">
        <v>0</v>
      </c>
      <c r="DR6" s="157">
        <v>0</v>
      </c>
      <c r="DS6" s="156">
        <v>0</v>
      </c>
      <c r="DT6" s="151">
        <v>705</v>
      </c>
      <c r="DU6" s="152">
        <v>1474</v>
      </c>
      <c r="DV6" s="157">
        <v>2179</v>
      </c>
      <c r="DW6" s="154">
        <v>0</v>
      </c>
      <c r="DX6" s="152">
        <v>1923</v>
      </c>
      <c r="DY6" s="152">
        <v>3338</v>
      </c>
      <c r="DZ6" s="152">
        <v>1838</v>
      </c>
      <c r="EA6" s="152">
        <v>1231</v>
      </c>
      <c r="EB6" s="152">
        <v>706</v>
      </c>
      <c r="EC6" s="157">
        <v>9036</v>
      </c>
      <c r="ED6" s="156">
        <v>11215</v>
      </c>
      <c r="EE6" s="151">
        <v>173</v>
      </c>
      <c r="EF6" s="152">
        <v>136</v>
      </c>
      <c r="EG6" s="157">
        <v>309</v>
      </c>
      <c r="EH6" s="154">
        <v>0</v>
      </c>
      <c r="EI6" s="152">
        <v>603</v>
      </c>
      <c r="EJ6" s="152">
        <v>580</v>
      </c>
      <c r="EK6" s="152">
        <v>446</v>
      </c>
      <c r="EL6" s="152">
        <v>505</v>
      </c>
      <c r="EM6" s="152">
        <v>238</v>
      </c>
      <c r="EN6" s="157">
        <v>2372</v>
      </c>
      <c r="EO6" s="156">
        <v>2681</v>
      </c>
      <c r="EP6" s="151">
        <v>995</v>
      </c>
      <c r="EQ6" s="152">
        <v>1836</v>
      </c>
      <c r="ER6" s="157">
        <v>2831</v>
      </c>
      <c r="ES6" s="154">
        <v>0</v>
      </c>
      <c r="ET6" s="152">
        <v>4406</v>
      </c>
      <c r="EU6" s="152">
        <v>4542</v>
      </c>
      <c r="EV6" s="152">
        <v>2208</v>
      </c>
      <c r="EW6" s="152">
        <v>1324</v>
      </c>
      <c r="EX6" s="152">
        <v>708</v>
      </c>
      <c r="EY6" s="157">
        <v>13188</v>
      </c>
      <c r="EZ6" s="156">
        <v>16019</v>
      </c>
    </row>
    <row r="7" spans="2:156" ht="21" customHeight="1" x14ac:dyDescent="0.2">
      <c r="B7" s="158" t="s">
        <v>5</v>
      </c>
      <c r="C7" s="159">
        <v>0</v>
      </c>
      <c r="D7" s="160">
        <v>0</v>
      </c>
      <c r="E7" s="161">
        <v>0</v>
      </c>
      <c r="F7" s="162">
        <v>0</v>
      </c>
      <c r="G7" s="160">
        <v>501</v>
      </c>
      <c r="H7" s="160">
        <v>708</v>
      </c>
      <c r="I7" s="160">
        <v>352</v>
      </c>
      <c r="J7" s="160">
        <v>260</v>
      </c>
      <c r="K7" s="160">
        <v>153</v>
      </c>
      <c r="L7" s="163">
        <v>1974</v>
      </c>
      <c r="M7" s="164">
        <v>1974</v>
      </c>
      <c r="N7" s="159">
        <v>0</v>
      </c>
      <c r="O7" s="160">
        <v>0</v>
      </c>
      <c r="P7" s="165">
        <v>0</v>
      </c>
      <c r="Q7" s="162">
        <v>0</v>
      </c>
      <c r="R7" s="160">
        <v>1</v>
      </c>
      <c r="S7" s="160">
        <v>16</v>
      </c>
      <c r="T7" s="160">
        <v>26</v>
      </c>
      <c r="U7" s="160">
        <v>55</v>
      </c>
      <c r="V7" s="160">
        <v>72</v>
      </c>
      <c r="W7" s="165">
        <v>170</v>
      </c>
      <c r="X7" s="164">
        <v>170</v>
      </c>
      <c r="Y7" s="159">
        <v>89</v>
      </c>
      <c r="Z7" s="160">
        <v>243</v>
      </c>
      <c r="AA7" s="165">
        <v>332</v>
      </c>
      <c r="AB7" s="162">
        <v>0</v>
      </c>
      <c r="AC7" s="160">
        <v>390</v>
      </c>
      <c r="AD7" s="160">
        <v>765</v>
      </c>
      <c r="AE7" s="160">
        <v>401</v>
      </c>
      <c r="AF7" s="160">
        <v>306</v>
      </c>
      <c r="AG7" s="160">
        <v>156</v>
      </c>
      <c r="AH7" s="165">
        <v>2018</v>
      </c>
      <c r="AI7" s="164">
        <v>2350</v>
      </c>
      <c r="AJ7" s="159">
        <v>8</v>
      </c>
      <c r="AK7" s="160">
        <v>24</v>
      </c>
      <c r="AL7" s="165">
        <v>32</v>
      </c>
      <c r="AM7" s="162">
        <v>0</v>
      </c>
      <c r="AN7" s="160">
        <v>21</v>
      </c>
      <c r="AO7" s="160">
        <v>43</v>
      </c>
      <c r="AP7" s="160">
        <v>37</v>
      </c>
      <c r="AQ7" s="160">
        <v>19</v>
      </c>
      <c r="AR7" s="160">
        <v>16</v>
      </c>
      <c r="AS7" s="165">
        <v>136</v>
      </c>
      <c r="AT7" s="164">
        <v>168</v>
      </c>
      <c r="AU7" s="159">
        <v>115</v>
      </c>
      <c r="AV7" s="160">
        <v>221</v>
      </c>
      <c r="AW7" s="165">
        <v>336</v>
      </c>
      <c r="AX7" s="162">
        <v>0</v>
      </c>
      <c r="AY7" s="160">
        <v>553</v>
      </c>
      <c r="AZ7" s="160">
        <v>876</v>
      </c>
      <c r="BA7" s="160">
        <v>655</v>
      </c>
      <c r="BB7" s="160">
        <v>616</v>
      </c>
      <c r="BC7" s="160">
        <v>356</v>
      </c>
      <c r="BD7" s="163">
        <v>3056</v>
      </c>
      <c r="BE7" s="164">
        <v>3392</v>
      </c>
      <c r="BF7" s="159">
        <v>0</v>
      </c>
      <c r="BG7" s="160">
        <v>0</v>
      </c>
      <c r="BH7" s="165">
        <v>0</v>
      </c>
      <c r="BI7" s="162">
        <v>0</v>
      </c>
      <c r="BJ7" s="160">
        <v>586</v>
      </c>
      <c r="BK7" s="160">
        <v>634</v>
      </c>
      <c r="BL7" s="160">
        <v>309</v>
      </c>
      <c r="BM7" s="160">
        <v>131</v>
      </c>
      <c r="BN7" s="160">
        <v>80</v>
      </c>
      <c r="BO7" s="165">
        <v>1740</v>
      </c>
      <c r="BP7" s="164">
        <v>1740</v>
      </c>
      <c r="BQ7" s="159">
        <v>64</v>
      </c>
      <c r="BR7" s="160">
        <v>96</v>
      </c>
      <c r="BS7" s="165">
        <v>160</v>
      </c>
      <c r="BT7" s="162">
        <v>0</v>
      </c>
      <c r="BU7" s="160">
        <v>136</v>
      </c>
      <c r="BV7" s="160">
        <v>250</v>
      </c>
      <c r="BW7" s="160">
        <v>151</v>
      </c>
      <c r="BX7" s="160">
        <v>75</v>
      </c>
      <c r="BY7" s="160">
        <v>19</v>
      </c>
      <c r="BZ7" s="165">
        <v>631</v>
      </c>
      <c r="CA7" s="164">
        <v>791</v>
      </c>
      <c r="CB7" s="159">
        <v>4</v>
      </c>
      <c r="CC7" s="160">
        <v>6</v>
      </c>
      <c r="CD7" s="165">
        <v>10</v>
      </c>
      <c r="CE7" s="162">
        <v>0</v>
      </c>
      <c r="CF7" s="160">
        <v>51</v>
      </c>
      <c r="CG7" s="160">
        <v>94</v>
      </c>
      <c r="CH7" s="160">
        <v>140</v>
      </c>
      <c r="CI7" s="160">
        <v>79</v>
      </c>
      <c r="CJ7" s="160">
        <v>41</v>
      </c>
      <c r="CK7" s="165">
        <v>405</v>
      </c>
      <c r="CL7" s="164">
        <v>415</v>
      </c>
      <c r="CM7" s="159">
        <v>0</v>
      </c>
      <c r="CN7" s="160">
        <v>2</v>
      </c>
      <c r="CO7" s="165">
        <v>2</v>
      </c>
      <c r="CP7" s="162">
        <v>0</v>
      </c>
      <c r="CQ7" s="160">
        <v>12</v>
      </c>
      <c r="CR7" s="160">
        <v>19</v>
      </c>
      <c r="CS7" s="160">
        <v>27</v>
      </c>
      <c r="CT7" s="160">
        <v>18</v>
      </c>
      <c r="CU7" s="160">
        <v>12</v>
      </c>
      <c r="CV7" s="165">
        <v>88</v>
      </c>
      <c r="CW7" s="164">
        <v>90</v>
      </c>
      <c r="CX7" s="159">
        <v>0</v>
      </c>
      <c r="CY7" s="160">
        <v>0</v>
      </c>
      <c r="CZ7" s="165">
        <v>0</v>
      </c>
      <c r="DA7" s="162">
        <v>0</v>
      </c>
      <c r="DB7" s="160">
        <v>0</v>
      </c>
      <c r="DC7" s="160">
        <v>0</v>
      </c>
      <c r="DD7" s="160">
        <v>0</v>
      </c>
      <c r="DE7" s="160">
        <v>0</v>
      </c>
      <c r="DF7" s="160">
        <v>0</v>
      </c>
      <c r="DG7" s="165">
        <v>0</v>
      </c>
      <c r="DH7" s="164">
        <v>0</v>
      </c>
      <c r="DI7" s="159">
        <v>0</v>
      </c>
      <c r="DJ7" s="160">
        <v>0</v>
      </c>
      <c r="DK7" s="165">
        <v>0</v>
      </c>
      <c r="DL7" s="162">
        <v>0</v>
      </c>
      <c r="DM7" s="160">
        <v>0</v>
      </c>
      <c r="DN7" s="160">
        <v>0</v>
      </c>
      <c r="DO7" s="160">
        <v>0</v>
      </c>
      <c r="DP7" s="160">
        <v>0</v>
      </c>
      <c r="DQ7" s="160">
        <v>0</v>
      </c>
      <c r="DR7" s="165">
        <v>0</v>
      </c>
      <c r="DS7" s="164">
        <v>0</v>
      </c>
      <c r="DT7" s="159">
        <v>216</v>
      </c>
      <c r="DU7" s="160">
        <v>698</v>
      </c>
      <c r="DV7" s="165">
        <v>914</v>
      </c>
      <c r="DW7" s="162">
        <v>0</v>
      </c>
      <c r="DX7" s="160">
        <v>596</v>
      </c>
      <c r="DY7" s="160">
        <v>1552</v>
      </c>
      <c r="DZ7" s="160">
        <v>830</v>
      </c>
      <c r="EA7" s="160">
        <v>555</v>
      </c>
      <c r="EB7" s="160">
        <v>302</v>
      </c>
      <c r="EC7" s="165">
        <v>3835</v>
      </c>
      <c r="ED7" s="164">
        <v>4749</v>
      </c>
      <c r="EE7" s="159">
        <v>67</v>
      </c>
      <c r="EF7" s="160">
        <v>68</v>
      </c>
      <c r="EG7" s="165">
        <v>135</v>
      </c>
      <c r="EH7" s="162">
        <v>0</v>
      </c>
      <c r="EI7" s="160">
        <v>228</v>
      </c>
      <c r="EJ7" s="160">
        <v>271</v>
      </c>
      <c r="EK7" s="160">
        <v>212</v>
      </c>
      <c r="EL7" s="160">
        <v>226</v>
      </c>
      <c r="EM7" s="160">
        <v>112</v>
      </c>
      <c r="EN7" s="165">
        <v>1049</v>
      </c>
      <c r="EO7" s="164">
        <v>1184</v>
      </c>
      <c r="EP7" s="159">
        <v>359</v>
      </c>
      <c r="EQ7" s="160">
        <v>883</v>
      </c>
      <c r="ER7" s="165">
        <v>1242</v>
      </c>
      <c r="ES7" s="162">
        <v>0</v>
      </c>
      <c r="ET7" s="160">
        <v>1559</v>
      </c>
      <c r="EU7" s="160">
        <v>2119</v>
      </c>
      <c r="EV7" s="160">
        <v>1024</v>
      </c>
      <c r="EW7" s="160">
        <v>603</v>
      </c>
      <c r="EX7" s="160">
        <v>309</v>
      </c>
      <c r="EY7" s="165">
        <v>5614</v>
      </c>
      <c r="EZ7" s="164">
        <v>6856</v>
      </c>
    </row>
    <row r="8" spans="2:156" ht="21" customHeight="1" x14ac:dyDescent="0.2">
      <c r="B8" s="166" t="s">
        <v>6</v>
      </c>
      <c r="C8" s="159">
        <v>0</v>
      </c>
      <c r="D8" s="160">
        <v>0</v>
      </c>
      <c r="E8" s="161">
        <v>0</v>
      </c>
      <c r="F8" s="162">
        <v>0</v>
      </c>
      <c r="G8" s="160">
        <v>162</v>
      </c>
      <c r="H8" s="160">
        <v>155</v>
      </c>
      <c r="I8" s="160">
        <v>81</v>
      </c>
      <c r="J8" s="160">
        <v>67</v>
      </c>
      <c r="K8" s="160">
        <v>43</v>
      </c>
      <c r="L8" s="163">
        <v>508</v>
      </c>
      <c r="M8" s="164">
        <v>508</v>
      </c>
      <c r="N8" s="159">
        <v>0</v>
      </c>
      <c r="O8" s="160">
        <v>0</v>
      </c>
      <c r="P8" s="165">
        <v>0</v>
      </c>
      <c r="Q8" s="162">
        <v>0</v>
      </c>
      <c r="R8" s="160">
        <v>1</v>
      </c>
      <c r="S8" s="160">
        <v>3</v>
      </c>
      <c r="T8" s="160">
        <v>4</v>
      </c>
      <c r="U8" s="160">
        <v>7</v>
      </c>
      <c r="V8" s="160">
        <v>17</v>
      </c>
      <c r="W8" s="165">
        <v>32</v>
      </c>
      <c r="X8" s="164">
        <v>32</v>
      </c>
      <c r="Y8" s="159">
        <v>29</v>
      </c>
      <c r="Z8" s="160">
        <v>56</v>
      </c>
      <c r="AA8" s="165">
        <v>85</v>
      </c>
      <c r="AB8" s="162">
        <v>0</v>
      </c>
      <c r="AC8" s="160">
        <v>158</v>
      </c>
      <c r="AD8" s="160">
        <v>165</v>
      </c>
      <c r="AE8" s="160">
        <v>91</v>
      </c>
      <c r="AF8" s="160">
        <v>67</v>
      </c>
      <c r="AG8" s="160">
        <v>47</v>
      </c>
      <c r="AH8" s="165">
        <v>528</v>
      </c>
      <c r="AI8" s="164">
        <v>613</v>
      </c>
      <c r="AJ8" s="159">
        <v>5</v>
      </c>
      <c r="AK8" s="160">
        <v>2</v>
      </c>
      <c r="AL8" s="165">
        <v>7</v>
      </c>
      <c r="AM8" s="162">
        <v>0</v>
      </c>
      <c r="AN8" s="160">
        <v>12</v>
      </c>
      <c r="AO8" s="160">
        <v>14</v>
      </c>
      <c r="AP8" s="160">
        <v>7</v>
      </c>
      <c r="AQ8" s="160">
        <v>1</v>
      </c>
      <c r="AR8" s="160">
        <v>6</v>
      </c>
      <c r="AS8" s="165">
        <v>40</v>
      </c>
      <c r="AT8" s="164">
        <v>47</v>
      </c>
      <c r="AU8" s="159">
        <v>49</v>
      </c>
      <c r="AV8" s="160">
        <v>48</v>
      </c>
      <c r="AW8" s="165">
        <v>97</v>
      </c>
      <c r="AX8" s="162">
        <v>0</v>
      </c>
      <c r="AY8" s="160">
        <v>257</v>
      </c>
      <c r="AZ8" s="160">
        <v>238</v>
      </c>
      <c r="BA8" s="160">
        <v>196</v>
      </c>
      <c r="BB8" s="160">
        <v>172</v>
      </c>
      <c r="BC8" s="160">
        <v>123</v>
      </c>
      <c r="BD8" s="163">
        <v>986</v>
      </c>
      <c r="BE8" s="164">
        <v>1083</v>
      </c>
      <c r="BF8" s="159">
        <v>0</v>
      </c>
      <c r="BG8" s="160">
        <v>0</v>
      </c>
      <c r="BH8" s="165">
        <v>0</v>
      </c>
      <c r="BI8" s="162">
        <v>0</v>
      </c>
      <c r="BJ8" s="160">
        <v>249</v>
      </c>
      <c r="BK8" s="160">
        <v>201</v>
      </c>
      <c r="BL8" s="160">
        <v>84</v>
      </c>
      <c r="BM8" s="160">
        <v>44</v>
      </c>
      <c r="BN8" s="160">
        <v>13</v>
      </c>
      <c r="BO8" s="165">
        <v>591</v>
      </c>
      <c r="BP8" s="164">
        <v>591</v>
      </c>
      <c r="BQ8" s="159">
        <v>14</v>
      </c>
      <c r="BR8" s="160">
        <v>10</v>
      </c>
      <c r="BS8" s="165">
        <v>24</v>
      </c>
      <c r="BT8" s="162">
        <v>0</v>
      </c>
      <c r="BU8" s="160">
        <v>49</v>
      </c>
      <c r="BV8" s="160">
        <v>58</v>
      </c>
      <c r="BW8" s="160">
        <v>31</v>
      </c>
      <c r="BX8" s="160">
        <v>22</v>
      </c>
      <c r="BY8" s="160">
        <v>10</v>
      </c>
      <c r="BZ8" s="165">
        <v>170</v>
      </c>
      <c r="CA8" s="164">
        <v>194</v>
      </c>
      <c r="CB8" s="159">
        <v>0</v>
      </c>
      <c r="CC8" s="160">
        <v>0</v>
      </c>
      <c r="CD8" s="165">
        <v>0</v>
      </c>
      <c r="CE8" s="162">
        <v>0</v>
      </c>
      <c r="CF8" s="160">
        <v>19</v>
      </c>
      <c r="CG8" s="160">
        <v>35</v>
      </c>
      <c r="CH8" s="160">
        <v>30</v>
      </c>
      <c r="CI8" s="160">
        <v>16</v>
      </c>
      <c r="CJ8" s="160">
        <v>5</v>
      </c>
      <c r="CK8" s="165">
        <v>105</v>
      </c>
      <c r="CL8" s="164">
        <v>105</v>
      </c>
      <c r="CM8" s="159">
        <v>0</v>
      </c>
      <c r="CN8" s="160">
        <v>0</v>
      </c>
      <c r="CO8" s="165">
        <v>0</v>
      </c>
      <c r="CP8" s="162">
        <v>0</v>
      </c>
      <c r="CQ8" s="160">
        <v>3</v>
      </c>
      <c r="CR8" s="160">
        <v>6</v>
      </c>
      <c r="CS8" s="160">
        <v>5</v>
      </c>
      <c r="CT8" s="160">
        <v>9</v>
      </c>
      <c r="CU8" s="160">
        <v>3</v>
      </c>
      <c r="CV8" s="165">
        <v>26</v>
      </c>
      <c r="CW8" s="164">
        <v>26</v>
      </c>
      <c r="CX8" s="159">
        <v>0</v>
      </c>
      <c r="CY8" s="160">
        <v>0</v>
      </c>
      <c r="CZ8" s="165">
        <v>0</v>
      </c>
      <c r="DA8" s="162">
        <v>0</v>
      </c>
      <c r="DB8" s="160">
        <v>0</v>
      </c>
      <c r="DC8" s="160">
        <v>0</v>
      </c>
      <c r="DD8" s="160">
        <v>0</v>
      </c>
      <c r="DE8" s="160">
        <v>0</v>
      </c>
      <c r="DF8" s="160">
        <v>0</v>
      </c>
      <c r="DG8" s="165">
        <v>0</v>
      </c>
      <c r="DH8" s="164">
        <v>0</v>
      </c>
      <c r="DI8" s="159">
        <v>0</v>
      </c>
      <c r="DJ8" s="160">
        <v>0</v>
      </c>
      <c r="DK8" s="165">
        <v>0</v>
      </c>
      <c r="DL8" s="162">
        <v>0</v>
      </c>
      <c r="DM8" s="160">
        <v>0</v>
      </c>
      <c r="DN8" s="160">
        <v>0</v>
      </c>
      <c r="DO8" s="160">
        <v>0</v>
      </c>
      <c r="DP8" s="160">
        <v>0</v>
      </c>
      <c r="DQ8" s="160">
        <v>0</v>
      </c>
      <c r="DR8" s="165">
        <v>0</v>
      </c>
      <c r="DS8" s="164">
        <v>0</v>
      </c>
      <c r="DT8" s="159">
        <v>92</v>
      </c>
      <c r="DU8" s="160">
        <v>164</v>
      </c>
      <c r="DV8" s="165">
        <v>256</v>
      </c>
      <c r="DW8" s="162">
        <v>0</v>
      </c>
      <c r="DX8" s="160">
        <v>288</v>
      </c>
      <c r="DY8" s="160">
        <v>372</v>
      </c>
      <c r="DZ8" s="160">
        <v>207</v>
      </c>
      <c r="EA8" s="160">
        <v>151</v>
      </c>
      <c r="EB8" s="160">
        <v>92</v>
      </c>
      <c r="EC8" s="165">
        <v>1110</v>
      </c>
      <c r="ED8" s="164">
        <v>1366</v>
      </c>
      <c r="EE8" s="159">
        <v>31</v>
      </c>
      <c r="EF8" s="160">
        <v>13</v>
      </c>
      <c r="EG8" s="165">
        <v>44</v>
      </c>
      <c r="EH8" s="162">
        <v>0</v>
      </c>
      <c r="EI8" s="160">
        <v>96</v>
      </c>
      <c r="EJ8" s="160">
        <v>74</v>
      </c>
      <c r="EK8" s="160">
        <v>54</v>
      </c>
      <c r="EL8" s="160">
        <v>65</v>
      </c>
      <c r="EM8" s="160">
        <v>35</v>
      </c>
      <c r="EN8" s="165">
        <v>324</v>
      </c>
      <c r="EO8" s="164">
        <v>368</v>
      </c>
      <c r="EP8" s="159">
        <v>125</v>
      </c>
      <c r="EQ8" s="160">
        <v>192</v>
      </c>
      <c r="ER8" s="165">
        <v>317</v>
      </c>
      <c r="ES8" s="162">
        <v>0</v>
      </c>
      <c r="ET8" s="160">
        <v>611</v>
      </c>
      <c r="EU8" s="160">
        <v>509</v>
      </c>
      <c r="EV8" s="160">
        <v>237</v>
      </c>
      <c r="EW8" s="160">
        <v>158</v>
      </c>
      <c r="EX8" s="160">
        <v>92</v>
      </c>
      <c r="EY8" s="165">
        <v>1607</v>
      </c>
      <c r="EZ8" s="164">
        <v>1924</v>
      </c>
    </row>
    <row r="9" spans="2:156" ht="21" customHeight="1" x14ac:dyDescent="0.2">
      <c r="B9" s="166" t="s">
        <v>14</v>
      </c>
      <c r="C9" s="159">
        <v>0</v>
      </c>
      <c r="D9" s="160">
        <v>0</v>
      </c>
      <c r="E9" s="161">
        <v>0</v>
      </c>
      <c r="F9" s="162">
        <v>0</v>
      </c>
      <c r="G9" s="160">
        <v>62</v>
      </c>
      <c r="H9" s="160">
        <v>108</v>
      </c>
      <c r="I9" s="160">
        <v>54</v>
      </c>
      <c r="J9" s="160">
        <v>32</v>
      </c>
      <c r="K9" s="160">
        <v>33</v>
      </c>
      <c r="L9" s="163">
        <v>289</v>
      </c>
      <c r="M9" s="164">
        <v>289</v>
      </c>
      <c r="N9" s="159">
        <v>0</v>
      </c>
      <c r="O9" s="160">
        <v>0</v>
      </c>
      <c r="P9" s="165">
        <v>0</v>
      </c>
      <c r="Q9" s="162">
        <v>0</v>
      </c>
      <c r="R9" s="160">
        <v>0</v>
      </c>
      <c r="S9" s="160">
        <v>1</v>
      </c>
      <c r="T9" s="160">
        <v>3</v>
      </c>
      <c r="U9" s="160">
        <v>5</v>
      </c>
      <c r="V9" s="160">
        <v>6</v>
      </c>
      <c r="W9" s="165">
        <v>15</v>
      </c>
      <c r="X9" s="164">
        <v>15</v>
      </c>
      <c r="Y9" s="159">
        <v>14</v>
      </c>
      <c r="Z9" s="160">
        <v>38</v>
      </c>
      <c r="AA9" s="165">
        <v>52</v>
      </c>
      <c r="AB9" s="162">
        <v>0</v>
      </c>
      <c r="AC9" s="160">
        <v>49</v>
      </c>
      <c r="AD9" s="160">
        <v>116</v>
      </c>
      <c r="AE9" s="160">
        <v>60</v>
      </c>
      <c r="AF9" s="160">
        <v>36</v>
      </c>
      <c r="AG9" s="160">
        <v>27</v>
      </c>
      <c r="AH9" s="165">
        <v>288</v>
      </c>
      <c r="AI9" s="164">
        <v>340</v>
      </c>
      <c r="AJ9" s="159">
        <v>2</v>
      </c>
      <c r="AK9" s="160">
        <v>1</v>
      </c>
      <c r="AL9" s="165">
        <v>3</v>
      </c>
      <c r="AM9" s="162">
        <v>0</v>
      </c>
      <c r="AN9" s="160">
        <v>2</v>
      </c>
      <c r="AO9" s="160">
        <v>3</v>
      </c>
      <c r="AP9" s="160">
        <v>4</v>
      </c>
      <c r="AQ9" s="160">
        <v>3</v>
      </c>
      <c r="AR9" s="160">
        <v>0</v>
      </c>
      <c r="AS9" s="165">
        <v>12</v>
      </c>
      <c r="AT9" s="164">
        <v>15</v>
      </c>
      <c r="AU9" s="159">
        <v>26</v>
      </c>
      <c r="AV9" s="160">
        <v>26</v>
      </c>
      <c r="AW9" s="165">
        <v>52</v>
      </c>
      <c r="AX9" s="162">
        <v>0</v>
      </c>
      <c r="AY9" s="160">
        <v>94</v>
      </c>
      <c r="AZ9" s="160">
        <v>140</v>
      </c>
      <c r="BA9" s="160">
        <v>111</v>
      </c>
      <c r="BB9" s="160">
        <v>89</v>
      </c>
      <c r="BC9" s="160">
        <v>66</v>
      </c>
      <c r="BD9" s="163">
        <v>500</v>
      </c>
      <c r="BE9" s="164">
        <v>552</v>
      </c>
      <c r="BF9" s="159">
        <v>0</v>
      </c>
      <c r="BG9" s="160">
        <v>0</v>
      </c>
      <c r="BH9" s="165">
        <v>0</v>
      </c>
      <c r="BI9" s="162">
        <v>0</v>
      </c>
      <c r="BJ9" s="160">
        <v>111</v>
      </c>
      <c r="BK9" s="160">
        <v>139</v>
      </c>
      <c r="BL9" s="160">
        <v>82</v>
      </c>
      <c r="BM9" s="160">
        <v>37</v>
      </c>
      <c r="BN9" s="160">
        <v>11</v>
      </c>
      <c r="BO9" s="165">
        <v>380</v>
      </c>
      <c r="BP9" s="164">
        <v>380</v>
      </c>
      <c r="BQ9" s="159">
        <v>6</v>
      </c>
      <c r="BR9" s="160">
        <v>10</v>
      </c>
      <c r="BS9" s="165">
        <v>16</v>
      </c>
      <c r="BT9" s="162">
        <v>0</v>
      </c>
      <c r="BU9" s="160">
        <v>9</v>
      </c>
      <c r="BV9" s="160">
        <v>28</v>
      </c>
      <c r="BW9" s="160">
        <v>14</v>
      </c>
      <c r="BX9" s="160">
        <v>11</v>
      </c>
      <c r="BY9" s="160">
        <v>3</v>
      </c>
      <c r="BZ9" s="165">
        <v>65</v>
      </c>
      <c r="CA9" s="164">
        <v>81</v>
      </c>
      <c r="CB9" s="159">
        <v>0</v>
      </c>
      <c r="CC9" s="160">
        <v>0</v>
      </c>
      <c r="CD9" s="165">
        <v>0</v>
      </c>
      <c r="CE9" s="162">
        <v>0</v>
      </c>
      <c r="CF9" s="160">
        <v>9</v>
      </c>
      <c r="CG9" s="160">
        <v>23</v>
      </c>
      <c r="CH9" s="160">
        <v>23</v>
      </c>
      <c r="CI9" s="160">
        <v>21</v>
      </c>
      <c r="CJ9" s="160">
        <v>4</v>
      </c>
      <c r="CK9" s="165">
        <v>80</v>
      </c>
      <c r="CL9" s="164">
        <v>80</v>
      </c>
      <c r="CM9" s="159">
        <v>0</v>
      </c>
      <c r="CN9" s="160">
        <v>0</v>
      </c>
      <c r="CO9" s="165">
        <v>0</v>
      </c>
      <c r="CP9" s="162">
        <v>0</v>
      </c>
      <c r="CQ9" s="160">
        <v>0</v>
      </c>
      <c r="CR9" s="160">
        <v>1</v>
      </c>
      <c r="CS9" s="160">
        <v>1</v>
      </c>
      <c r="CT9" s="160">
        <v>0</v>
      </c>
      <c r="CU9" s="160">
        <v>1</v>
      </c>
      <c r="CV9" s="165">
        <v>3</v>
      </c>
      <c r="CW9" s="164">
        <v>3</v>
      </c>
      <c r="CX9" s="159">
        <v>0</v>
      </c>
      <c r="CY9" s="160">
        <v>0</v>
      </c>
      <c r="CZ9" s="165">
        <v>0</v>
      </c>
      <c r="DA9" s="162">
        <v>0</v>
      </c>
      <c r="DB9" s="160">
        <v>0</v>
      </c>
      <c r="DC9" s="160">
        <v>0</v>
      </c>
      <c r="DD9" s="160">
        <v>0</v>
      </c>
      <c r="DE9" s="160">
        <v>0</v>
      </c>
      <c r="DF9" s="160">
        <v>0</v>
      </c>
      <c r="DG9" s="165">
        <v>0</v>
      </c>
      <c r="DH9" s="164">
        <v>0</v>
      </c>
      <c r="DI9" s="159">
        <v>0</v>
      </c>
      <c r="DJ9" s="160">
        <v>0</v>
      </c>
      <c r="DK9" s="165">
        <v>0</v>
      </c>
      <c r="DL9" s="162">
        <v>0</v>
      </c>
      <c r="DM9" s="160">
        <v>0</v>
      </c>
      <c r="DN9" s="160">
        <v>0</v>
      </c>
      <c r="DO9" s="160">
        <v>0</v>
      </c>
      <c r="DP9" s="160">
        <v>0</v>
      </c>
      <c r="DQ9" s="160">
        <v>0</v>
      </c>
      <c r="DR9" s="165">
        <v>0</v>
      </c>
      <c r="DS9" s="164">
        <v>0</v>
      </c>
      <c r="DT9" s="159">
        <v>46</v>
      </c>
      <c r="DU9" s="160">
        <v>122</v>
      </c>
      <c r="DV9" s="165">
        <v>168</v>
      </c>
      <c r="DW9" s="162">
        <v>0</v>
      </c>
      <c r="DX9" s="160">
        <v>108</v>
      </c>
      <c r="DY9" s="160">
        <v>268</v>
      </c>
      <c r="DZ9" s="160">
        <v>156</v>
      </c>
      <c r="EA9" s="160">
        <v>99</v>
      </c>
      <c r="EB9" s="160">
        <v>59</v>
      </c>
      <c r="EC9" s="165">
        <v>690</v>
      </c>
      <c r="ED9" s="164">
        <v>858</v>
      </c>
      <c r="EE9" s="159">
        <v>11</v>
      </c>
      <c r="EF9" s="160">
        <v>5</v>
      </c>
      <c r="EG9" s="165">
        <v>16</v>
      </c>
      <c r="EH9" s="162">
        <v>0</v>
      </c>
      <c r="EI9" s="160">
        <v>27</v>
      </c>
      <c r="EJ9" s="160">
        <v>35</v>
      </c>
      <c r="EK9" s="160">
        <v>31</v>
      </c>
      <c r="EL9" s="160">
        <v>19</v>
      </c>
      <c r="EM9" s="160">
        <v>11</v>
      </c>
      <c r="EN9" s="165">
        <v>123</v>
      </c>
      <c r="EO9" s="164">
        <v>139</v>
      </c>
      <c r="EP9" s="159">
        <v>64</v>
      </c>
      <c r="EQ9" s="160">
        <v>147</v>
      </c>
      <c r="ER9" s="165">
        <v>211</v>
      </c>
      <c r="ES9" s="162">
        <v>0</v>
      </c>
      <c r="ET9" s="160">
        <v>275</v>
      </c>
      <c r="EU9" s="160">
        <v>365</v>
      </c>
      <c r="EV9" s="160">
        <v>187</v>
      </c>
      <c r="EW9" s="160">
        <v>105</v>
      </c>
      <c r="EX9" s="160">
        <v>56</v>
      </c>
      <c r="EY9" s="165">
        <v>988</v>
      </c>
      <c r="EZ9" s="164">
        <v>1199</v>
      </c>
    </row>
    <row r="10" spans="2:156" ht="21" customHeight="1" x14ac:dyDescent="0.2">
      <c r="B10" s="166" t="s">
        <v>7</v>
      </c>
      <c r="C10" s="159">
        <v>0</v>
      </c>
      <c r="D10" s="160">
        <v>0</v>
      </c>
      <c r="E10" s="161">
        <v>0</v>
      </c>
      <c r="F10" s="162">
        <v>0</v>
      </c>
      <c r="G10" s="160">
        <v>107</v>
      </c>
      <c r="H10" s="160">
        <v>86</v>
      </c>
      <c r="I10" s="160">
        <v>32</v>
      </c>
      <c r="J10" s="160">
        <v>25</v>
      </c>
      <c r="K10" s="160">
        <v>23</v>
      </c>
      <c r="L10" s="163">
        <v>273</v>
      </c>
      <c r="M10" s="164">
        <v>273</v>
      </c>
      <c r="N10" s="159">
        <v>0</v>
      </c>
      <c r="O10" s="160">
        <v>0</v>
      </c>
      <c r="P10" s="165">
        <v>0</v>
      </c>
      <c r="Q10" s="162">
        <v>0</v>
      </c>
      <c r="R10" s="160">
        <v>3</v>
      </c>
      <c r="S10" s="160">
        <v>8</v>
      </c>
      <c r="T10" s="160">
        <v>5</v>
      </c>
      <c r="U10" s="160">
        <v>10</v>
      </c>
      <c r="V10" s="160">
        <v>11</v>
      </c>
      <c r="W10" s="165">
        <v>37</v>
      </c>
      <c r="X10" s="164">
        <v>37</v>
      </c>
      <c r="Y10" s="159">
        <v>0</v>
      </c>
      <c r="Z10" s="160">
        <v>2</v>
      </c>
      <c r="AA10" s="165">
        <v>2</v>
      </c>
      <c r="AB10" s="162">
        <v>0</v>
      </c>
      <c r="AC10" s="160">
        <v>48</v>
      </c>
      <c r="AD10" s="160">
        <v>54</v>
      </c>
      <c r="AE10" s="160">
        <v>23</v>
      </c>
      <c r="AF10" s="160">
        <v>17</v>
      </c>
      <c r="AG10" s="160">
        <v>20</v>
      </c>
      <c r="AH10" s="165">
        <v>162</v>
      </c>
      <c r="AI10" s="164">
        <v>164</v>
      </c>
      <c r="AJ10" s="159">
        <v>0</v>
      </c>
      <c r="AK10" s="160">
        <v>1</v>
      </c>
      <c r="AL10" s="165">
        <v>1</v>
      </c>
      <c r="AM10" s="162">
        <v>0</v>
      </c>
      <c r="AN10" s="160">
        <v>10</v>
      </c>
      <c r="AO10" s="160">
        <v>8</v>
      </c>
      <c r="AP10" s="160">
        <v>5</v>
      </c>
      <c r="AQ10" s="160">
        <v>3</v>
      </c>
      <c r="AR10" s="160">
        <v>1</v>
      </c>
      <c r="AS10" s="165">
        <v>27</v>
      </c>
      <c r="AT10" s="164">
        <v>28</v>
      </c>
      <c r="AU10" s="159">
        <v>32</v>
      </c>
      <c r="AV10" s="160">
        <v>15</v>
      </c>
      <c r="AW10" s="165">
        <v>47</v>
      </c>
      <c r="AX10" s="162">
        <v>0</v>
      </c>
      <c r="AY10" s="160">
        <v>132</v>
      </c>
      <c r="AZ10" s="160">
        <v>131</v>
      </c>
      <c r="BA10" s="160">
        <v>79</v>
      </c>
      <c r="BB10" s="160">
        <v>70</v>
      </c>
      <c r="BC10" s="160">
        <v>52</v>
      </c>
      <c r="BD10" s="163">
        <v>464</v>
      </c>
      <c r="BE10" s="164">
        <v>511</v>
      </c>
      <c r="BF10" s="159">
        <v>0</v>
      </c>
      <c r="BG10" s="160">
        <v>0</v>
      </c>
      <c r="BH10" s="165">
        <v>0</v>
      </c>
      <c r="BI10" s="162">
        <v>0</v>
      </c>
      <c r="BJ10" s="160">
        <v>154</v>
      </c>
      <c r="BK10" s="160">
        <v>81</v>
      </c>
      <c r="BL10" s="160">
        <v>46</v>
      </c>
      <c r="BM10" s="160">
        <v>18</v>
      </c>
      <c r="BN10" s="160">
        <v>9</v>
      </c>
      <c r="BO10" s="165">
        <v>308</v>
      </c>
      <c r="BP10" s="164">
        <v>308</v>
      </c>
      <c r="BQ10" s="159">
        <v>4</v>
      </c>
      <c r="BR10" s="160">
        <v>5</v>
      </c>
      <c r="BS10" s="165">
        <v>9</v>
      </c>
      <c r="BT10" s="162">
        <v>0</v>
      </c>
      <c r="BU10" s="160">
        <v>25</v>
      </c>
      <c r="BV10" s="160">
        <v>28</v>
      </c>
      <c r="BW10" s="160">
        <v>6</v>
      </c>
      <c r="BX10" s="160">
        <v>4</v>
      </c>
      <c r="BY10" s="160">
        <v>4</v>
      </c>
      <c r="BZ10" s="165">
        <v>67</v>
      </c>
      <c r="CA10" s="164">
        <v>76</v>
      </c>
      <c r="CB10" s="159">
        <v>0</v>
      </c>
      <c r="CC10" s="160">
        <v>0</v>
      </c>
      <c r="CD10" s="165">
        <v>0</v>
      </c>
      <c r="CE10" s="162">
        <v>0</v>
      </c>
      <c r="CF10" s="160">
        <v>19</v>
      </c>
      <c r="CG10" s="160">
        <v>32</v>
      </c>
      <c r="CH10" s="160">
        <v>23</v>
      </c>
      <c r="CI10" s="160">
        <v>19</v>
      </c>
      <c r="CJ10" s="160">
        <v>9</v>
      </c>
      <c r="CK10" s="165">
        <v>102</v>
      </c>
      <c r="CL10" s="164">
        <v>102</v>
      </c>
      <c r="CM10" s="159">
        <v>0</v>
      </c>
      <c r="CN10" s="160">
        <v>0</v>
      </c>
      <c r="CO10" s="165">
        <v>0</v>
      </c>
      <c r="CP10" s="162">
        <v>0</v>
      </c>
      <c r="CQ10" s="160">
        <v>0</v>
      </c>
      <c r="CR10" s="160">
        <v>2</v>
      </c>
      <c r="CS10" s="160">
        <v>1</v>
      </c>
      <c r="CT10" s="160">
        <v>1</v>
      </c>
      <c r="CU10" s="160">
        <v>0</v>
      </c>
      <c r="CV10" s="165">
        <v>4</v>
      </c>
      <c r="CW10" s="164">
        <v>4</v>
      </c>
      <c r="CX10" s="159">
        <v>0</v>
      </c>
      <c r="CY10" s="160">
        <v>0</v>
      </c>
      <c r="CZ10" s="165">
        <v>0</v>
      </c>
      <c r="DA10" s="162">
        <v>0</v>
      </c>
      <c r="DB10" s="160">
        <v>0</v>
      </c>
      <c r="DC10" s="160">
        <v>0</v>
      </c>
      <c r="DD10" s="160">
        <v>0</v>
      </c>
      <c r="DE10" s="160">
        <v>0</v>
      </c>
      <c r="DF10" s="160">
        <v>0</v>
      </c>
      <c r="DG10" s="165">
        <v>0</v>
      </c>
      <c r="DH10" s="164">
        <v>0</v>
      </c>
      <c r="DI10" s="159">
        <v>0</v>
      </c>
      <c r="DJ10" s="160">
        <v>0</v>
      </c>
      <c r="DK10" s="165">
        <v>0</v>
      </c>
      <c r="DL10" s="162">
        <v>0</v>
      </c>
      <c r="DM10" s="160">
        <v>0</v>
      </c>
      <c r="DN10" s="160">
        <v>0</v>
      </c>
      <c r="DO10" s="160">
        <v>0</v>
      </c>
      <c r="DP10" s="160">
        <v>0</v>
      </c>
      <c r="DQ10" s="160">
        <v>0</v>
      </c>
      <c r="DR10" s="165">
        <v>0</v>
      </c>
      <c r="DS10" s="164">
        <v>0</v>
      </c>
      <c r="DT10" s="159">
        <v>38</v>
      </c>
      <c r="DU10" s="160">
        <v>52</v>
      </c>
      <c r="DV10" s="165">
        <v>90</v>
      </c>
      <c r="DW10" s="162">
        <v>0</v>
      </c>
      <c r="DX10" s="160">
        <v>192</v>
      </c>
      <c r="DY10" s="160">
        <v>180</v>
      </c>
      <c r="DZ10" s="160">
        <v>95</v>
      </c>
      <c r="EA10" s="160">
        <v>58</v>
      </c>
      <c r="EB10" s="160">
        <v>39</v>
      </c>
      <c r="EC10" s="165">
        <v>564</v>
      </c>
      <c r="ED10" s="164">
        <v>654</v>
      </c>
      <c r="EE10" s="159">
        <v>22</v>
      </c>
      <c r="EF10" s="160">
        <v>14</v>
      </c>
      <c r="EG10" s="165">
        <v>36</v>
      </c>
      <c r="EH10" s="162">
        <v>0</v>
      </c>
      <c r="EI10" s="160">
        <v>54</v>
      </c>
      <c r="EJ10" s="160">
        <v>36</v>
      </c>
      <c r="EK10" s="160">
        <v>24</v>
      </c>
      <c r="EL10" s="160">
        <v>30</v>
      </c>
      <c r="EM10" s="160">
        <v>20</v>
      </c>
      <c r="EN10" s="165">
        <v>164</v>
      </c>
      <c r="EO10" s="164">
        <v>200</v>
      </c>
      <c r="EP10" s="159">
        <v>40</v>
      </c>
      <c r="EQ10" s="160">
        <v>54</v>
      </c>
      <c r="ER10" s="165">
        <v>94</v>
      </c>
      <c r="ES10" s="162">
        <v>0</v>
      </c>
      <c r="ET10" s="160">
        <v>398</v>
      </c>
      <c r="EU10" s="160">
        <v>249</v>
      </c>
      <c r="EV10" s="160">
        <v>113</v>
      </c>
      <c r="EW10" s="160">
        <v>71</v>
      </c>
      <c r="EX10" s="160">
        <v>39</v>
      </c>
      <c r="EY10" s="165">
        <v>870</v>
      </c>
      <c r="EZ10" s="164">
        <v>964</v>
      </c>
    </row>
    <row r="11" spans="2:156" ht="21" customHeight="1" x14ac:dyDescent="0.2">
      <c r="B11" s="166" t="s">
        <v>8</v>
      </c>
      <c r="C11" s="159">
        <v>0</v>
      </c>
      <c r="D11" s="160">
        <v>0</v>
      </c>
      <c r="E11" s="161">
        <v>0</v>
      </c>
      <c r="F11" s="162">
        <v>0</v>
      </c>
      <c r="G11" s="160">
        <v>24</v>
      </c>
      <c r="H11" s="160">
        <v>26</v>
      </c>
      <c r="I11" s="160">
        <v>20</v>
      </c>
      <c r="J11" s="160">
        <v>15</v>
      </c>
      <c r="K11" s="160">
        <v>8</v>
      </c>
      <c r="L11" s="163">
        <v>93</v>
      </c>
      <c r="M11" s="164">
        <v>93</v>
      </c>
      <c r="N11" s="159">
        <v>0</v>
      </c>
      <c r="O11" s="160">
        <v>0</v>
      </c>
      <c r="P11" s="165">
        <v>0</v>
      </c>
      <c r="Q11" s="162">
        <v>0</v>
      </c>
      <c r="R11" s="160">
        <v>0</v>
      </c>
      <c r="S11" s="160">
        <v>0</v>
      </c>
      <c r="T11" s="160">
        <v>1</v>
      </c>
      <c r="U11" s="160">
        <v>0</v>
      </c>
      <c r="V11" s="160">
        <v>6</v>
      </c>
      <c r="W11" s="165">
        <v>7</v>
      </c>
      <c r="X11" s="164">
        <v>7</v>
      </c>
      <c r="Y11" s="159">
        <v>3</v>
      </c>
      <c r="Z11" s="160">
        <v>3</v>
      </c>
      <c r="AA11" s="165">
        <v>6</v>
      </c>
      <c r="AB11" s="162">
        <v>0</v>
      </c>
      <c r="AC11" s="160">
        <v>23</v>
      </c>
      <c r="AD11" s="160">
        <v>31</v>
      </c>
      <c r="AE11" s="160">
        <v>22</v>
      </c>
      <c r="AF11" s="160">
        <v>16</v>
      </c>
      <c r="AG11" s="160">
        <v>7</v>
      </c>
      <c r="AH11" s="165">
        <v>99</v>
      </c>
      <c r="AI11" s="164">
        <v>105</v>
      </c>
      <c r="AJ11" s="159">
        <v>0</v>
      </c>
      <c r="AK11" s="160">
        <v>2</v>
      </c>
      <c r="AL11" s="165">
        <v>2</v>
      </c>
      <c r="AM11" s="162">
        <v>0</v>
      </c>
      <c r="AN11" s="160">
        <v>5</v>
      </c>
      <c r="AO11" s="160">
        <v>5</v>
      </c>
      <c r="AP11" s="160">
        <v>4</v>
      </c>
      <c r="AQ11" s="160">
        <v>2</v>
      </c>
      <c r="AR11" s="160">
        <v>2</v>
      </c>
      <c r="AS11" s="165">
        <v>18</v>
      </c>
      <c r="AT11" s="164">
        <v>20</v>
      </c>
      <c r="AU11" s="159">
        <v>6</v>
      </c>
      <c r="AV11" s="160">
        <v>5</v>
      </c>
      <c r="AW11" s="165">
        <v>11</v>
      </c>
      <c r="AX11" s="162">
        <v>0</v>
      </c>
      <c r="AY11" s="160">
        <v>40</v>
      </c>
      <c r="AZ11" s="160">
        <v>32</v>
      </c>
      <c r="BA11" s="160">
        <v>33</v>
      </c>
      <c r="BB11" s="160">
        <v>33</v>
      </c>
      <c r="BC11" s="160">
        <v>18</v>
      </c>
      <c r="BD11" s="163">
        <v>156</v>
      </c>
      <c r="BE11" s="164">
        <v>167</v>
      </c>
      <c r="BF11" s="159">
        <v>0</v>
      </c>
      <c r="BG11" s="160">
        <v>0</v>
      </c>
      <c r="BH11" s="165">
        <v>0</v>
      </c>
      <c r="BI11" s="162">
        <v>0</v>
      </c>
      <c r="BJ11" s="160">
        <v>35</v>
      </c>
      <c r="BK11" s="160">
        <v>41</v>
      </c>
      <c r="BL11" s="160">
        <v>20</v>
      </c>
      <c r="BM11" s="160">
        <v>17</v>
      </c>
      <c r="BN11" s="160">
        <v>7</v>
      </c>
      <c r="BO11" s="165">
        <v>120</v>
      </c>
      <c r="BP11" s="164">
        <v>120</v>
      </c>
      <c r="BQ11" s="159">
        <v>4</v>
      </c>
      <c r="BR11" s="160">
        <v>5</v>
      </c>
      <c r="BS11" s="165">
        <v>9</v>
      </c>
      <c r="BT11" s="162">
        <v>0</v>
      </c>
      <c r="BU11" s="160">
        <v>9</v>
      </c>
      <c r="BV11" s="160">
        <v>16</v>
      </c>
      <c r="BW11" s="160">
        <v>5</v>
      </c>
      <c r="BX11" s="160">
        <v>2</v>
      </c>
      <c r="BY11" s="160">
        <v>1</v>
      </c>
      <c r="BZ11" s="165">
        <v>33</v>
      </c>
      <c r="CA11" s="164">
        <v>42</v>
      </c>
      <c r="CB11" s="159">
        <v>0</v>
      </c>
      <c r="CC11" s="160">
        <v>1</v>
      </c>
      <c r="CD11" s="165">
        <v>1</v>
      </c>
      <c r="CE11" s="162">
        <v>0</v>
      </c>
      <c r="CF11" s="160">
        <v>4</v>
      </c>
      <c r="CG11" s="160">
        <v>8</v>
      </c>
      <c r="CH11" s="160">
        <v>11</v>
      </c>
      <c r="CI11" s="160">
        <v>2</v>
      </c>
      <c r="CJ11" s="160">
        <v>1</v>
      </c>
      <c r="CK11" s="165">
        <v>26</v>
      </c>
      <c r="CL11" s="164">
        <v>27</v>
      </c>
      <c r="CM11" s="159">
        <v>0</v>
      </c>
      <c r="CN11" s="160">
        <v>0</v>
      </c>
      <c r="CO11" s="165">
        <v>0</v>
      </c>
      <c r="CP11" s="162">
        <v>0</v>
      </c>
      <c r="CQ11" s="160">
        <v>0</v>
      </c>
      <c r="CR11" s="160">
        <v>0</v>
      </c>
      <c r="CS11" s="160">
        <v>0</v>
      </c>
      <c r="CT11" s="160">
        <v>0</v>
      </c>
      <c r="CU11" s="160">
        <v>0</v>
      </c>
      <c r="CV11" s="165">
        <v>0</v>
      </c>
      <c r="CW11" s="164">
        <v>0</v>
      </c>
      <c r="CX11" s="159">
        <v>0</v>
      </c>
      <c r="CY11" s="160">
        <v>0</v>
      </c>
      <c r="CZ11" s="165">
        <v>0</v>
      </c>
      <c r="DA11" s="162">
        <v>0</v>
      </c>
      <c r="DB11" s="160">
        <v>0</v>
      </c>
      <c r="DC11" s="160">
        <v>0</v>
      </c>
      <c r="DD11" s="160">
        <v>0</v>
      </c>
      <c r="DE11" s="160">
        <v>0</v>
      </c>
      <c r="DF11" s="160">
        <v>0</v>
      </c>
      <c r="DG11" s="165">
        <v>0</v>
      </c>
      <c r="DH11" s="164">
        <v>0</v>
      </c>
      <c r="DI11" s="159">
        <v>0</v>
      </c>
      <c r="DJ11" s="160">
        <v>0</v>
      </c>
      <c r="DK11" s="165">
        <v>0</v>
      </c>
      <c r="DL11" s="162">
        <v>0</v>
      </c>
      <c r="DM11" s="160">
        <v>0</v>
      </c>
      <c r="DN11" s="160">
        <v>0</v>
      </c>
      <c r="DO11" s="160">
        <v>0</v>
      </c>
      <c r="DP11" s="160">
        <v>0</v>
      </c>
      <c r="DQ11" s="160">
        <v>0</v>
      </c>
      <c r="DR11" s="165">
        <v>0</v>
      </c>
      <c r="DS11" s="164">
        <v>0</v>
      </c>
      <c r="DT11" s="159">
        <v>18</v>
      </c>
      <c r="DU11" s="160">
        <v>27</v>
      </c>
      <c r="DV11" s="165">
        <v>45</v>
      </c>
      <c r="DW11" s="162">
        <v>0</v>
      </c>
      <c r="DX11" s="160">
        <v>56</v>
      </c>
      <c r="DY11" s="160">
        <v>100</v>
      </c>
      <c r="DZ11" s="160">
        <v>47</v>
      </c>
      <c r="EA11" s="160">
        <v>33</v>
      </c>
      <c r="EB11" s="160">
        <v>17</v>
      </c>
      <c r="EC11" s="165">
        <v>253</v>
      </c>
      <c r="ED11" s="164">
        <v>298</v>
      </c>
      <c r="EE11" s="159">
        <v>5</v>
      </c>
      <c r="EF11" s="160">
        <v>2</v>
      </c>
      <c r="EG11" s="165">
        <v>7</v>
      </c>
      <c r="EH11" s="162">
        <v>0</v>
      </c>
      <c r="EI11" s="160">
        <v>18</v>
      </c>
      <c r="EJ11" s="160">
        <v>8</v>
      </c>
      <c r="EK11" s="160">
        <v>8</v>
      </c>
      <c r="EL11" s="160">
        <v>10</v>
      </c>
      <c r="EM11" s="160">
        <v>4</v>
      </c>
      <c r="EN11" s="165">
        <v>48</v>
      </c>
      <c r="EO11" s="164">
        <v>55</v>
      </c>
      <c r="EP11" s="159">
        <v>23</v>
      </c>
      <c r="EQ11" s="160">
        <v>33</v>
      </c>
      <c r="ER11" s="165">
        <v>56</v>
      </c>
      <c r="ES11" s="162">
        <v>0</v>
      </c>
      <c r="ET11" s="160">
        <v>106</v>
      </c>
      <c r="EU11" s="160">
        <v>136</v>
      </c>
      <c r="EV11" s="160">
        <v>60</v>
      </c>
      <c r="EW11" s="160">
        <v>35</v>
      </c>
      <c r="EX11" s="160">
        <v>18</v>
      </c>
      <c r="EY11" s="165">
        <v>355</v>
      </c>
      <c r="EZ11" s="164">
        <v>411</v>
      </c>
    </row>
    <row r="12" spans="2:156" ht="21" customHeight="1" x14ac:dyDescent="0.2">
      <c r="B12" s="166" t="s">
        <v>9</v>
      </c>
      <c r="C12" s="159">
        <v>0</v>
      </c>
      <c r="D12" s="160">
        <v>0</v>
      </c>
      <c r="E12" s="161">
        <v>0</v>
      </c>
      <c r="F12" s="162">
        <v>0</v>
      </c>
      <c r="G12" s="160">
        <v>62</v>
      </c>
      <c r="H12" s="160">
        <v>37</v>
      </c>
      <c r="I12" s="160">
        <v>34</v>
      </c>
      <c r="J12" s="160">
        <v>28</v>
      </c>
      <c r="K12" s="160">
        <v>19</v>
      </c>
      <c r="L12" s="163">
        <v>180</v>
      </c>
      <c r="M12" s="164">
        <v>180</v>
      </c>
      <c r="N12" s="159">
        <v>0</v>
      </c>
      <c r="O12" s="160">
        <v>0</v>
      </c>
      <c r="P12" s="165">
        <v>0</v>
      </c>
      <c r="Q12" s="162">
        <v>0</v>
      </c>
      <c r="R12" s="160">
        <v>1</v>
      </c>
      <c r="S12" s="160">
        <v>0</v>
      </c>
      <c r="T12" s="160">
        <v>1</v>
      </c>
      <c r="U12" s="160">
        <v>2</v>
      </c>
      <c r="V12" s="160">
        <v>8</v>
      </c>
      <c r="W12" s="165">
        <v>12</v>
      </c>
      <c r="X12" s="164">
        <v>12</v>
      </c>
      <c r="Y12" s="159">
        <v>10</v>
      </c>
      <c r="Z12" s="160">
        <v>10</v>
      </c>
      <c r="AA12" s="165">
        <v>20</v>
      </c>
      <c r="AB12" s="162">
        <v>0</v>
      </c>
      <c r="AC12" s="160">
        <v>48</v>
      </c>
      <c r="AD12" s="160">
        <v>28</v>
      </c>
      <c r="AE12" s="160">
        <v>33</v>
      </c>
      <c r="AF12" s="160">
        <v>22</v>
      </c>
      <c r="AG12" s="160">
        <v>19</v>
      </c>
      <c r="AH12" s="165">
        <v>150</v>
      </c>
      <c r="AI12" s="164">
        <v>170</v>
      </c>
      <c r="AJ12" s="159">
        <v>0</v>
      </c>
      <c r="AK12" s="160">
        <v>1</v>
      </c>
      <c r="AL12" s="165">
        <v>1</v>
      </c>
      <c r="AM12" s="162">
        <v>0</v>
      </c>
      <c r="AN12" s="160">
        <v>2</v>
      </c>
      <c r="AO12" s="160">
        <v>1</v>
      </c>
      <c r="AP12" s="160">
        <v>0</v>
      </c>
      <c r="AQ12" s="160">
        <v>2</v>
      </c>
      <c r="AR12" s="160">
        <v>4</v>
      </c>
      <c r="AS12" s="165">
        <v>9</v>
      </c>
      <c r="AT12" s="164">
        <v>10</v>
      </c>
      <c r="AU12" s="159">
        <v>5</v>
      </c>
      <c r="AV12" s="160">
        <v>8</v>
      </c>
      <c r="AW12" s="165">
        <v>13</v>
      </c>
      <c r="AX12" s="162">
        <v>0</v>
      </c>
      <c r="AY12" s="160">
        <v>57</v>
      </c>
      <c r="AZ12" s="160">
        <v>59</v>
      </c>
      <c r="BA12" s="160">
        <v>66</v>
      </c>
      <c r="BB12" s="160">
        <v>43</v>
      </c>
      <c r="BC12" s="160">
        <v>28</v>
      </c>
      <c r="BD12" s="163">
        <v>253</v>
      </c>
      <c r="BE12" s="164">
        <v>266</v>
      </c>
      <c r="BF12" s="159">
        <v>0</v>
      </c>
      <c r="BG12" s="160">
        <v>0</v>
      </c>
      <c r="BH12" s="165">
        <v>0</v>
      </c>
      <c r="BI12" s="162">
        <v>0</v>
      </c>
      <c r="BJ12" s="160">
        <v>50</v>
      </c>
      <c r="BK12" s="160">
        <v>31</v>
      </c>
      <c r="BL12" s="160">
        <v>22</v>
      </c>
      <c r="BM12" s="160">
        <v>13</v>
      </c>
      <c r="BN12" s="160">
        <v>4</v>
      </c>
      <c r="BO12" s="165">
        <v>120</v>
      </c>
      <c r="BP12" s="164">
        <v>120</v>
      </c>
      <c r="BQ12" s="159">
        <v>4</v>
      </c>
      <c r="BR12" s="160">
        <v>5</v>
      </c>
      <c r="BS12" s="165">
        <v>9</v>
      </c>
      <c r="BT12" s="162">
        <v>0</v>
      </c>
      <c r="BU12" s="160">
        <v>20</v>
      </c>
      <c r="BV12" s="160">
        <v>17</v>
      </c>
      <c r="BW12" s="160">
        <v>14</v>
      </c>
      <c r="BX12" s="160">
        <v>9</v>
      </c>
      <c r="BY12" s="160">
        <v>0</v>
      </c>
      <c r="BZ12" s="165">
        <v>60</v>
      </c>
      <c r="CA12" s="164">
        <v>69</v>
      </c>
      <c r="CB12" s="159">
        <v>0</v>
      </c>
      <c r="CC12" s="160">
        <v>1</v>
      </c>
      <c r="CD12" s="165">
        <v>1</v>
      </c>
      <c r="CE12" s="162">
        <v>0</v>
      </c>
      <c r="CF12" s="160">
        <v>5</v>
      </c>
      <c r="CG12" s="160">
        <v>3</v>
      </c>
      <c r="CH12" s="160">
        <v>13</v>
      </c>
      <c r="CI12" s="160">
        <v>6</v>
      </c>
      <c r="CJ12" s="160">
        <v>1</v>
      </c>
      <c r="CK12" s="165">
        <v>28</v>
      </c>
      <c r="CL12" s="164">
        <v>29</v>
      </c>
      <c r="CM12" s="159">
        <v>0</v>
      </c>
      <c r="CN12" s="160">
        <v>0</v>
      </c>
      <c r="CO12" s="165">
        <v>0</v>
      </c>
      <c r="CP12" s="162">
        <v>0</v>
      </c>
      <c r="CQ12" s="160">
        <v>0</v>
      </c>
      <c r="CR12" s="160">
        <v>3</v>
      </c>
      <c r="CS12" s="160">
        <v>1</v>
      </c>
      <c r="CT12" s="160">
        <v>0</v>
      </c>
      <c r="CU12" s="160">
        <v>2</v>
      </c>
      <c r="CV12" s="165">
        <v>6</v>
      </c>
      <c r="CW12" s="164">
        <v>6</v>
      </c>
      <c r="CX12" s="159">
        <v>0</v>
      </c>
      <c r="CY12" s="160">
        <v>0</v>
      </c>
      <c r="CZ12" s="165">
        <v>0</v>
      </c>
      <c r="DA12" s="162">
        <v>0</v>
      </c>
      <c r="DB12" s="160">
        <v>0</v>
      </c>
      <c r="DC12" s="160">
        <v>0</v>
      </c>
      <c r="DD12" s="160">
        <v>0</v>
      </c>
      <c r="DE12" s="160">
        <v>0</v>
      </c>
      <c r="DF12" s="160">
        <v>0</v>
      </c>
      <c r="DG12" s="165">
        <v>0</v>
      </c>
      <c r="DH12" s="164">
        <v>0</v>
      </c>
      <c r="DI12" s="159">
        <v>0</v>
      </c>
      <c r="DJ12" s="160">
        <v>0</v>
      </c>
      <c r="DK12" s="165">
        <v>0</v>
      </c>
      <c r="DL12" s="162">
        <v>0</v>
      </c>
      <c r="DM12" s="160">
        <v>0</v>
      </c>
      <c r="DN12" s="160">
        <v>0</v>
      </c>
      <c r="DO12" s="160">
        <v>0</v>
      </c>
      <c r="DP12" s="160">
        <v>0</v>
      </c>
      <c r="DQ12" s="160">
        <v>0</v>
      </c>
      <c r="DR12" s="165">
        <v>0</v>
      </c>
      <c r="DS12" s="164">
        <v>0</v>
      </c>
      <c r="DT12" s="159">
        <v>31</v>
      </c>
      <c r="DU12" s="160">
        <v>32</v>
      </c>
      <c r="DV12" s="165">
        <v>63</v>
      </c>
      <c r="DW12" s="162">
        <v>0</v>
      </c>
      <c r="DX12" s="160">
        <v>88</v>
      </c>
      <c r="DY12" s="160">
        <v>69</v>
      </c>
      <c r="DZ12" s="160">
        <v>65</v>
      </c>
      <c r="EA12" s="160">
        <v>48</v>
      </c>
      <c r="EB12" s="160">
        <v>28</v>
      </c>
      <c r="EC12" s="165">
        <v>298</v>
      </c>
      <c r="ED12" s="164">
        <v>361</v>
      </c>
      <c r="EE12" s="159">
        <v>4</v>
      </c>
      <c r="EF12" s="160">
        <v>4</v>
      </c>
      <c r="EG12" s="165">
        <v>8</v>
      </c>
      <c r="EH12" s="162">
        <v>0</v>
      </c>
      <c r="EI12" s="160">
        <v>17</v>
      </c>
      <c r="EJ12" s="160">
        <v>24</v>
      </c>
      <c r="EK12" s="160">
        <v>15</v>
      </c>
      <c r="EL12" s="160">
        <v>17</v>
      </c>
      <c r="EM12" s="160">
        <v>6</v>
      </c>
      <c r="EN12" s="165">
        <v>79</v>
      </c>
      <c r="EO12" s="164">
        <v>87</v>
      </c>
      <c r="EP12" s="159">
        <v>39</v>
      </c>
      <c r="EQ12" s="160">
        <v>45</v>
      </c>
      <c r="ER12" s="165">
        <v>84</v>
      </c>
      <c r="ES12" s="162">
        <v>0</v>
      </c>
      <c r="ET12" s="160">
        <v>172</v>
      </c>
      <c r="EU12" s="160">
        <v>104</v>
      </c>
      <c r="EV12" s="160">
        <v>77</v>
      </c>
      <c r="EW12" s="160">
        <v>49</v>
      </c>
      <c r="EX12" s="160">
        <v>31</v>
      </c>
      <c r="EY12" s="165">
        <v>433</v>
      </c>
      <c r="EZ12" s="164">
        <v>517</v>
      </c>
    </row>
    <row r="13" spans="2:156" ht="21" customHeight="1" x14ac:dyDescent="0.2">
      <c r="B13" s="166" t="s">
        <v>10</v>
      </c>
      <c r="C13" s="159">
        <v>0</v>
      </c>
      <c r="D13" s="160">
        <v>0</v>
      </c>
      <c r="E13" s="161">
        <v>0</v>
      </c>
      <c r="F13" s="162">
        <v>0</v>
      </c>
      <c r="G13" s="160">
        <v>84</v>
      </c>
      <c r="H13" s="160">
        <v>44</v>
      </c>
      <c r="I13" s="160">
        <v>28</v>
      </c>
      <c r="J13" s="160">
        <v>36</v>
      </c>
      <c r="K13" s="160">
        <v>16</v>
      </c>
      <c r="L13" s="163">
        <v>208</v>
      </c>
      <c r="M13" s="164">
        <v>208</v>
      </c>
      <c r="N13" s="159">
        <v>0</v>
      </c>
      <c r="O13" s="160">
        <v>0</v>
      </c>
      <c r="P13" s="165">
        <v>0</v>
      </c>
      <c r="Q13" s="162">
        <v>0</v>
      </c>
      <c r="R13" s="160">
        <v>1</v>
      </c>
      <c r="S13" s="160">
        <v>1</v>
      </c>
      <c r="T13" s="160">
        <v>2</v>
      </c>
      <c r="U13" s="160">
        <v>7</v>
      </c>
      <c r="V13" s="160">
        <v>7</v>
      </c>
      <c r="W13" s="165">
        <v>18</v>
      </c>
      <c r="X13" s="164">
        <v>18</v>
      </c>
      <c r="Y13" s="159">
        <v>19</v>
      </c>
      <c r="Z13" s="160">
        <v>20</v>
      </c>
      <c r="AA13" s="165">
        <v>39</v>
      </c>
      <c r="AB13" s="162">
        <v>0</v>
      </c>
      <c r="AC13" s="160">
        <v>65</v>
      </c>
      <c r="AD13" s="160">
        <v>33</v>
      </c>
      <c r="AE13" s="160">
        <v>25</v>
      </c>
      <c r="AF13" s="160">
        <v>24</v>
      </c>
      <c r="AG13" s="160">
        <v>12</v>
      </c>
      <c r="AH13" s="165">
        <v>159</v>
      </c>
      <c r="AI13" s="164">
        <v>198</v>
      </c>
      <c r="AJ13" s="159">
        <v>3</v>
      </c>
      <c r="AK13" s="160">
        <v>2</v>
      </c>
      <c r="AL13" s="165">
        <v>5</v>
      </c>
      <c r="AM13" s="162">
        <v>0</v>
      </c>
      <c r="AN13" s="160">
        <v>7</v>
      </c>
      <c r="AO13" s="160">
        <v>9</v>
      </c>
      <c r="AP13" s="160">
        <v>3</v>
      </c>
      <c r="AQ13" s="160">
        <v>3</v>
      </c>
      <c r="AR13" s="160">
        <v>4</v>
      </c>
      <c r="AS13" s="165">
        <v>26</v>
      </c>
      <c r="AT13" s="164">
        <v>31</v>
      </c>
      <c r="AU13" s="159">
        <v>21</v>
      </c>
      <c r="AV13" s="160">
        <v>28</v>
      </c>
      <c r="AW13" s="165">
        <v>49</v>
      </c>
      <c r="AX13" s="162">
        <v>0</v>
      </c>
      <c r="AY13" s="160">
        <v>96</v>
      </c>
      <c r="AZ13" s="160">
        <v>78</v>
      </c>
      <c r="BA13" s="160">
        <v>62</v>
      </c>
      <c r="BB13" s="160">
        <v>79</v>
      </c>
      <c r="BC13" s="160">
        <v>40</v>
      </c>
      <c r="BD13" s="163">
        <v>355</v>
      </c>
      <c r="BE13" s="164">
        <v>404</v>
      </c>
      <c r="BF13" s="159">
        <v>0</v>
      </c>
      <c r="BG13" s="160">
        <v>0</v>
      </c>
      <c r="BH13" s="165">
        <v>0</v>
      </c>
      <c r="BI13" s="162">
        <v>0</v>
      </c>
      <c r="BJ13" s="160">
        <v>128</v>
      </c>
      <c r="BK13" s="160">
        <v>69</v>
      </c>
      <c r="BL13" s="160">
        <v>25</v>
      </c>
      <c r="BM13" s="160">
        <v>16</v>
      </c>
      <c r="BN13" s="160">
        <v>9</v>
      </c>
      <c r="BO13" s="165">
        <v>247</v>
      </c>
      <c r="BP13" s="164">
        <v>247</v>
      </c>
      <c r="BQ13" s="159">
        <v>3</v>
      </c>
      <c r="BR13" s="160">
        <v>4</v>
      </c>
      <c r="BS13" s="165">
        <v>7</v>
      </c>
      <c r="BT13" s="162">
        <v>0</v>
      </c>
      <c r="BU13" s="160">
        <v>21</v>
      </c>
      <c r="BV13" s="160">
        <v>13</v>
      </c>
      <c r="BW13" s="160">
        <v>9</v>
      </c>
      <c r="BX13" s="160">
        <v>1</v>
      </c>
      <c r="BY13" s="160">
        <v>1</v>
      </c>
      <c r="BZ13" s="165">
        <v>45</v>
      </c>
      <c r="CA13" s="164">
        <v>52</v>
      </c>
      <c r="CB13" s="159">
        <v>0</v>
      </c>
      <c r="CC13" s="160">
        <v>3</v>
      </c>
      <c r="CD13" s="165">
        <v>3</v>
      </c>
      <c r="CE13" s="162">
        <v>0</v>
      </c>
      <c r="CF13" s="160">
        <v>16</v>
      </c>
      <c r="CG13" s="160">
        <v>12</v>
      </c>
      <c r="CH13" s="160">
        <v>14</v>
      </c>
      <c r="CI13" s="160">
        <v>10</v>
      </c>
      <c r="CJ13" s="160">
        <v>5</v>
      </c>
      <c r="CK13" s="165">
        <v>57</v>
      </c>
      <c r="CL13" s="164">
        <v>60</v>
      </c>
      <c r="CM13" s="159">
        <v>0</v>
      </c>
      <c r="CN13" s="160">
        <v>1</v>
      </c>
      <c r="CO13" s="165">
        <v>1</v>
      </c>
      <c r="CP13" s="162">
        <v>0</v>
      </c>
      <c r="CQ13" s="160">
        <v>1</v>
      </c>
      <c r="CR13" s="160">
        <v>1</v>
      </c>
      <c r="CS13" s="160">
        <v>4</v>
      </c>
      <c r="CT13" s="160">
        <v>0</v>
      </c>
      <c r="CU13" s="160">
        <v>1</v>
      </c>
      <c r="CV13" s="165">
        <v>7</v>
      </c>
      <c r="CW13" s="164">
        <v>8</v>
      </c>
      <c r="CX13" s="159">
        <v>0</v>
      </c>
      <c r="CY13" s="160">
        <v>0</v>
      </c>
      <c r="CZ13" s="165">
        <v>0</v>
      </c>
      <c r="DA13" s="162">
        <v>0</v>
      </c>
      <c r="DB13" s="160">
        <v>0</v>
      </c>
      <c r="DC13" s="160">
        <v>0</v>
      </c>
      <c r="DD13" s="160">
        <v>0</v>
      </c>
      <c r="DE13" s="160">
        <v>0</v>
      </c>
      <c r="DF13" s="160">
        <v>0</v>
      </c>
      <c r="DG13" s="165">
        <v>0</v>
      </c>
      <c r="DH13" s="164">
        <v>0</v>
      </c>
      <c r="DI13" s="159">
        <v>0</v>
      </c>
      <c r="DJ13" s="160">
        <v>0</v>
      </c>
      <c r="DK13" s="165">
        <v>0</v>
      </c>
      <c r="DL13" s="162">
        <v>0</v>
      </c>
      <c r="DM13" s="160">
        <v>0</v>
      </c>
      <c r="DN13" s="160">
        <v>0</v>
      </c>
      <c r="DO13" s="160">
        <v>0</v>
      </c>
      <c r="DP13" s="160">
        <v>0</v>
      </c>
      <c r="DQ13" s="160">
        <v>0</v>
      </c>
      <c r="DR13" s="165">
        <v>0</v>
      </c>
      <c r="DS13" s="164">
        <v>0</v>
      </c>
      <c r="DT13" s="159">
        <v>75</v>
      </c>
      <c r="DU13" s="160">
        <v>89</v>
      </c>
      <c r="DV13" s="165">
        <v>164</v>
      </c>
      <c r="DW13" s="162">
        <v>0</v>
      </c>
      <c r="DX13" s="160">
        <v>136</v>
      </c>
      <c r="DY13" s="160">
        <v>122</v>
      </c>
      <c r="DZ13" s="160">
        <v>58</v>
      </c>
      <c r="EA13" s="160">
        <v>60</v>
      </c>
      <c r="EB13" s="160">
        <v>29</v>
      </c>
      <c r="EC13" s="165">
        <v>405</v>
      </c>
      <c r="ED13" s="164">
        <v>569</v>
      </c>
      <c r="EE13" s="159">
        <v>10</v>
      </c>
      <c r="EF13" s="160">
        <v>4</v>
      </c>
      <c r="EG13" s="165">
        <v>14</v>
      </c>
      <c r="EH13" s="162">
        <v>0</v>
      </c>
      <c r="EI13" s="160">
        <v>21</v>
      </c>
      <c r="EJ13" s="160">
        <v>24</v>
      </c>
      <c r="EK13" s="160">
        <v>17</v>
      </c>
      <c r="EL13" s="160">
        <v>25</v>
      </c>
      <c r="EM13" s="160">
        <v>10</v>
      </c>
      <c r="EN13" s="165">
        <v>97</v>
      </c>
      <c r="EO13" s="164">
        <v>111</v>
      </c>
      <c r="EP13" s="159">
        <v>91</v>
      </c>
      <c r="EQ13" s="160">
        <v>101</v>
      </c>
      <c r="ER13" s="165">
        <v>192</v>
      </c>
      <c r="ES13" s="162">
        <v>0</v>
      </c>
      <c r="ET13" s="160">
        <v>276</v>
      </c>
      <c r="EU13" s="160">
        <v>145</v>
      </c>
      <c r="EV13" s="160">
        <v>68</v>
      </c>
      <c r="EW13" s="160">
        <v>61</v>
      </c>
      <c r="EX13" s="160">
        <v>29</v>
      </c>
      <c r="EY13" s="165">
        <v>579</v>
      </c>
      <c r="EZ13" s="164">
        <v>771</v>
      </c>
    </row>
    <row r="14" spans="2:156" ht="21" customHeight="1" x14ac:dyDescent="0.2">
      <c r="B14" s="166" t="s">
        <v>11</v>
      </c>
      <c r="C14" s="159">
        <v>0</v>
      </c>
      <c r="D14" s="160">
        <v>0</v>
      </c>
      <c r="E14" s="161">
        <v>0</v>
      </c>
      <c r="F14" s="162">
        <v>0</v>
      </c>
      <c r="G14" s="160">
        <v>30</v>
      </c>
      <c r="H14" s="160">
        <v>16</v>
      </c>
      <c r="I14" s="160">
        <v>16</v>
      </c>
      <c r="J14" s="160">
        <v>12</v>
      </c>
      <c r="K14" s="160">
        <v>3</v>
      </c>
      <c r="L14" s="163">
        <v>77</v>
      </c>
      <c r="M14" s="164">
        <v>77</v>
      </c>
      <c r="N14" s="159">
        <v>0</v>
      </c>
      <c r="O14" s="160">
        <v>0</v>
      </c>
      <c r="P14" s="165">
        <v>0</v>
      </c>
      <c r="Q14" s="162">
        <v>0</v>
      </c>
      <c r="R14" s="160">
        <v>0</v>
      </c>
      <c r="S14" s="160">
        <v>1</v>
      </c>
      <c r="T14" s="160">
        <v>0</v>
      </c>
      <c r="U14" s="160">
        <v>3</v>
      </c>
      <c r="V14" s="160">
        <v>2</v>
      </c>
      <c r="W14" s="165">
        <v>6</v>
      </c>
      <c r="X14" s="164">
        <v>6</v>
      </c>
      <c r="Y14" s="159">
        <v>6</v>
      </c>
      <c r="Z14" s="160">
        <v>7</v>
      </c>
      <c r="AA14" s="165">
        <v>13</v>
      </c>
      <c r="AB14" s="162">
        <v>0</v>
      </c>
      <c r="AC14" s="160">
        <v>23</v>
      </c>
      <c r="AD14" s="160">
        <v>25</v>
      </c>
      <c r="AE14" s="160">
        <v>15</v>
      </c>
      <c r="AF14" s="160">
        <v>12</v>
      </c>
      <c r="AG14" s="160">
        <v>7</v>
      </c>
      <c r="AH14" s="165">
        <v>82</v>
      </c>
      <c r="AI14" s="164">
        <v>95</v>
      </c>
      <c r="AJ14" s="159">
        <v>0</v>
      </c>
      <c r="AK14" s="160">
        <v>1</v>
      </c>
      <c r="AL14" s="165">
        <v>1</v>
      </c>
      <c r="AM14" s="162">
        <v>0</v>
      </c>
      <c r="AN14" s="160">
        <v>2</v>
      </c>
      <c r="AO14" s="160">
        <v>1</v>
      </c>
      <c r="AP14" s="160">
        <v>3</v>
      </c>
      <c r="AQ14" s="160">
        <v>1</v>
      </c>
      <c r="AR14" s="160">
        <v>1</v>
      </c>
      <c r="AS14" s="165">
        <v>8</v>
      </c>
      <c r="AT14" s="164">
        <v>9</v>
      </c>
      <c r="AU14" s="159">
        <v>4</v>
      </c>
      <c r="AV14" s="160">
        <v>4</v>
      </c>
      <c r="AW14" s="165">
        <v>8</v>
      </c>
      <c r="AX14" s="162">
        <v>0</v>
      </c>
      <c r="AY14" s="160">
        <v>25</v>
      </c>
      <c r="AZ14" s="160">
        <v>30</v>
      </c>
      <c r="BA14" s="160">
        <v>30</v>
      </c>
      <c r="BB14" s="160">
        <v>28</v>
      </c>
      <c r="BC14" s="160">
        <v>13</v>
      </c>
      <c r="BD14" s="163">
        <v>126</v>
      </c>
      <c r="BE14" s="164">
        <v>134</v>
      </c>
      <c r="BF14" s="159">
        <v>0</v>
      </c>
      <c r="BG14" s="160">
        <v>0</v>
      </c>
      <c r="BH14" s="165">
        <v>0</v>
      </c>
      <c r="BI14" s="162">
        <v>0</v>
      </c>
      <c r="BJ14" s="160">
        <v>38</v>
      </c>
      <c r="BK14" s="160">
        <v>32</v>
      </c>
      <c r="BL14" s="160">
        <v>19</v>
      </c>
      <c r="BM14" s="160">
        <v>7</v>
      </c>
      <c r="BN14" s="160">
        <v>3</v>
      </c>
      <c r="BO14" s="165">
        <v>99</v>
      </c>
      <c r="BP14" s="164">
        <v>99</v>
      </c>
      <c r="BQ14" s="159">
        <v>8</v>
      </c>
      <c r="BR14" s="160">
        <v>7</v>
      </c>
      <c r="BS14" s="165">
        <v>15</v>
      </c>
      <c r="BT14" s="162">
        <v>0</v>
      </c>
      <c r="BU14" s="160">
        <v>28</v>
      </c>
      <c r="BV14" s="160">
        <v>13</v>
      </c>
      <c r="BW14" s="160">
        <v>3</v>
      </c>
      <c r="BX14" s="160">
        <v>6</v>
      </c>
      <c r="BY14" s="160">
        <v>1</v>
      </c>
      <c r="BZ14" s="165">
        <v>51</v>
      </c>
      <c r="CA14" s="164">
        <v>66</v>
      </c>
      <c r="CB14" s="159">
        <v>0</v>
      </c>
      <c r="CC14" s="160">
        <v>1</v>
      </c>
      <c r="CD14" s="165">
        <v>1</v>
      </c>
      <c r="CE14" s="162">
        <v>0</v>
      </c>
      <c r="CF14" s="160">
        <v>3</v>
      </c>
      <c r="CG14" s="160">
        <v>9</v>
      </c>
      <c r="CH14" s="160">
        <v>5</v>
      </c>
      <c r="CI14" s="160">
        <v>4</v>
      </c>
      <c r="CJ14" s="160">
        <v>0</v>
      </c>
      <c r="CK14" s="165">
        <v>21</v>
      </c>
      <c r="CL14" s="164">
        <v>22</v>
      </c>
      <c r="CM14" s="159">
        <v>0</v>
      </c>
      <c r="CN14" s="160">
        <v>0</v>
      </c>
      <c r="CO14" s="165">
        <v>0</v>
      </c>
      <c r="CP14" s="162">
        <v>0</v>
      </c>
      <c r="CQ14" s="160">
        <v>1</v>
      </c>
      <c r="CR14" s="160">
        <v>0</v>
      </c>
      <c r="CS14" s="160">
        <v>0</v>
      </c>
      <c r="CT14" s="160">
        <v>2</v>
      </c>
      <c r="CU14" s="160">
        <v>0</v>
      </c>
      <c r="CV14" s="165">
        <v>3</v>
      </c>
      <c r="CW14" s="164">
        <v>3</v>
      </c>
      <c r="CX14" s="159">
        <v>0</v>
      </c>
      <c r="CY14" s="160">
        <v>0</v>
      </c>
      <c r="CZ14" s="165">
        <v>0</v>
      </c>
      <c r="DA14" s="162">
        <v>0</v>
      </c>
      <c r="DB14" s="160">
        <v>0</v>
      </c>
      <c r="DC14" s="160">
        <v>0</v>
      </c>
      <c r="DD14" s="160">
        <v>0</v>
      </c>
      <c r="DE14" s="160">
        <v>0</v>
      </c>
      <c r="DF14" s="160">
        <v>0</v>
      </c>
      <c r="DG14" s="165">
        <v>0</v>
      </c>
      <c r="DH14" s="164">
        <v>0</v>
      </c>
      <c r="DI14" s="159">
        <v>0</v>
      </c>
      <c r="DJ14" s="160">
        <v>0</v>
      </c>
      <c r="DK14" s="165">
        <v>0</v>
      </c>
      <c r="DL14" s="162">
        <v>0</v>
      </c>
      <c r="DM14" s="160">
        <v>0</v>
      </c>
      <c r="DN14" s="160">
        <v>0</v>
      </c>
      <c r="DO14" s="160">
        <v>0</v>
      </c>
      <c r="DP14" s="160">
        <v>0</v>
      </c>
      <c r="DQ14" s="160">
        <v>0</v>
      </c>
      <c r="DR14" s="165">
        <v>0</v>
      </c>
      <c r="DS14" s="164">
        <v>0</v>
      </c>
      <c r="DT14" s="159">
        <v>21</v>
      </c>
      <c r="DU14" s="160">
        <v>25</v>
      </c>
      <c r="DV14" s="165">
        <v>46</v>
      </c>
      <c r="DW14" s="162">
        <v>0</v>
      </c>
      <c r="DX14" s="160">
        <v>62</v>
      </c>
      <c r="DY14" s="160">
        <v>63</v>
      </c>
      <c r="DZ14" s="160">
        <v>41</v>
      </c>
      <c r="EA14" s="160">
        <v>26</v>
      </c>
      <c r="EB14" s="160">
        <v>13</v>
      </c>
      <c r="EC14" s="165">
        <v>205</v>
      </c>
      <c r="ED14" s="164">
        <v>251</v>
      </c>
      <c r="EE14" s="159">
        <v>1</v>
      </c>
      <c r="EF14" s="160">
        <v>1</v>
      </c>
      <c r="EG14" s="165">
        <v>2</v>
      </c>
      <c r="EH14" s="162">
        <v>0</v>
      </c>
      <c r="EI14" s="160">
        <v>13</v>
      </c>
      <c r="EJ14" s="160">
        <v>13</v>
      </c>
      <c r="EK14" s="160">
        <v>16</v>
      </c>
      <c r="EL14" s="160">
        <v>11</v>
      </c>
      <c r="EM14" s="160">
        <v>5</v>
      </c>
      <c r="EN14" s="165">
        <v>58</v>
      </c>
      <c r="EO14" s="164">
        <v>60</v>
      </c>
      <c r="EP14" s="159">
        <v>27</v>
      </c>
      <c r="EQ14" s="160">
        <v>32</v>
      </c>
      <c r="ER14" s="165">
        <v>59</v>
      </c>
      <c r="ES14" s="162">
        <v>0</v>
      </c>
      <c r="ET14" s="160">
        <v>118</v>
      </c>
      <c r="EU14" s="160">
        <v>75</v>
      </c>
      <c r="EV14" s="160">
        <v>46</v>
      </c>
      <c r="EW14" s="160">
        <v>28</v>
      </c>
      <c r="EX14" s="160">
        <v>11</v>
      </c>
      <c r="EY14" s="165">
        <v>278</v>
      </c>
      <c r="EZ14" s="164">
        <v>337</v>
      </c>
    </row>
    <row r="15" spans="2:156" ht="21" customHeight="1" x14ac:dyDescent="0.2">
      <c r="B15" s="166" t="s">
        <v>12</v>
      </c>
      <c r="C15" s="159">
        <v>0</v>
      </c>
      <c r="D15" s="160">
        <v>0</v>
      </c>
      <c r="E15" s="161">
        <v>0</v>
      </c>
      <c r="F15" s="162">
        <v>0</v>
      </c>
      <c r="G15" s="160">
        <v>33</v>
      </c>
      <c r="H15" s="160">
        <v>47</v>
      </c>
      <c r="I15" s="160">
        <v>21</v>
      </c>
      <c r="J15" s="160">
        <v>22</v>
      </c>
      <c r="K15" s="160">
        <v>7</v>
      </c>
      <c r="L15" s="163">
        <v>130</v>
      </c>
      <c r="M15" s="164">
        <v>130</v>
      </c>
      <c r="N15" s="159">
        <v>0</v>
      </c>
      <c r="O15" s="160">
        <v>0</v>
      </c>
      <c r="P15" s="165">
        <v>0</v>
      </c>
      <c r="Q15" s="162">
        <v>0</v>
      </c>
      <c r="R15" s="160">
        <v>0</v>
      </c>
      <c r="S15" s="160">
        <v>0</v>
      </c>
      <c r="T15" s="160">
        <v>4</v>
      </c>
      <c r="U15" s="160">
        <v>2</v>
      </c>
      <c r="V15" s="160">
        <v>3</v>
      </c>
      <c r="W15" s="165">
        <v>9</v>
      </c>
      <c r="X15" s="164">
        <v>9</v>
      </c>
      <c r="Y15" s="159">
        <v>10</v>
      </c>
      <c r="Z15" s="160">
        <v>26</v>
      </c>
      <c r="AA15" s="165">
        <v>36</v>
      </c>
      <c r="AB15" s="162">
        <v>0</v>
      </c>
      <c r="AC15" s="160">
        <v>25</v>
      </c>
      <c r="AD15" s="160">
        <v>47</v>
      </c>
      <c r="AE15" s="160">
        <v>18</v>
      </c>
      <c r="AF15" s="160">
        <v>12</v>
      </c>
      <c r="AG15" s="160">
        <v>8</v>
      </c>
      <c r="AH15" s="165">
        <v>110</v>
      </c>
      <c r="AI15" s="164">
        <v>146</v>
      </c>
      <c r="AJ15" s="159">
        <v>0</v>
      </c>
      <c r="AK15" s="160">
        <v>2</v>
      </c>
      <c r="AL15" s="165">
        <v>2</v>
      </c>
      <c r="AM15" s="162">
        <v>0</v>
      </c>
      <c r="AN15" s="160">
        <v>1</v>
      </c>
      <c r="AO15" s="160">
        <v>5</v>
      </c>
      <c r="AP15" s="160">
        <v>2</v>
      </c>
      <c r="AQ15" s="160">
        <v>1</v>
      </c>
      <c r="AR15" s="160">
        <v>0</v>
      </c>
      <c r="AS15" s="165">
        <v>9</v>
      </c>
      <c r="AT15" s="164">
        <v>11</v>
      </c>
      <c r="AU15" s="159">
        <v>7</v>
      </c>
      <c r="AV15" s="160">
        <v>18</v>
      </c>
      <c r="AW15" s="165">
        <v>25</v>
      </c>
      <c r="AX15" s="162">
        <v>0</v>
      </c>
      <c r="AY15" s="160">
        <v>29</v>
      </c>
      <c r="AZ15" s="160">
        <v>41</v>
      </c>
      <c r="BA15" s="160">
        <v>27</v>
      </c>
      <c r="BB15" s="160">
        <v>36</v>
      </c>
      <c r="BC15" s="160">
        <v>17</v>
      </c>
      <c r="BD15" s="163">
        <v>150</v>
      </c>
      <c r="BE15" s="164">
        <v>175</v>
      </c>
      <c r="BF15" s="159">
        <v>0</v>
      </c>
      <c r="BG15" s="160">
        <v>0</v>
      </c>
      <c r="BH15" s="165">
        <v>0</v>
      </c>
      <c r="BI15" s="162">
        <v>0</v>
      </c>
      <c r="BJ15" s="160">
        <v>60</v>
      </c>
      <c r="BK15" s="160">
        <v>48</v>
      </c>
      <c r="BL15" s="160">
        <v>24</v>
      </c>
      <c r="BM15" s="160">
        <v>10</v>
      </c>
      <c r="BN15" s="160">
        <v>1</v>
      </c>
      <c r="BO15" s="165">
        <v>143</v>
      </c>
      <c r="BP15" s="164">
        <v>143</v>
      </c>
      <c r="BQ15" s="159">
        <v>11</v>
      </c>
      <c r="BR15" s="160">
        <v>15</v>
      </c>
      <c r="BS15" s="165">
        <v>26</v>
      </c>
      <c r="BT15" s="162">
        <v>0</v>
      </c>
      <c r="BU15" s="160">
        <v>9</v>
      </c>
      <c r="BV15" s="160">
        <v>23</v>
      </c>
      <c r="BW15" s="160">
        <v>13</v>
      </c>
      <c r="BX15" s="160">
        <v>4</v>
      </c>
      <c r="BY15" s="160">
        <v>1</v>
      </c>
      <c r="BZ15" s="165">
        <v>50</v>
      </c>
      <c r="CA15" s="164">
        <v>76</v>
      </c>
      <c r="CB15" s="159">
        <v>0</v>
      </c>
      <c r="CC15" s="160">
        <v>2</v>
      </c>
      <c r="CD15" s="165">
        <v>2</v>
      </c>
      <c r="CE15" s="162">
        <v>0</v>
      </c>
      <c r="CF15" s="160">
        <v>6</v>
      </c>
      <c r="CG15" s="160">
        <v>9</v>
      </c>
      <c r="CH15" s="160">
        <v>5</v>
      </c>
      <c r="CI15" s="160">
        <v>7</v>
      </c>
      <c r="CJ15" s="160">
        <v>4</v>
      </c>
      <c r="CK15" s="165">
        <v>31</v>
      </c>
      <c r="CL15" s="164">
        <v>33</v>
      </c>
      <c r="CM15" s="159">
        <v>0</v>
      </c>
      <c r="CN15" s="160">
        <v>0</v>
      </c>
      <c r="CO15" s="165">
        <v>0</v>
      </c>
      <c r="CP15" s="162">
        <v>0</v>
      </c>
      <c r="CQ15" s="160">
        <v>0</v>
      </c>
      <c r="CR15" s="160">
        <v>0</v>
      </c>
      <c r="CS15" s="160">
        <v>1</v>
      </c>
      <c r="CT15" s="160">
        <v>1</v>
      </c>
      <c r="CU15" s="160">
        <v>0</v>
      </c>
      <c r="CV15" s="165">
        <v>2</v>
      </c>
      <c r="CW15" s="164">
        <v>2</v>
      </c>
      <c r="CX15" s="159">
        <v>0</v>
      </c>
      <c r="CY15" s="160">
        <v>0</v>
      </c>
      <c r="CZ15" s="165">
        <v>0</v>
      </c>
      <c r="DA15" s="162">
        <v>0</v>
      </c>
      <c r="DB15" s="160">
        <v>0</v>
      </c>
      <c r="DC15" s="160">
        <v>0</v>
      </c>
      <c r="DD15" s="160">
        <v>0</v>
      </c>
      <c r="DE15" s="160">
        <v>0</v>
      </c>
      <c r="DF15" s="160">
        <v>0</v>
      </c>
      <c r="DG15" s="165">
        <v>0</v>
      </c>
      <c r="DH15" s="164">
        <v>0</v>
      </c>
      <c r="DI15" s="159">
        <v>0</v>
      </c>
      <c r="DJ15" s="160">
        <v>0</v>
      </c>
      <c r="DK15" s="165">
        <v>0</v>
      </c>
      <c r="DL15" s="162">
        <v>0</v>
      </c>
      <c r="DM15" s="160">
        <v>0</v>
      </c>
      <c r="DN15" s="160">
        <v>0</v>
      </c>
      <c r="DO15" s="160">
        <v>0</v>
      </c>
      <c r="DP15" s="160">
        <v>0</v>
      </c>
      <c r="DQ15" s="160">
        <v>0</v>
      </c>
      <c r="DR15" s="165">
        <v>0</v>
      </c>
      <c r="DS15" s="164">
        <v>0</v>
      </c>
      <c r="DT15" s="159">
        <v>33</v>
      </c>
      <c r="DU15" s="160">
        <v>61</v>
      </c>
      <c r="DV15" s="165">
        <v>94</v>
      </c>
      <c r="DW15" s="162">
        <v>0</v>
      </c>
      <c r="DX15" s="160">
        <v>40</v>
      </c>
      <c r="DY15" s="160">
        <v>98</v>
      </c>
      <c r="DZ15" s="160">
        <v>58</v>
      </c>
      <c r="EA15" s="160">
        <v>45</v>
      </c>
      <c r="EB15" s="160">
        <v>19</v>
      </c>
      <c r="EC15" s="165">
        <v>260</v>
      </c>
      <c r="ED15" s="164">
        <v>354</v>
      </c>
      <c r="EE15" s="159">
        <v>4</v>
      </c>
      <c r="EF15" s="160">
        <v>9</v>
      </c>
      <c r="EG15" s="165">
        <v>13</v>
      </c>
      <c r="EH15" s="162">
        <v>0</v>
      </c>
      <c r="EI15" s="160">
        <v>15</v>
      </c>
      <c r="EJ15" s="160">
        <v>16</v>
      </c>
      <c r="EK15" s="160">
        <v>8</v>
      </c>
      <c r="EL15" s="160">
        <v>13</v>
      </c>
      <c r="EM15" s="160">
        <v>5</v>
      </c>
      <c r="EN15" s="165">
        <v>57</v>
      </c>
      <c r="EO15" s="164">
        <v>70</v>
      </c>
      <c r="EP15" s="159">
        <v>48</v>
      </c>
      <c r="EQ15" s="160">
        <v>82</v>
      </c>
      <c r="ER15" s="165">
        <v>130</v>
      </c>
      <c r="ES15" s="162">
        <v>0</v>
      </c>
      <c r="ET15" s="160">
        <v>119</v>
      </c>
      <c r="EU15" s="160">
        <v>137</v>
      </c>
      <c r="EV15" s="160">
        <v>64</v>
      </c>
      <c r="EW15" s="160">
        <v>46</v>
      </c>
      <c r="EX15" s="160">
        <v>15</v>
      </c>
      <c r="EY15" s="165">
        <v>381</v>
      </c>
      <c r="EZ15" s="164">
        <v>511</v>
      </c>
    </row>
    <row r="16" spans="2:156" ht="21" customHeight="1" x14ac:dyDescent="0.2">
      <c r="B16" s="166" t="s">
        <v>13</v>
      </c>
      <c r="C16" s="159">
        <v>0</v>
      </c>
      <c r="D16" s="160">
        <v>0</v>
      </c>
      <c r="E16" s="161">
        <v>0</v>
      </c>
      <c r="F16" s="162">
        <v>0</v>
      </c>
      <c r="G16" s="160">
        <v>16</v>
      </c>
      <c r="H16" s="160">
        <v>17</v>
      </c>
      <c r="I16" s="160">
        <v>14</v>
      </c>
      <c r="J16" s="160">
        <v>9</v>
      </c>
      <c r="K16" s="160">
        <v>10</v>
      </c>
      <c r="L16" s="163">
        <v>66</v>
      </c>
      <c r="M16" s="164">
        <v>66</v>
      </c>
      <c r="N16" s="159">
        <v>0</v>
      </c>
      <c r="O16" s="160">
        <v>0</v>
      </c>
      <c r="P16" s="165">
        <v>0</v>
      </c>
      <c r="Q16" s="162">
        <v>0</v>
      </c>
      <c r="R16" s="160">
        <v>0</v>
      </c>
      <c r="S16" s="160">
        <v>0</v>
      </c>
      <c r="T16" s="160">
        <v>2</v>
      </c>
      <c r="U16" s="160">
        <v>3</v>
      </c>
      <c r="V16" s="160">
        <v>3</v>
      </c>
      <c r="W16" s="165">
        <v>8</v>
      </c>
      <c r="X16" s="164">
        <v>8</v>
      </c>
      <c r="Y16" s="159">
        <v>1</v>
      </c>
      <c r="Z16" s="160">
        <v>1</v>
      </c>
      <c r="AA16" s="165">
        <v>2</v>
      </c>
      <c r="AB16" s="162">
        <v>0</v>
      </c>
      <c r="AC16" s="160">
        <v>17</v>
      </c>
      <c r="AD16" s="160">
        <v>18</v>
      </c>
      <c r="AE16" s="160">
        <v>11</v>
      </c>
      <c r="AF16" s="160">
        <v>7</v>
      </c>
      <c r="AG16" s="160">
        <v>9</v>
      </c>
      <c r="AH16" s="165">
        <v>62</v>
      </c>
      <c r="AI16" s="164">
        <v>64</v>
      </c>
      <c r="AJ16" s="159">
        <v>0</v>
      </c>
      <c r="AK16" s="160">
        <v>0</v>
      </c>
      <c r="AL16" s="165">
        <v>0</v>
      </c>
      <c r="AM16" s="162">
        <v>0</v>
      </c>
      <c r="AN16" s="160">
        <v>2</v>
      </c>
      <c r="AO16" s="160">
        <v>1</v>
      </c>
      <c r="AP16" s="160">
        <v>3</v>
      </c>
      <c r="AQ16" s="160">
        <v>0</v>
      </c>
      <c r="AR16" s="160">
        <v>0</v>
      </c>
      <c r="AS16" s="165">
        <v>6</v>
      </c>
      <c r="AT16" s="164">
        <v>6</v>
      </c>
      <c r="AU16" s="159">
        <v>2</v>
      </c>
      <c r="AV16" s="160">
        <v>2</v>
      </c>
      <c r="AW16" s="165">
        <v>4</v>
      </c>
      <c r="AX16" s="162">
        <v>0</v>
      </c>
      <c r="AY16" s="160">
        <v>21</v>
      </c>
      <c r="AZ16" s="160">
        <v>22</v>
      </c>
      <c r="BA16" s="160">
        <v>21</v>
      </c>
      <c r="BB16" s="160">
        <v>25</v>
      </c>
      <c r="BC16" s="160">
        <v>16</v>
      </c>
      <c r="BD16" s="163">
        <v>105</v>
      </c>
      <c r="BE16" s="164">
        <v>109</v>
      </c>
      <c r="BF16" s="159">
        <v>0</v>
      </c>
      <c r="BG16" s="160">
        <v>0</v>
      </c>
      <c r="BH16" s="165">
        <v>0</v>
      </c>
      <c r="BI16" s="162">
        <v>0</v>
      </c>
      <c r="BJ16" s="160">
        <v>24</v>
      </c>
      <c r="BK16" s="160">
        <v>19</v>
      </c>
      <c r="BL16" s="160">
        <v>8</v>
      </c>
      <c r="BM16" s="160">
        <v>5</v>
      </c>
      <c r="BN16" s="160">
        <v>2</v>
      </c>
      <c r="BO16" s="165">
        <v>58</v>
      </c>
      <c r="BP16" s="164">
        <v>58</v>
      </c>
      <c r="BQ16" s="159">
        <v>0</v>
      </c>
      <c r="BR16" s="160">
        <v>1</v>
      </c>
      <c r="BS16" s="165">
        <v>1</v>
      </c>
      <c r="BT16" s="162">
        <v>0</v>
      </c>
      <c r="BU16" s="160">
        <v>4</v>
      </c>
      <c r="BV16" s="160">
        <v>1</v>
      </c>
      <c r="BW16" s="160">
        <v>0</v>
      </c>
      <c r="BX16" s="160">
        <v>1</v>
      </c>
      <c r="BY16" s="160">
        <v>1</v>
      </c>
      <c r="BZ16" s="165">
        <v>7</v>
      </c>
      <c r="CA16" s="164">
        <v>8</v>
      </c>
      <c r="CB16" s="159">
        <v>0</v>
      </c>
      <c r="CC16" s="160">
        <v>0</v>
      </c>
      <c r="CD16" s="165">
        <v>0</v>
      </c>
      <c r="CE16" s="162">
        <v>0</v>
      </c>
      <c r="CF16" s="160">
        <v>5</v>
      </c>
      <c r="CG16" s="160">
        <v>4</v>
      </c>
      <c r="CH16" s="160">
        <v>3</v>
      </c>
      <c r="CI16" s="160">
        <v>1</v>
      </c>
      <c r="CJ16" s="160">
        <v>0</v>
      </c>
      <c r="CK16" s="165">
        <v>13</v>
      </c>
      <c r="CL16" s="164">
        <v>13</v>
      </c>
      <c r="CM16" s="159">
        <v>0</v>
      </c>
      <c r="CN16" s="160">
        <v>0</v>
      </c>
      <c r="CO16" s="165">
        <v>0</v>
      </c>
      <c r="CP16" s="162">
        <v>0</v>
      </c>
      <c r="CQ16" s="160">
        <v>0</v>
      </c>
      <c r="CR16" s="160">
        <v>0</v>
      </c>
      <c r="CS16" s="160">
        <v>0</v>
      </c>
      <c r="CT16" s="160">
        <v>0</v>
      </c>
      <c r="CU16" s="160">
        <v>0</v>
      </c>
      <c r="CV16" s="165">
        <v>0</v>
      </c>
      <c r="CW16" s="164">
        <v>0</v>
      </c>
      <c r="CX16" s="159">
        <v>0</v>
      </c>
      <c r="CY16" s="160">
        <v>0</v>
      </c>
      <c r="CZ16" s="165">
        <v>0</v>
      </c>
      <c r="DA16" s="162">
        <v>0</v>
      </c>
      <c r="DB16" s="160">
        <v>0</v>
      </c>
      <c r="DC16" s="160">
        <v>0</v>
      </c>
      <c r="DD16" s="160">
        <v>0</v>
      </c>
      <c r="DE16" s="160">
        <v>0</v>
      </c>
      <c r="DF16" s="160">
        <v>0</v>
      </c>
      <c r="DG16" s="165">
        <v>0</v>
      </c>
      <c r="DH16" s="164">
        <v>0</v>
      </c>
      <c r="DI16" s="159">
        <v>0</v>
      </c>
      <c r="DJ16" s="160">
        <v>0</v>
      </c>
      <c r="DK16" s="165">
        <v>0</v>
      </c>
      <c r="DL16" s="162">
        <v>0</v>
      </c>
      <c r="DM16" s="160">
        <v>0</v>
      </c>
      <c r="DN16" s="160">
        <v>0</v>
      </c>
      <c r="DO16" s="160">
        <v>0</v>
      </c>
      <c r="DP16" s="160">
        <v>0</v>
      </c>
      <c r="DQ16" s="160">
        <v>0</v>
      </c>
      <c r="DR16" s="165">
        <v>0</v>
      </c>
      <c r="DS16" s="164">
        <v>0</v>
      </c>
      <c r="DT16" s="159">
        <v>9</v>
      </c>
      <c r="DU16" s="160">
        <v>6</v>
      </c>
      <c r="DV16" s="165">
        <v>15</v>
      </c>
      <c r="DW16" s="162">
        <v>0</v>
      </c>
      <c r="DX16" s="160">
        <v>27</v>
      </c>
      <c r="DY16" s="160">
        <v>40</v>
      </c>
      <c r="DZ16" s="160">
        <v>20</v>
      </c>
      <c r="EA16" s="160">
        <v>18</v>
      </c>
      <c r="EB16" s="160">
        <v>15</v>
      </c>
      <c r="EC16" s="165">
        <v>120</v>
      </c>
      <c r="ED16" s="164">
        <v>135</v>
      </c>
      <c r="EE16" s="159">
        <v>0</v>
      </c>
      <c r="EF16" s="160">
        <v>1</v>
      </c>
      <c r="EG16" s="165">
        <v>1</v>
      </c>
      <c r="EH16" s="162">
        <v>0</v>
      </c>
      <c r="EI16" s="160">
        <v>12</v>
      </c>
      <c r="EJ16" s="160">
        <v>7</v>
      </c>
      <c r="EK16" s="160">
        <v>7</v>
      </c>
      <c r="EL16" s="160">
        <v>14</v>
      </c>
      <c r="EM16" s="160">
        <v>5</v>
      </c>
      <c r="EN16" s="165">
        <v>45</v>
      </c>
      <c r="EO16" s="164">
        <v>46</v>
      </c>
      <c r="EP16" s="159">
        <v>9</v>
      </c>
      <c r="EQ16" s="160">
        <v>7</v>
      </c>
      <c r="ER16" s="165">
        <v>16</v>
      </c>
      <c r="ES16" s="162">
        <v>0</v>
      </c>
      <c r="ET16" s="160">
        <v>64</v>
      </c>
      <c r="EU16" s="160">
        <v>56</v>
      </c>
      <c r="EV16" s="160">
        <v>29</v>
      </c>
      <c r="EW16" s="160">
        <v>17</v>
      </c>
      <c r="EX16" s="160">
        <v>13</v>
      </c>
      <c r="EY16" s="165">
        <v>179</v>
      </c>
      <c r="EZ16" s="164">
        <v>195</v>
      </c>
    </row>
    <row r="17" spans="2:156" ht="21" customHeight="1" x14ac:dyDescent="0.2">
      <c r="B17" s="166" t="s">
        <v>15</v>
      </c>
      <c r="C17" s="159">
        <v>0</v>
      </c>
      <c r="D17" s="160">
        <v>0</v>
      </c>
      <c r="E17" s="161">
        <v>0</v>
      </c>
      <c r="F17" s="162">
        <v>0</v>
      </c>
      <c r="G17" s="160">
        <v>6</v>
      </c>
      <c r="H17" s="160">
        <v>9</v>
      </c>
      <c r="I17" s="160">
        <v>2</v>
      </c>
      <c r="J17" s="160">
        <v>5</v>
      </c>
      <c r="K17" s="160">
        <v>1</v>
      </c>
      <c r="L17" s="163">
        <v>23</v>
      </c>
      <c r="M17" s="164">
        <v>23</v>
      </c>
      <c r="N17" s="159">
        <v>0</v>
      </c>
      <c r="O17" s="160">
        <v>0</v>
      </c>
      <c r="P17" s="165">
        <v>0</v>
      </c>
      <c r="Q17" s="162">
        <v>0</v>
      </c>
      <c r="R17" s="160">
        <v>0</v>
      </c>
      <c r="S17" s="160">
        <v>0</v>
      </c>
      <c r="T17" s="160">
        <v>0</v>
      </c>
      <c r="U17" s="160">
        <v>2</v>
      </c>
      <c r="V17" s="160">
        <v>2</v>
      </c>
      <c r="W17" s="165">
        <v>4</v>
      </c>
      <c r="X17" s="164">
        <v>4</v>
      </c>
      <c r="Y17" s="159">
        <v>0</v>
      </c>
      <c r="Z17" s="160">
        <v>2</v>
      </c>
      <c r="AA17" s="165">
        <v>2</v>
      </c>
      <c r="AB17" s="162">
        <v>0</v>
      </c>
      <c r="AC17" s="160">
        <v>4</v>
      </c>
      <c r="AD17" s="160">
        <v>7</v>
      </c>
      <c r="AE17" s="160">
        <v>1</v>
      </c>
      <c r="AF17" s="160">
        <v>4</v>
      </c>
      <c r="AG17" s="160">
        <v>2</v>
      </c>
      <c r="AH17" s="165">
        <v>18</v>
      </c>
      <c r="AI17" s="164">
        <v>20</v>
      </c>
      <c r="AJ17" s="159">
        <v>0</v>
      </c>
      <c r="AK17" s="160">
        <v>0</v>
      </c>
      <c r="AL17" s="165">
        <v>0</v>
      </c>
      <c r="AM17" s="162">
        <v>0</v>
      </c>
      <c r="AN17" s="160">
        <v>3</v>
      </c>
      <c r="AO17" s="160">
        <v>1</v>
      </c>
      <c r="AP17" s="160">
        <v>0</v>
      </c>
      <c r="AQ17" s="160">
        <v>0</v>
      </c>
      <c r="AR17" s="160">
        <v>0</v>
      </c>
      <c r="AS17" s="165">
        <v>4</v>
      </c>
      <c r="AT17" s="164">
        <v>4</v>
      </c>
      <c r="AU17" s="159">
        <v>0</v>
      </c>
      <c r="AV17" s="160">
        <v>0</v>
      </c>
      <c r="AW17" s="165">
        <v>0</v>
      </c>
      <c r="AX17" s="162">
        <v>0</v>
      </c>
      <c r="AY17" s="160">
        <v>9</v>
      </c>
      <c r="AZ17" s="160">
        <v>4</v>
      </c>
      <c r="BA17" s="160">
        <v>5</v>
      </c>
      <c r="BB17" s="160">
        <v>5</v>
      </c>
      <c r="BC17" s="160">
        <v>2</v>
      </c>
      <c r="BD17" s="163">
        <v>25</v>
      </c>
      <c r="BE17" s="164">
        <v>25</v>
      </c>
      <c r="BF17" s="159">
        <v>0</v>
      </c>
      <c r="BG17" s="160">
        <v>0</v>
      </c>
      <c r="BH17" s="165">
        <v>0</v>
      </c>
      <c r="BI17" s="162">
        <v>0</v>
      </c>
      <c r="BJ17" s="160">
        <v>3</v>
      </c>
      <c r="BK17" s="160">
        <v>7</v>
      </c>
      <c r="BL17" s="160">
        <v>2</v>
      </c>
      <c r="BM17" s="160">
        <v>2</v>
      </c>
      <c r="BN17" s="160">
        <v>0</v>
      </c>
      <c r="BO17" s="165">
        <v>14</v>
      </c>
      <c r="BP17" s="164">
        <v>14</v>
      </c>
      <c r="BQ17" s="159">
        <v>0</v>
      </c>
      <c r="BR17" s="160">
        <v>0</v>
      </c>
      <c r="BS17" s="165">
        <v>0</v>
      </c>
      <c r="BT17" s="162">
        <v>0</v>
      </c>
      <c r="BU17" s="160">
        <v>2</v>
      </c>
      <c r="BV17" s="160">
        <v>1</v>
      </c>
      <c r="BW17" s="160">
        <v>5</v>
      </c>
      <c r="BX17" s="160">
        <v>1</v>
      </c>
      <c r="BY17" s="160">
        <v>0</v>
      </c>
      <c r="BZ17" s="165">
        <v>9</v>
      </c>
      <c r="CA17" s="164">
        <v>9</v>
      </c>
      <c r="CB17" s="159">
        <v>0</v>
      </c>
      <c r="CC17" s="160">
        <v>0</v>
      </c>
      <c r="CD17" s="165">
        <v>0</v>
      </c>
      <c r="CE17" s="162">
        <v>0</v>
      </c>
      <c r="CF17" s="160">
        <v>0</v>
      </c>
      <c r="CG17" s="160">
        <v>4</v>
      </c>
      <c r="CH17" s="160">
        <v>1</v>
      </c>
      <c r="CI17" s="160">
        <v>2</v>
      </c>
      <c r="CJ17" s="160">
        <v>1</v>
      </c>
      <c r="CK17" s="165">
        <v>8</v>
      </c>
      <c r="CL17" s="164">
        <v>8</v>
      </c>
      <c r="CM17" s="159">
        <v>0</v>
      </c>
      <c r="CN17" s="160">
        <v>0</v>
      </c>
      <c r="CO17" s="165">
        <v>0</v>
      </c>
      <c r="CP17" s="162">
        <v>0</v>
      </c>
      <c r="CQ17" s="160">
        <v>0</v>
      </c>
      <c r="CR17" s="160">
        <v>0</v>
      </c>
      <c r="CS17" s="160">
        <v>0</v>
      </c>
      <c r="CT17" s="160">
        <v>0</v>
      </c>
      <c r="CU17" s="160">
        <v>0</v>
      </c>
      <c r="CV17" s="165">
        <v>0</v>
      </c>
      <c r="CW17" s="164">
        <v>0</v>
      </c>
      <c r="CX17" s="159">
        <v>0</v>
      </c>
      <c r="CY17" s="160">
        <v>0</v>
      </c>
      <c r="CZ17" s="165">
        <v>0</v>
      </c>
      <c r="DA17" s="162">
        <v>0</v>
      </c>
      <c r="DB17" s="160">
        <v>0</v>
      </c>
      <c r="DC17" s="160">
        <v>0</v>
      </c>
      <c r="DD17" s="160">
        <v>0</v>
      </c>
      <c r="DE17" s="160">
        <v>0</v>
      </c>
      <c r="DF17" s="160">
        <v>0</v>
      </c>
      <c r="DG17" s="165">
        <v>0</v>
      </c>
      <c r="DH17" s="164">
        <v>0</v>
      </c>
      <c r="DI17" s="159">
        <v>0</v>
      </c>
      <c r="DJ17" s="160">
        <v>0</v>
      </c>
      <c r="DK17" s="165">
        <v>0</v>
      </c>
      <c r="DL17" s="162">
        <v>0</v>
      </c>
      <c r="DM17" s="160">
        <v>0</v>
      </c>
      <c r="DN17" s="160">
        <v>0</v>
      </c>
      <c r="DO17" s="160">
        <v>0</v>
      </c>
      <c r="DP17" s="160">
        <v>0</v>
      </c>
      <c r="DQ17" s="160">
        <v>0</v>
      </c>
      <c r="DR17" s="165">
        <v>0</v>
      </c>
      <c r="DS17" s="164">
        <v>0</v>
      </c>
      <c r="DT17" s="159">
        <v>2</v>
      </c>
      <c r="DU17" s="160">
        <v>6</v>
      </c>
      <c r="DV17" s="165">
        <v>8</v>
      </c>
      <c r="DW17" s="162">
        <v>0</v>
      </c>
      <c r="DX17" s="160">
        <v>11</v>
      </c>
      <c r="DY17" s="160">
        <v>19</v>
      </c>
      <c r="DZ17" s="160">
        <v>11</v>
      </c>
      <c r="EA17" s="160">
        <v>11</v>
      </c>
      <c r="EB17" s="160">
        <v>5</v>
      </c>
      <c r="EC17" s="165">
        <v>57</v>
      </c>
      <c r="ED17" s="164">
        <v>65</v>
      </c>
      <c r="EE17" s="159">
        <v>0</v>
      </c>
      <c r="EF17" s="160">
        <v>3</v>
      </c>
      <c r="EG17" s="165">
        <v>3</v>
      </c>
      <c r="EH17" s="162">
        <v>0</v>
      </c>
      <c r="EI17" s="160">
        <v>8</v>
      </c>
      <c r="EJ17" s="160">
        <v>1</v>
      </c>
      <c r="EK17" s="160">
        <v>2</v>
      </c>
      <c r="EL17" s="160">
        <v>0</v>
      </c>
      <c r="EM17" s="160">
        <v>0</v>
      </c>
      <c r="EN17" s="165">
        <v>11</v>
      </c>
      <c r="EO17" s="164">
        <v>14</v>
      </c>
      <c r="EP17" s="159">
        <v>2</v>
      </c>
      <c r="EQ17" s="160">
        <v>8</v>
      </c>
      <c r="ER17" s="165">
        <v>10</v>
      </c>
      <c r="ES17" s="162">
        <v>0</v>
      </c>
      <c r="ET17" s="160">
        <v>28</v>
      </c>
      <c r="EU17" s="160">
        <v>31</v>
      </c>
      <c r="EV17" s="160">
        <v>10</v>
      </c>
      <c r="EW17" s="160">
        <v>14</v>
      </c>
      <c r="EX17" s="160">
        <v>5</v>
      </c>
      <c r="EY17" s="165">
        <v>88</v>
      </c>
      <c r="EZ17" s="164">
        <v>98</v>
      </c>
    </row>
    <row r="18" spans="2:156" ht="21" customHeight="1" x14ac:dyDescent="0.2">
      <c r="B18" s="166" t="s">
        <v>16</v>
      </c>
      <c r="C18" s="159">
        <v>0</v>
      </c>
      <c r="D18" s="160">
        <v>0</v>
      </c>
      <c r="E18" s="161">
        <v>0</v>
      </c>
      <c r="F18" s="162">
        <v>0</v>
      </c>
      <c r="G18" s="160">
        <v>15</v>
      </c>
      <c r="H18" s="160">
        <v>11</v>
      </c>
      <c r="I18" s="160">
        <v>10</v>
      </c>
      <c r="J18" s="160">
        <v>3</v>
      </c>
      <c r="K18" s="160">
        <v>4</v>
      </c>
      <c r="L18" s="163">
        <v>43</v>
      </c>
      <c r="M18" s="164">
        <v>43</v>
      </c>
      <c r="N18" s="159">
        <v>0</v>
      </c>
      <c r="O18" s="160">
        <v>0</v>
      </c>
      <c r="P18" s="165">
        <v>0</v>
      </c>
      <c r="Q18" s="162">
        <v>0</v>
      </c>
      <c r="R18" s="160">
        <v>1</v>
      </c>
      <c r="S18" s="160">
        <v>0</v>
      </c>
      <c r="T18" s="160">
        <v>1</v>
      </c>
      <c r="U18" s="160">
        <v>0</v>
      </c>
      <c r="V18" s="160">
        <v>3</v>
      </c>
      <c r="W18" s="165">
        <v>5</v>
      </c>
      <c r="X18" s="164">
        <v>5</v>
      </c>
      <c r="Y18" s="159">
        <v>6</v>
      </c>
      <c r="Z18" s="160">
        <v>4</v>
      </c>
      <c r="AA18" s="165">
        <v>10</v>
      </c>
      <c r="AB18" s="162">
        <v>0</v>
      </c>
      <c r="AC18" s="160">
        <v>14</v>
      </c>
      <c r="AD18" s="160">
        <v>24</v>
      </c>
      <c r="AE18" s="160">
        <v>8</v>
      </c>
      <c r="AF18" s="160">
        <v>7</v>
      </c>
      <c r="AG18" s="160">
        <v>5</v>
      </c>
      <c r="AH18" s="165">
        <v>58</v>
      </c>
      <c r="AI18" s="164">
        <v>68</v>
      </c>
      <c r="AJ18" s="159">
        <v>0</v>
      </c>
      <c r="AK18" s="160">
        <v>1</v>
      </c>
      <c r="AL18" s="165">
        <v>1</v>
      </c>
      <c r="AM18" s="162">
        <v>0</v>
      </c>
      <c r="AN18" s="160">
        <v>1</v>
      </c>
      <c r="AO18" s="160">
        <v>2</v>
      </c>
      <c r="AP18" s="160">
        <v>0</v>
      </c>
      <c r="AQ18" s="160">
        <v>0</v>
      </c>
      <c r="AR18" s="160">
        <v>2</v>
      </c>
      <c r="AS18" s="165">
        <v>5</v>
      </c>
      <c r="AT18" s="164">
        <v>6</v>
      </c>
      <c r="AU18" s="159">
        <v>2</v>
      </c>
      <c r="AV18" s="160">
        <v>5</v>
      </c>
      <c r="AW18" s="165">
        <v>7</v>
      </c>
      <c r="AX18" s="162">
        <v>0</v>
      </c>
      <c r="AY18" s="160">
        <v>17</v>
      </c>
      <c r="AZ18" s="160">
        <v>23</v>
      </c>
      <c r="BA18" s="160">
        <v>17</v>
      </c>
      <c r="BB18" s="160">
        <v>15</v>
      </c>
      <c r="BC18" s="160">
        <v>13</v>
      </c>
      <c r="BD18" s="163">
        <v>85</v>
      </c>
      <c r="BE18" s="164">
        <v>92</v>
      </c>
      <c r="BF18" s="159">
        <v>0</v>
      </c>
      <c r="BG18" s="160">
        <v>0</v>
      </c>
      <c r="BH18" s="165">
        <v>0</v>
      </c>
      <c r="BI18" s="162">
        <v>0</v>
      </c>
      <c r="BJ18" s="160">
        <v>21</v>
      </c>
      <c r="BK18" s="160">
        <v>22</v>
      </c>
      <c r="BL18" s="160">
        <v>8</v>
      </c>
      <c r="BM18" s="160">
        <v>4</v>
      </c>
      <c r="BN18" s="160">
        <v>1</v>
      </c>
      <c r="BO18" s="165">
        <v>56</v>
      </c>
      <c r="BP18" s="164">
        <v>56</v>
      </c>
      <c r="BQ18" s="159">
        <v>2</v>
      </c>
      <c r="BR18" s="160">
        <v>8</v>
      </c>
      <c r="BS18" s="165">
        <v>10</v>
      </c>
      <c r="BT18" s="162">
        <v>0</v>
      </c>
      <c r="BU18" s="160">
        <v>13</v>
      </c>
      <c r="BV18" s="160">
        <v>21</v>
      </c>
      <c r="BW18" s="160">
        <v>7</v>
      </c>
      <c r="BX18" s="160">
        <v>2</v>
      </c>
      <c r="BY18" s="160">
        <v>1</v>
      </c>
      <c r="BZ18" s="165">
        <v>44</v>
      </c>
      <c r="CA18" s="164">
        <v>54</v>
      </c>
      <c r="CB18" s="159">
        <v>0</v>
      </c>
      <c r="CC18" s="160">
        <v>0</v>
      </c>
      <c r="CD18" s="165">
        <v>0</v>
      </c>
      <c r="CE18" s="162">
        <v>0</v>
      </c>
      <c r="CF18" s="160">
        <v>0</v>
      </c>
      <c r="CG18" s="160">
        <v>2</v>
      </c>
      <c r="CH18" s="160">
        <v>4</v>
      </c>
      <c r="CI18" s="160">
        <v>1</v>
      </c>
      <c r="CJ18" s="160">
        <v>1</v>
      </c>
      <c r="CK18" s="165">
        <v>8</v>
      </c>
      <c r="CL18" s="164">
        <v>8</v>
      </c>
      <c r="CM18" s="159">
        <v>0</v>
      </c>
      <c r="CN18" s="160">
        <v>0</v>
      </c>
      <c r="CO18" s="165">
        <v>0</v>
      </c>
      <c r="CP18" s="162">
        <v>0</v>
      </c>
      <c r="CQ18" s="160">
        <v>2</v>
      </c>
      <c r="CR18" s="160">
        <v>2</v>
      </c>
      <c r="CS18" s="160">
        <v>0</v>
      </c>
      <c r="CT18" s="160">
        <v>0</v>
      </c>
      <c r="CU18" s="160">
        <v>0</v>
      </c>
      <c r="CV18" s="165">
        <v>4</v>
      </c>
      <c r="CW18" s="164">
        <v>4</v>
      </c>
      <c r="CX18" s="159">
        <v>0</v>
      </c>
      <c r="CY18" s="160">
        <v>0</v>
      </c>
      <c r="CZ18" s="165">
        <v>0</v>
      </c>
      <c r="DA18" s="162">
        <v>0</v>
      </c>
      <c r="DB18" s="160">
        <v>0</v>
      </c>
      <c r="DC18" s="160">
        <v>0</v>
      </c>
      <c r="DD18" s="160">
        <v>0</v>
      </c>
      <c r="DE18" s="160">
        <v>0</v>
      </c>
      <c r="DF18" s="160">
        <v>0</v>
      </c>
      <c r="DG18" s="165">
        <v>0</v>
      </c>
      <c r="DH18" s="164">
        <v>0</v>
      </c>
      <c r="DI18" s="159">
        <v>0</v>
      </c>
      <c r="DJ18" s="160">
        <v>0</v>
      </c>
      <c r="DK18" s="165">
        <v>0</v>
      </c>
      <c r="DL18" s="162">
        <v>0</v>
      </c>
      <c r="DM18" s="160">
        <v>0</v>
      </c>
      <c r="DN18" s="160">
        <v>0</v>
      </c>
      <c r="DO18" s="160">
        <v>0</v>
      </c>
      <c r="DP18" s="160">
        <v>0</v>
      </c>
      <c r="DQ18" s="160">
        <v>0</v>
      </c>
      <c r="DR18" s="165">
        <v>0</v>
      </c>
      <c r="DS18" s="164">
        <v>0</v>
      </c>
      <c r="DT18" s="159">
        <v>14</v>
      </c>
      <c r="DU18" s="160">
        <v>23</v>
      </c>
      <c r="DV18" s="165">
        <v>37</v>
      </c>
      <c r="DW18" s="162">
        <v>0</v>
      </c>
      <c r="DX18" s="160">
        <v>19</v>
      </c>
      <c r="DY18" s="160">
        <v>48</v>
      </c>
      <c r="DZ18" s="160">
        <v>33</v>
      </c>
      <c r="EA18" s="160">
        <v>12</v>
      </c>
      <c r="EB18" s="160">
        <v>8</v>
      </c>
      <c r="EC18" s="165">
        <v>120</v>
      </c>
      <c r="ED18" s="164">
        <v>157</v>
      </c>
      <c r="EE18" s="159">
        <v>1</v>
      </c>
      <c r="EF18" s="160">
        <v>1</v>
      </c>
      <c r="EG18" s="165">
        <v>2</v>
      </c>
      <c r="EH18" s="162">
        <v>0</v>
      </c>
      <c r="EI18" s="160">
        <v>10</v>
      </c>
      <c r="EJ18" s="160">
        <v>13</v>
      </c>
      <c r="EK18" s="160">
        <v>8</v>
      </c>
      <c r="EL18" s="160">
        <v>8</v>
      </c>
      <c r="EM18" s="160">
        <v>5</v>
      </c>
      <c r="EN18" s="165">
        <v>44</v>
      </c>
      <c r="EO18" s="164">
        <v>46</v>
      </c>
      <c r="EP18" s="159">
        <v>20</v>
      </c>
      <c r="EQ18" s="160">
        <v>30</v>
      </c>
      <c r="ER18" s="165">
        <v>50</v>
      </c>
      <c r="ES18" s="162">
        <v>0</v>
      </c>
      <c r="ET18" s="160">
        <v>58</v>
      </c>
      <c r="EU18" s="160">
        <v>73</v>
      </c>
      <c r="EV18" s="160">
        <v>32</v>
      </c>
      <c r="EW18" s="160">
        <v>12</v>
      </c>
      <c r="EX18" s="160">
        <v>8</v>
      </c>
      <c r="EY18" s="165">
        <v>183</v>
      </c>
      <c r="EZ18" s="164">
        <v>233</v>
      </c>
    </row>
    <row r="19" spans="2:156" ht="21" customHeight="1" x14ac:dyDescent="0.2">
      <c r="B19" s="166" t="s">
        <v>17</v>
      </c>
      <c r="C19" s="159">
        <v>0</v>
      </c>
      <c r="D19" s="160">
        <v>0</v>
      </c>
      <c r="E19" s="161">
        <v>0</v>
      </c>
      <c r="F19" s="162">
        <v>0</v>
      </c>
      <c r="G19" s="160">
        <v>14</v>
      </c>
      <c r="H19" s="160">
        <v>29</v>
      </c>
      <c r="I19" s="160">
        <v>14</v>
      </c>
      <c r="J19" s="160">
        <v>6</v>
      </c>
      <c r="K19" s="160">
        <v>8</v>
      </c>
      <c r="L19" s="163">
        <v>71</v>
      </c>
      <c r="M19" s="164">
        <v>71</v>
      </c>
      <c r="N19" s="159">
        <v>0</v>
      </c>
      <c r="O19" s="160">
        <v>0</v>
      </c>
      <c r="P19" s="165">
        <v>0</v>
      </c>
      <c r="Q19" s="162">
        <v>0</v>
      </c>
      <c r="R19" s="160">
        <v>0</v>
      </c>
      <c r="S19" s="160">
        <v>1</v>
      </c>
      <c r="T19" s="160">
        <v>2</v>
      </c>
      <c r="U19" s="160">
        <v>0</v>
      </c>
      <c r="V19" s="160">
        <v>0</v>
      </c>
      <c r="W19" s="165">
        <v>3</v>
      </c>
      <c r="X19" s="164">
        <v>3</v>
      </c>
      <c r="Y19" s="159">
        <v>2</v>
      </c>
      <c r="Z19" s="160">
        <v>3</v>
      </c>
      <c r="AA19" s="165">
        <v>5</v>
      </c>
      <c r="AB19" s="162">
        <v>0</v>
      </c>
      <c r="AC19" s="160">
        <v>17</v>
      </c>
      <c r="AD19" s="160">
        <v>22</v>
      </c>
      <c r="AE19" s="160">
        <v>15</v>
      </c>
      <c r="AF19" s="160">
        <v>7</v>
      </c>
      <c r="AG19" s="160">
        <v>3</v>
      </c>
      <c r="AH19" s="165">
        <v>64</v>
      </c>
      <c r="AI19" s="164">
        <v>69</v>
      </c>
      <c r="AJ19" s="159">
        <v>0</v>
      </c>
      <c r="AK19" s="160">
        <v>2</v>
      </c>
      <c r="AL19" s="165">
        <v>2</v>
      </c>
      <c r="AM19" s="162">
        <v>0</v>
      </c>
      <c r="AN19" s="160">
        <v>2</v>
      </c>
      <c r="AO19" s="160">
        <v>3</v>
      </c>
      <c r="AP19" s="160">
        <v>1</v>
      </c>
      <c r="AQ19" s="160">
        <v>0</v>
      </c>
      <c r="AR19" s="160">
        <v>1</v>
      </c>
      <c r="AS19" s="165">
        <v>7</v>
      </c>
      <c r="AT19" s="164">
        <v>9</v>
      </c>
      <c r="AU19" s="159">
        <v>9</v>
      </c>
      <c r="AV19" s="160">
        <v>3</v>
      </c>
      <c r="AW19" s="165">
        <v>12</v>
      </c>
      <c r="AX19" s="162">
        <v>0</v>
      </c>
      <c r="AY19" s="160">
        <v>13</v>
      </c>
      <c r="AZ19" s="160">
        <v>34</v>
      </c>
      <c r="BA19" s="160">
        <v>29</v>
      </c>
      <c r="BB19" s="160">
        <v>13</v>
      </c>
      <c r="BC19" s="160">
        <v>11</v>
      </c>
      <c r="BD19" s="163">
        <v>100</v>
      </c>
      <c r="BE19" s="164">
        <v>112</v>
      </c>
      <c r="BF19" s="159">
        <v>0</v>
      </c>
      <c r="BG19" s="160">
        <v>0</v>
      </c>
      <c r="BH19" s="165">
        <v>0</v>
      </c>
      <c r="BI19" s="162">
        <v>0</v>
      </c>
      <c r="BJ19" s="160">
        <v>23</v>
      </c>
      <c r="BK19" s="160">
        <v>25</v>
      </c>
      <c r="BL19" s="160">
        <v>20</v>
      </c>
      <c r="BM19" s="160">
        <v>3</v>
      </c>
      <c r="BN19" s="160">
        <v>1</v>
      </c>
      <c r="BO19" s="165">
        <v>72</v>
      </c>
      <c r="BP19" s="164">
        <v>72</v>
      </c>
      <c r="BQ19" s="159">
        <v>2</v>
      </c>
      <c r="BR19" s="160">
        <v>3</v>
      </c>
      <c r="BS19" s="165">
        <v>5</v>
      </c>
      <c r="BT19" s="162">
        <v>0</v>
      </c>
      <c r="BU19" s="160">
        <v>4</v>
      </c>
      <c r="BV19" s="160">
        <v>14</v>
      </c>
      <c r="BW19" s="160">
        <v>6</v>
      </c>
      <c r="BX19" s="160">
        <v>4</v>
      </c>
      <c r="BY19" s="160">
        <v>1</v>
      </c>
      <c r="BZ19" s="165">
        <v>29</v>
      </c>
      <c r="CA19" s="164">
        <v>34</v>
      </c>
      <c r="CB19" s="159">
        <v>0</v>
      </c>
      <c r="CC19" s="160">
        <v>2</v>
      </c>
      <c r="CD19" s="165">
        <v>2</v>
      </c>
      <c r="CE19" s="162">
        <v>0</v>
      </c>
      <c r="CF19" s="160">
        <v>2</v>
      </c>
      <c r="CG19" s="160">
        <v>5</v>
      </c>
      <c r="CH19" s="160">
        <v>8</v>
      </c>
      <c r="CI19" s="160">
        <v>3</v>
      </c>
      <c r="CJ19" s="160">
        <v>2</v>
      </c>
      <c r="CK19" s="165">
        <v>20</v>
      </c>
      <c r="CL19" s="164">
        <v>22</v>
      </c>
      <c r="CM19" s="159">
        <v>0</v>
      </c>
      <c r="CN19" s="160">
        <v>0</v>
      </c>
      <c r="CO19" s="165">
        <v>0</v>
      </c>
      <c r="CP19" s="162">
        <v>0</v>
      </c>
      <c r="CQ19" s="160">
        <v>1</v>
      </c>
      <c r="CR19" s="160">
        <v>2</v>
      </c>
      <c r="CS19" s="160">
        <v>0</v>
      </c>
      <c r="CT19" s="160">
        <v>2</v>
      </c>
      <c r="CU19" s="160">
        <v>0</v>
      </c>
      <c r="CV19" s="165">
        <v>5</v>
      </c>
      <c r="CW19" s="164">
        <v>5</v>
      </c>
      <c r="CX19" s="159">
        <v>0</v>
      </c>
      <c r="CY19" s="160">
        <v>0</v>
      </c>
      <c r="CZ19" s="165">
        <v>0</v>
      </c>
      <c r="DA19" s="162">
        <v>0</v>
      </c>
      <c r="DB19" s="160">
        <v>0</v>
      </c>
      <c r="DC19" s="160">
        <v>0</v>
      </c>
      <c r="DD19" s="160">
        <v>0</v>
      </c>
      <c r="DE19" s="160">
        <v>0</v>
      </c>
      <c r="DF19" s="160">
        <v>0</v>
      </c>
      <c r="DG19" s="165">
        <v>0</v>
      </c>
      <c r="DH19" s="164">
        <v>0</v>
      </c>
      <c r="DI19" s="159">
        <v>0</v>
      </c>
      <c r="DJ19" s="160">
        <v>0</v>
      </c>
      <c r="DK19" s="165">
        <v>0</v>
      </c>
      <c r="DL19" s="162">
        <v>0</v>
      </c>
      <c r="DM19" s="160">
        <v>0</v>
      </c>
      <c r="DN19" s="160">
        <v>0</v>
      </c>
      <c r="DO19" s="160">
        <v>0</v>
      </c>
      <c r="DP19" s="160">
        <v>0</v>
      </c>
      <c r="DQ19" s="160">
        <v>0</v>
      </c>
      <c r="DR19" s="165">
        <v>0</v>
      </c>
      <c r="DS19" s="164">
        <v>0</v>
      </c>
      <c r="DT19" s="159">
        <v>15</v>
      </c>
      <c r="DU19" s="160">
        <v>21</v>
      </c>
      <c r="DV19" s="165">
        <v>36</v>
      </c>
      <c r="DW19" s="162">
        <v>0</v>
      </c>
      <c r="DX19" s="160">
        <v>21</v>
      </c>
      <c r="DY19" s="160">
        <v>72</v>
      </c>
      <c r="DZ19" s="160">
        <v>40</v>
      </c>
      <c r="EA19" s="160">
        <v>14</v>
      </c>
      <c r="EB19" s="160">
        <v>12</v>
      </c>
      <c r="EC19" s="165">
        <v>159</v>
      </c>
      <c r="ED19" s="164">
        <v>195</v>
      </c>
      <c r="EE19" s="159">
        <v>4</v>
      </c>
      <c r="EF19" s="160">
        <v>1</v>
      </c>
      <c r="EG19" s="165">
        <v>5</v>
      </c>
      <c r="EH19" s="162">
        <v>0</v>
      </c>
      <c r="EI19" s="160">
        <v>6</v>
      </c>
      <c r="EJ19" s="160">
        <v>14</v>
      </c>
      <c r="EK19" s="160">
        <v>5</v>
      </c>
      <c r="EL19" s="160">
        <v>2</v>
      </c>
      <c r="EM19" s="160">
        <v>1</v>
      </c>
      <c r="EN19" s="165">
        <v>28</v>
      </c>
      <c r="EO19" s="164">
        <v>33</v>
      </c>
      <c r="EP19" s="159">
        <v>18</v>
      </c>
      <c r="EQ19" s="160">
        <v>27</v>
      </c>
      <c r="ER19" s="165">
        <v>45</v>
      </c>
      <c r="ES19" s="162">
        <v>0</v>
      </c>
      <c r="ET19" s="160">
        <v>77</v>
      </c>
      <c r="EU19" s="160">
        <v>100</v>
      </c>
      <c r="EV19" s="160">
        <v>47</v>
      </c>
      <c r="EW19" s="160">
        <v>17</v>
      </c>
      <c r="EX19" s="160">
        <v>10</v>
      </c>
      <c r="EY19" s="165">
        <v>251</v>
      </c>
      <c r="EZ19" s="164">
        <v>296</v>
      </c>
    </row>
    <row r="20" spans="2:156" ht="21" customHeight="1" x14ac:dyDescent="0.2">
      <c r="B20" s="166" t="s">
        <v>18</v>
      </c>
      <c r="C20" s="159">
        <v>0</v>
      </c>
      <c r="D20" s="160">
        <v>0</v>
      </c>
      <c r="E20" s="161">
        <v>0</v>
      </c>
      <c r="F20" s="162">
        <v>0</v>
      </c>
      <c r="G20" s="160">
        <v>24</v>
      </c>
      <c r="H20" s="160">
        <v>24</v>
      </c>
      <c r="I20" s="160">
        <v>19</v>
      </c>
      <c r="J20" s="160">
        <v>10</v>
      </c>
      <c r="K20" s="160">
        <v>6</v>
      </c>
      <c r="L20" s="163">
        <v>83</v>
      </c>
      <c r="M20" s="164">
        <v>83</v>
      </c>
      <c r="N20" s="159">
        <v>0</v>
      </c>
      <c r="O20" s="160">
        <v>0</v>
      </c>
      <c r="P20" s="165">
        <v>0</v>
      </c>
      <c r="Q20" s="162">
        <v>0</v>
      </c>
      <c r="R20" s="160">
        <v>1</v>
      </c>
      <c r="S20" s="160">
        <v>0</v>
      </c>
      <c r="T20" s="160">
        <v>0</v>
      </c>
      <c r="U20" s="160">
        <v>1</v>
      </c>
      <c r="V20" s="160">
        <v>7</v>
      </c>
      <c r="W20" s="165">
        <v>9</v>
      </c>
      <c r="X20" s="164">
        <v>9</v>
      </c>
      <c r="Y20" s="159">
        <v>7</v>
      </c>
      <c r="Z20" s="160">
        <v>12</v>
      </c>
      <c r="AA20" s="165">
        <v>19</v>
      </c>
      <c r="AB20" s="162">
        <v>0</v>
      </c>
      <c r="AC20" s="160">
        <v>23</v>
      </c>
      <c r="AD20" s="160">
        <v>32</v>
      </c>
      <c r="AE20" s="160">
        <v>19</v>
      </c>
      <c r="AF20" s="160">
        <v>6</v>
      </c>
      <c r="AG20" s="160">
        <v>6</v>
      </c>
      <c r="AH20" s="165">
        <v>86</v>
      </c>
      <c r="AI20" s="164">
        <v>105</v>
      </c>
      <c r="AJ20" s="159">
        <v>0</v>
      </c>
      <c r="AK20" s="160">
        <v>0</v>
      </c>
      <c r="AL20" s="165">
        <v>0</v>
      </c>
      <c r="AM20" s="162">
        <v>0</v>
      </c>
      <c r="AN20" s="160">
        <v>2</v>
      </c>
      <c r="AO20" s="160">
        <v>3</v>
      </c>
      <c r="AP20" s="160">
        <v>3</v>
      </c>
      <c r="AQ20" s="160">
        <v>0</v>
      </c>
      <c r="AR20" s="160">
        <v>1</v>
      </c>
      <c r="AS20" s="165">
        <v>9</v>
      </c>
      <c r="AT20" s="164">
        <v>9</v>
      </c>
      <c r="AU20" s="159">
        <v>8</v>
      </c>
      <c r="AV20" s="160">
        <v>2</v>
      </c>
      <c r="AW20" s="165">
        <v>10</v>
      </c>
      <c r="AX20" s="162">
        <v>0</v>
      </c>
      <c r="AY20" s="160">
        <v>39</v>
      </c>
      <c r="AZ20" s="160">
        <v>36</v>
      </c>
      <c r="BA20" s="160">
        <v>37</v>
      </c>
      <c r="BB20" s="160">
        <v>28</v>
      </c>
      <c r="BC20" s="160">
        <v>21</v>
      </c>
      <c r="BD20" s="163">
        <v>161</v>
      </c>
      <c r="BE20" s="164">
        <v>171</v>
      </c>
      <c r="BF20" s="159">
        <v>0</v>
      </c>
      <c r="BG20" s="160">
        <v>0</v>
      </c>
      <c r="BH20" s="165">
        <v>0</v>
      </c>
      <c r="BI20" s="162">
        <v>0</v>
      </c>
      <c r="BJ20" s="160">
        <v>63</v>
      </c>
      <c r="BK20" s="160">
        <v>30</v>
      </c>
      <c r="BL20" s="160">
        <v>29</v>
      </c>
      <c r="BM20" s="160">
        <v>2</v>
      </c>
      <c r="BN20" s="160">
        <v>6</v>
      </c>
      <c r="BO20" s="165">
        <v>130</v>
      </c>
      <c r="BP20" s="164">
        <v>130</v>
      </c>
      <c r="BQ20" s="159">
        <v>2</v>
      </c>
      <c r="BR20" s="160">
        <v>10</v>
      </c>
      <c r="BS20" s="165">
        <v>12</v>
      </c>
      <c r="BT20" s="162">
        <v>0</v>
      </c>
      <c r="BU20" s="160">
        <v>17</v>
      </c>
      <c r="BV20" s="160">
        <v>7</v>
      </c>
      <c r="BW20" s="160">
        <v>6</v>
      </c>
      <c r="BX20" s="160">
        <v>1</v>
      </c>
      <c r="BY20" s="160">
        <v>1</v>
      </c>
      <c r="BZ20" s="165">
        <v>32</v>
      </c>
      <c r="CA20" s="164">
        <v>44</v>
      </c>
      <c r="CB20" s="159">
        <v>0</v>
      </c>
      <c r="CC20" s="160">
        <v>2</v>
      </c>
      <c r="CD20" s="165">
        <v>2</v>
      </c>
      <c r="CE20" s="162">
        <v>0</v>
      </c>
      <c r="CF20" s="160">
        <v>3</v>
      </c>
      <c r="CG20" s="160">
        <v>5</v>
      </c>
      <c r="CH20" s="160">
        <v>10</v>
      </c>
      <c r="CI20" s="160">
        <v>6</v>
      </c>
      <c r="CJ20" s="160">
        <v>7</v>
      </c>
      <c r="CK20" s="165">
        <v>31</v>
      </c>
      <c r="CL20" s="164">
        <v>33</v>
      </c>
      <c r="CM20" s="159">
        <v>0</v>
      </c>
      <c r="CN20" s="160">
        <v>0</v>
      </c>
      <c r="CO20" s="165">
        <v>0</v>
      </c>
      <c r="CP20" s="162">
        <v>0</v>
      </c>
      <c r="CQ20" s="160">
        <v>0</v>
      </c>
      <c r="CR20" s="160">
        <v>0</v>
      </c>
      <c r="CS20" s="160">
        <v>0</v>
      </c>
      <c r="CT20" s="160">
        <v>0</v>
      </c>
      <c r="CU20" s="160">
        <v>0</v>
      </c>
      <c r="CV20" s="165">
        <v>0</v>
      </c>
      <c r="CW20" s="164">
        <v>0</v>
      </c>
      <c r="CX20" s="159">
        <v>0</v>
      </c>
      <c r="CY20" s="160">
        <v>0</v>
      </c>
      <c r="CZ20" s="165">
        <v>0</v>
      </c>
      <c r="DA20" s="162">
        <v>0</v>
      </c>
      <c r="DB20" s="160">
        <v>0</v>
      </c>
      <c r="DC20" s="160">
        <v>0</v>
      </c>
      <c r="DD20" s="160">
        <v>0</v>
      </c>
      <c r="DE20" s="160">
        <v>0</v>
      </c>
      <c r="DF20" s="160">
        <v>0</v>
      </c>
      <c r="DG20" s="165">
        <v>0</v>
      </c>
      <c r="DH20" s="164">
        <v>0</v>
      </c>
      <c r="DI20" s="159">
        <v>0</v>
      </c>
      <c r="DJ20" s="160">
        <v>0</v>
      </c>
      <c r="DK20" s="165">
        <v>0</v>
      </c>
      <c r="DL20" s="162">
        <v>0</v>
      </c>
      <c r="DM20" s="160">
        <v>0</v>
      </c>
      <c r="DN20" s="160">
        <v>0</v>
      </c>
      <c r="DO20" s="160">
        <v>0</v>
      </c>
      <c r="DP20" s="160">
        <v>0</v>
      </c>
      <c r="DQ20" s="160">
        <v>0</v>
      </c>
      <c r="DR20" s="165">
        <v>0</v>
      </c>
      <c r="DS20" s="164">
        <v>0</v>
      </c>
      <c r="DT20" s="159">
        <v>11</v>
      </c>
      <c r="DU20" s="160">
        <v>28</v>
      </c>
      <c r="DV20" s="165">
        <v>39</v>
      </c>
      <c r="DW20" s="162">
        <v>0</v>
      </c>
      <c r="DX20" s="160">
        <v>63</v>
      </c>
      <c r="DY20" s="160">
        <v>67</v>
      </c>
      <c r="DZ20" s="160">
        <v>48</v>
      </c>
      <c r="EA20" s="160">
        <v>23</v>
      </c>
      <c r="EB20" s="160">
        <v>19</v>
      </c>
      <c r="EC20" s="165">
        <v>220</v>
      </c>
      <c r="ED20" s="164">
        <v>259</v>
      </c>
      <c r="EE20" s="159">
        <v>3</v>
      </c>
      <c r="EF20" s="160">
        <v>0</v>
      </c>
      <c r="EG20" s="165">
        <v>3</v>
      </c>
      <c r="EH20" s="162">
        <v>0</v>
      </c>
      <c r="EI20" s="160">
        <v>16</v>
      </c>
      <c r="EJ20" s="160">
        <v>9</v>
      </c>
      <c r="EK20" s="160">
        <v>12</v>
      </c>
      <c r="EL20" s="160">
        <v>13</v>
      </c>
      <c r="EM20" s="160">
        <v>4</v>
      </c>
      <c r="EN20" s="165">
        <v>54</v>
      </c>
      <c r="EO20" s="164">
        <v>57</v>
      </c>
      <c r="EP20" s="159">
        <v>16</v>
      </c>
      <c r="EQ20" s="160">
        <v>39</v>
      </c>
      <c r="ER20" s="165">
        <v>55</v>
      </c>
      <c r="ES20" s="162">
        <v>0</v>
      </c>
      <c r="ET20" s="160">
        <v>128</v>
      </c>
      <c r="EU20" s="160">
        <v>88</v>
      </c>
      <c r="EV20" s="160">
        <v>62</v>
      </c>
      <c r="EW20" s="160">
        <v>24</v>
      </c>
      <c r="EX20" s="160">
        <v>20</v>
      </c>
      <c r="EY20" s="165">
        <v>322</v>
      </c>
      <c r="EZ20" s="164">
        <v>377</v>
      </c>
    </row>
    <row r="21" spans="2:156" ht="21" customHeight="1" x14ac:dyDescent="0.2">
      <c r="B21" s="166" t="s">
        <v>19</v>
      </c>
      <c r="C21" s="159">
        <v>0</v>
      </c>
      <c r="D21" s="160">
        <v>0</v>
      </c>
      <c r="E21" s="161">
        <v>0</v>
      </c>
      <c r="F21" s="162">
        <v>0</v>
      </c>
      <c r="G21" s="160">
        <v>10</v>
      </c>
      <c r="H21" s="160">
        <v>8</v>
      </c>
      <c r="I21" s="160">
        <v>5</v>
      </c>
      <c r="J21" s="160">
        <v>2</v>
      </c>
      <c r="K21" s="160">
        <v>4</v>
      </c>
      <c r="L21" s="163">
        <v>29</v>
      </c>
      <c r="M21" s="164">
        <v>29</v>
      </c>
      <c r="N21" s="159">
        <v>0</v>
      </c>
      <c r="O21" s="160">
        <v>0</v>
      </c>
      <c r="P21" s="165">
        <v>0</v>
      </c>
      <c r="Q21" s="162">
        <v>0</v>
      </c>
      <c r="R21" s="160">
        <v>0</v>
      </c>
      <c r="S21" s="160">
        <v>0</v>
      </c>
      <c r="T21" s="160">
        <v>2</v>
      </c>
      <c r="U21" s="160">
        <v>2</v>
      </c>
      <c r="V21" s="160">
        <v>3</v>
      </c>
      <c r="W21" s="165">
        <v>7</v>
      </c>
      <c r="X21" s="164">
        <v>7</v>
      </c>
      <c r="Y21" s="159">
        <v>3</v>
      </c>
      <c r="Z21" s="160">
        <v>7</v>
      </c>
      <c r="AA21" s="165">
        <v>10</v>
      </c>
      <c r="AB21" s="162">
        <v>0</v>
      </c>
      <c r="AC21" s="160">
        <v>17</v>
      </c>
      <c r="AD21" s="160">
        <v>9</v>
      </c>
      <c r="AE21" s="160">
        <v>6</v>
      </c>
      <c r="AF21" s="160">
        <v>7</v>
      </c>
      <c r="AG21" s="160">
        <v>4</v>
      </c>
      <c r="AH21" s="165">
        <v>43</v>
      </c>
      <c r="AI21" s="164">
        <v>53</v>
      </c>
      <c r="AJ21" s="159">
        <v>0</v>
      </c>
      <c r="AK21" s="160">
        <v>0</v>
      </c>
      <c r="AL21" s="165">
        <v>0</v>
      </c>
      <c r="AM21" s="162">
        <v>0</v>
      </c>
      <c r="AN21" s="160">
        <v>1</v>
      </c>
      <c r="AO21" s="160">
        <v>0</v>
      </c>
      <c r="AP21" s="160">
        <v>1</v>
      </c>
      <c r="AQ21" s="160">
        <v>0</v>
      </c>
      <c r="AR21" s="160">
        <v>1</v>
      </c>
      <c r="AS21" s="165">
        <v>3</v>
      </c>
      <c r="AT21" s="164">
        <v>3</v>
      </c>
      <c r="AU21" s="159">
        <v>4</v>
      </c>
      <c r="AV21" s="160">
        <v>6</v>
      </c>
      <c r="AW21" s="165">
        <v>10</v>
      </c>
      <c r="AX21" s="162">
        <v>0</v>
      </c>
      <c r="AY21" s="160">
        <v>22</v>
      </c>
      <c r="AZ21" s="160">
        <v>17</v>
      </c>
      <c r="BA21" s="160">
        <v>9</v>
      </c>
      <c r="BB21" s="160">
        <v>9</v>
      </c>
      <c r="BC21" s="160">
        <v>14</v>
      </c>
      <c r="BD21" s="163">
        <v>71</v>
      </c>
      <c r="BE21" s="164">
        <v>81</v>
      </c>
      <c r="BF21" s="159">
        <v>0</v>
      </c>
      <c r="BG21" s="160">
        <v>0</v>
      </c>
      <c r="BH21" s="165">
        <v>0</v>
      </c>
      <c r="BI21" s="162">
        <v>0</v>
      </c>
      <c r="BJ21" s="160">
        <v>19</v>
      </c>
      <c r="BK21" s="160">
        <v>14</v>
      </c>
      <c r="BL21" s="160">
        <v>4</v>
      </c>
      <c r="BM21" s="160">
        <v>0</v>
      </c>
      <c r="BN21" s="160">
        <v>2</v>
      </c>
      <c r="BO21" s="165">
        <v>39</v>
      </c>
      <c r="BP21" s="164">
        <v>39</v>
      </c>
      <c r="BQ21" s="159">
        <v>3</v>
      </c>
      <c r="BR21" s="160">
        <v>2</v>
      </c>
      <c r="BS21" s="165">
        <v>5</v>
      </c>
      <c r="BT21" s="162">
        <v>0</v>
      </c>
      <c r="BU21" s="160">
        <v>12</v>
      </c>
      <c r="BV21" s="160">
        <v>8</v>
      </c>
      <c r="BW21" s="160">
        <v>5</v>
      </c>
      <c r="BX21" s="160">
        <v>0</v>
      </c>
      <c r="BY21" s="160">
        <v>1</v>
      </c>
      <c r="BZ21" s="165">
        <v>26</v>
      </c>
      <c r="CA21" s="164">
        <v>31</v>
      </c>
      <c r="CB21" s="159">
        <v>0</v>
      </c>
      <c r="CC21" s="160">
        <v>1</v>
      </c>
      <c r="CD21" s="165">
        <v>1</v>
      </c>
      <c r="CE21" s="162">
        <v>0</v>
      </c>
      <c r="CF21" s="160">
        <v>2</v>
      </c>
      <c r="CG21" s="160">
        <v>3</v>
      </c>
      <c r="CH21" s="160">
        <v>1</v>
      </c>
      <c r="CI21" s="160">
        <v>2</v>
      </c>
      <c r="CJ21" s="160">
        <v>1</v>
      </c>
      <c r="CK21" s="165">
        <v>9</v>
      </c>
      <c r="CL21" s="164">
        <v>10</v>
      </c>
      <c r="CM21" s="159">
        <v>0</v>
      </c>
      <c r="CN21" s="160">
        <v>0</v>
      </c>
      <c r="CO21" s="165">
        <v>0</v>
      </c>
      <c r="CP21" s="162">
        <v>0</v>
      </c>
      <c r="CQ21" s="160">
        <v>1</v>
      </c>
      <c r="CR21" s="160">
        <v>2</v>
      </c>
      <c r="CS21" s="160">
        <v>0</v>
      </c>
      <c r="CT21" s="160">
        <v>0</v>
      </c>
      <c r="CU21" s="160">
        <v>0</v>
      </c>
      <c r="CV21" s="165">
        <v>3</v>
      </c>
      <c r="CW21" s="164">
        <v>3</v>
      </c>
      <c r="CX21" s="159">
        <v>0</v>
      </c>
      <c r="CY21" s="160">
        <v>0</v>
      </c>
      <c r="CZ21" s="165">
        <v>0</v>
      </c>
      <c r="DA21" s="162">
        <v>0</v>
      </c>
      <c r="DB21" s="160">
        <v>0</v>
      </c>
      <c r="DC21" s="160">
        <v>0</v>
      </c>
      <c r="DD21" s="160">
        <v>0</v>
      </c>
      <c r="DE21" s="160">
        <v>0</v>
      </c>
      <c r="DF21" s="160">
        <v>0</v>
      </c>
      <c r="DG21" s="165">
        <v>0</v>
      </c>
      <c r="DH21" s="164">
        <v>0</v>
      </c>
      <c r="DI21" s="159">
        <v>0</v>
      </c>
      <c r="DJ21" s="160">
        <v>0</v>
      </c>
      <c r="DK21" s="165">
        <v>0</v>
      </c>
      <c r="DL21" s="162">
        <v>0</v>
      </c>
      <c r="DM21" s="160">
        <v>0</v>
      </c>
      <c r="DN21" s="160">
        <v>0</v>
      </c>
      <c r="DO21" s="160">
        <v>0</v>
      </c>
      <c r="DP21" s="160">
        <v>0</v>
      </c>
      <c r="DQ21" s="160">
        <v>0</v>
      </c>
      <c r="DR21" s="165">
        <v>0</v>
      </c>
      <c r="DS21" s="164">
        <v>0</v>
      </c>
      <c r="DT21" s="159">
        <v>10</v>
      </c>
      <c r="DU21" s="160">
        <v>10</v>
      </c>
      <c r="DV21" s="165">
        <v>20</v>
      </c>
      <c r="DW21" s="162">
        <v>0</v>
      </c>
      <c r="DX21" s="160">
        <v>34</v>
      </c>
      <c r="DY21" s="160">
        <v>27</v>
      </c>
      <c r="DZ21" s="160">
        <v>14</v>
      </c>
      <c r="EA21" s="160">
        <v>7</v>
      </c>
      <c r="EB21" s="160">
        <v>11</v>
      </c>
      <c r="EC21" s="165">
        <v>93</v>
      </c>
      <c r="ED21" s="164">
        <v>113</v>
      </c>
      <c r="EE21" s="159">
        <v>2</v>
      </c>
      <c r="EF21" s="160">
        <v>3</v>
      </c>
      <c r="EG21" s="165">
        <v>5</v>
      </c>
      <c r="EH21" s="162">
        <v>0</v>
      </c>
      <c r="EI21" s="160">
        <v>8</v>
      </c>
      <c r="EJ21" s="160">
        <v>7</v>
      </c>
      <c r="EK21" s="160">
        <v>2</v>
      </c>
      <c r="EL21" s="160">
        <v>3</v>
      </c>
      <c r="EM21" s="160">
        <v>5</v>
      </c>
      <c r="EN21" s="165">
        <v>25</v>
      </c>
      <c r="EO21" s="164">
        <v>30</v>
      </c>
      <c r="EP21" s="159">
        <v>15</v>
      </c>
      <c r="EQ21" s="160">
        <v>18</v>
      </c>
      <c r="ER21" s="165">
        <v>33</v>
      </c>
      <c r="ES21" s="162">
        <v>0</v>
      </c>
      <c r="ET21" s="160">
        <v>55</v>
      </c>
      <c r="EU21" s="160">
        <v>38</v>
      </c>
      <c r="EV21" s="160">
        <v>12</v>
      </c>
      <c r="EW21" s="160">
        <v>7</v>
      </c>
      <c r="EX21" s="160">
        <v>8</v>
      </c>
      <c r="EY21" s="165">
        <v>120</v>
      </c>
      <c r="EZ21" s="164">
        <v>153</v>
      </c>
    </row>
    <row r="22" spans="2:156" ht="21" customHeight="1" x14ac:dyDescent="0.2">
      <c r="B22" s="166" t="s">
        <v>20</v>
      </c>
      <c r="C22" s="159">
        <v>0</v>
      </c>
      <c r="D22" s="160">
        <v>0</v>
      </c>
      <c r="E22" s="161">
        <v>0</v>
      </c>
      <c r="F22" s="162">
        <v>0</v>
      </c>
      <c r="G22" s="160">
        <v>23</v>
      </c>
      <c r="H22" s="160">
        <v>13</v>
      </c>
      <c r="I22" s="160">
        <v>6</v>
      </c>
      <c r="J22" s="160">
        <v>5</v>
      </c>
      <c r="K22" s="160">
        <v>3</v>
      </c>
      <c r="L22" s="163">
        <v>50</v>
      </c>
      <c r="M22" s="164">
        <v>50</v>
      </c>
      <c r="N22" s="159">
        <v>0</v>
      </c>
      <c r="O22" s="160">
        <v>0</v>
      </c>
      <c r="P22" s="165">
        <v>0</v>
      </c>
      <c r="Q22" s="162">
        <v>0</v>
      </c>
      <c r="R22" s="160">
        <v>0</v>
      </c>
      <c r="S22" s="160">
        <v>1</v>
      </c>
      <c r="T22" s="160">
        <v>1</v>
      </c>
      <c r="U22" s="160">
        <v>4</v>
      </c>
      <c r="V22" s="160">
        <v>2</v>
      </c>
      <c r="W22" s="165">
        <v>8</v>
      </c>
      <c r="X22" s="164">
        <v>8</v>
      </c>
      <c r="Y22" s="159">
        <v>2</v>
      </c>
      <c r="Z22" s="160">
        <v>7</v>
      </c>
      <c r="AA22" s="165">
        <v>9</v>
      </c>
      <c r="AB22" s="162">
        <v>0</v>
      </c>
      <c r="AC22" s="160">
        <v>19</v>
      </c>
      <c r="AD22" s="160">
        <v>21</v>
      </c>
      <c r="AE22" s="160">
        <v>10</v>
      </c>
      <c r="AF22" s="160">
        <v>7</v>
      </c>
      <c r="AG22" s="160">
        <v>5</v>
      </c>
      <c r="AH22" s="165">
        <v>62</v>
      </c>
      <c r="AI22" s="164">
        <v>71</v>
      </c>
      <c r="AJ22" s="159">
        <v>2</v>
      </c>
      <c r="AK22" s="160">
        <v>4</v>
      </c>
      <c r="AL22" s="165">
        <v>6</v>
      </c>
      <c r="AM22" s="162">
        <v>0</v>
      </c>
      <c r="AN22" s="160">
        <v>3</v>
      </c>
      <c r="AO22" s="160">
        <v>9</v>
      </c>
      <c r="AP22" s="160">
        <v>6</v>
      </c>
      <c r="AQ22" s="160">
        <v>3</v>
      </c>
      <c r="AR22" s="160">
        <v>0</v>
      </c>
      <c r="AS22" s="165">
        <v>21</v>
      </c>
      <c r="AT22" s="164">
        <v>27</v>
      </c>
      <c r="AU22" s="159">
        <v>1</v>
      </c>
      <c r="AV22" s="160">
        <v>5</v>
      </c>
      <c r="AW22" s="165">
        <v>6</v>
      </c>
      <c r="AX22" s="162">
        <v>0</v>
      </c>
      <c r="AY22" s="160">
        <v>22</v>
      </c>
      <c r="AZ22" s="160">
        <v>20</v>
      </c>
      <c r="BA22" s="160">
        <v>27</v>
      </c>
      <c r="BB22" s="160">
        <v>17</v>
      </c>
      <c r="BC22" s="160">
        <v>7</v>
      </c>
      <c r="BD22" s="163">
        <v>93</v>
      </c>
      <c r="BE22" s="164">
        <v>99</v>
      </c>
      <c r="BF22" s="159">
        <v>0</v>
      </c>
      <c r="BG22" s="160">
        <v>0</v>
      </c>
      <c r="BH22" s="165">
        <v>0</v>
      </c>
      <c r="BI22" s="162">
        <v>0</v>
      </c>
      <c r="BJ22" s="160">
        <v>36</v>
      </c>
      <c r="BK22" s="160">
        <v>20</v>
      </c>
      <c r="BL22" s="160">
        <v>14</v>
      </c>
      <c r="BM22" s="160">
        <v>6</v>
      </c>
      <c r="BN22" s="160">
        <v>0</v>
      </c>
      <c r="BO22" s="165">
        <v>76</v>
      </c>
      <c r="BP22" s="164">
        <v>76</v>
      </c>
      <c r="BQ22" s="159">
        <v>1</v>
      </c>
      <c r="BR22" s="160">
        <v>1</v>
      </c>
      <c r="BS22" s="165">
        <v>2</v>
      </c>
      <c r="BT22" s="162">
        <v>0</v>
      </c>
      <c r="BU22" s="160">
        <v>17</v>
      </c>
      <c r="BV22" s="160">
        <v>6</v>
      </c>
      <c r="BW22" s="160">
        <v>4</v>
      </c>
      <c r="BX22" s="160">
        <v>2</v>
      </c>
      <c r="BY22" s="160">
        <v>1</v>
      </c>
      <c r="BZ22" s="165">
        <v>30</v>
      </c>
      <c r="CA22" s="164">
        <v>32</v>
      </c>
      <c r="CB22" s="159">
        <v>0</v>
      </c>
      <c r="CC22" s="160">
        <v>0</v>
      </c>
      <c r="CD22" s="165">
        <v>0</v>
      </c>
      <c r="CE22" s="162">
        <v>0</v>
      </c>
      <c r="CF22" s="160">
        <v>5</v>
      </c>
      <c r="CG22" s="160">
        <v>7</v>
      </c>
      <c r="CH22" s="160">
        <v>4</v>
      </c>
      <c r="CI22" s="160">
        <v>4</v>
      </c>
      <c r="CJ22" s="160">
        <v>1</v>
      </c>
      <c r="CK22" s="165">
        <v>21</v>
      </c>
      <c r="CL22" s="164">
        <v>21</v>
      </c>
      <c r="CM22" s="159">
        <v>0</v>
      </c>
      <c r="CN22" s="160">
        <v>0</v>
      </c>
      <c r="CO22" s="165">
        <v>0</v>
      </c>
      <c r="CP22" s="162">
        <v>0</v>
      </c>
      <c r="CQ22" s="160">
        <v>0</v>
      </c>
      <c r="CR22" s="160">
        <v>0</v>
      </c>
      <c r="CS22" s="160">
        <v>1</v>
      </c>
      <c r="CT22" s="160">
        <v>1</v>
      </c>
      <c r="CU22" s="160">
        <v>0</v>
      </c>
      <c r="CV22" s="165">
        <v>2</v>
      </c>
      <c r="CW22" s="164">
        <v>2</v>
      </c>
      <c r="CX22" s="159">
        <v>0</v>
      </c>
      <c r="CY22" s="160">
        <v>0</v>
      </c>
      <c r="CZ22" s="165">
        <v>0</v>
      </c>
      <c r="DA22" s="162">
        <v>0</v>
      </c>
      <c r="DB22" s="160">
        <v>0</v>
      </c>
      <c r="DC22" s="160">
        <v>0</v>
      </c>
      <c r="DD22" s="160">
        <v>0</v>
      </c>
      <c r="DE22" s="160">
        <v>0</v>
      </c>
      <c r="DF22" s="160">
        <v>0</v>
      </c>
      <c r="DG22" s="165">
        <v>0</v>
      </c>
      <c r="DH22" s="164">
        <v>0</v>
      </c>
      <c r="DI22" s="159">
        <v>0</v>
      </c>
      <c r="DJ22" s="160">
        <v>0</v>
      </c>
      <c r="DK22" s="165">
        <v>0</v>
      </c>
      <c r="DL22" s="162">
        <v>0</v>
      </c>
      <c r="DM22" s="160">
        <v>0</v>
      </c>
      <c r="DN22" s="160">
        <v>0</v>
      </c>
      <c r="DO22" s="160">
        <v>0</v>
      </c>
      <c r="DP22" s="160">
        <v>0</v>
      </c>
      <c r="DQ22" s="160">
        <v>0</v>
      </c>
      <c r="DR22" s="165">
        <v>0</v>
      </c>
      <c r="DS22" s="164">
        <v>0</v>
      </c>
      <c r="DT22" s="159">
        <v>10</v>
      </c>
      <c r="DU22" s="160">
        <v>18</v>
      </c>
      <c r="DV22" s="165">
        <v>28</v>
      </c>
      <c r="DW22" s="162">
        <v>0</v>
      </c>
      <c r="DX22" s="160">
        <v>55</v>
      </c>
      <c r="DY22" s="160">
        <v>47</v>
      </c>
      <c r="DZ22" s="160">
        <v>25</v>
      </c>
      <c r="EA22" s="160">
        <v>15</v>
      </c>
      <c r="EB22" s="160">
        <v>4</v>
      </c>
      <c r="EC22" s="165">
        <v>146</v>
      </c>
      <c r="ED22" s="164">
        <v>174</v>
      </c>
      <c r="EE22" s="159">
        <v>1</v>
      </c>
      <c r="EF22" s="160">
        <v>4</v>
      </c>
      <c r="EG22" s="165">
        <v>5</v>
      </c>
      <c r="EH22" s="162">
        <v>0</v>
      </c>
      <c r="EI22" s="160">
        <v>5</v>
      </c>
      <c r="EJ22" s="160">
        <v>3</v>
      </c>
      <c r="EK22" s="160">
        <v>5</v>
      </c>
      <c r="EL22" s="160">
        <v>10</v>
      </c>
      <c r="EM22" s="160">
        <v>2</v>
      </c>
      <c r="EN22" s="165">
        <v>25</v>
      </c>
      <c r="EO22" s="164">
        <v>30</v>
      </c>
      <c r="EP22" s="159">
        <v>14</v>
      </c>
      <c r="EQ22" s="160">
        <v>27</v>
      </c>
      <c r="ER22" s="165">
        <v>41</v>
      </c>
      <c r="ES22" s="162">
        <v>0</v>
      </c>
      <c r="ET22" s="160">
        <v>100</v>
      </c>
      <c r="EU22" s="160">
        <v>69</v>
      </c>
      <c r="EV22" s="160">
        <v>35</v>
      </c>
      <c r="EW22" s="160">
        <v>17</v>
      </c>
      <c r="EX22" s="160">
        <v>5</v>
      </c>
      <c r="EY22" s="165">
        <v>226</v>
      </c>
      <c r="EZ22" s="164">
        <v>267</v>
      </c>
    </row>
    <row r="23" spans="2:156" ht="21" customHeight="1" x14ac:dyDescent="0.2">
      <c r="B23" s="166" t="s">
        <v>21</v>
      </c>
      <c r="C23" s="159">
        <v>0</v>
      </c>
      <c r="D23" s="160">
        <v>0</v>
      </c>
      <c r="E23" s="161">
        <v>0</v>
      </c>
      <c r="F23" s="162">
        <v>0</v>
      </c>
      <c r="G23" s="160">
        <v>9</v>
      </c>
      <c r="H23" s="160">
        <v>18</v>
      </c>
      <c r="I23" s="160">
        <v>6</v>
      </c>
      <c r="J23" s="160">
        <v>5</v>
      </c>
      <c r="K23" s="160">
        <v>3</v>
      </c>
      <c r="L23" s="163">
        <v>41</v>
      </c>
      <c r="M23" s="164">
        <v>41</v>
      </c>
      <c r="N23" s="159">
        <v>0</v>
      </c>
      <c r="O23" s="160">
        <v>0</v>
      </c>
      <c r="P23" s="165">
        <v>0</v>
      </c>
      <c r="Q23" s="162">
        <v>0</v>
      </c>
      <c r="R23" s="160">
        <v>0</v>
      </c>
      <c r="S23" s="160">
        <v>0</v>
      </c>
      <c r="T23" s="160">
        <v>1</v>
      </c>
      <c r="U23" s="160">
        <v>0</v>
      </c>
      <c r="V23" s="160">
        <v>1</v>
      </c>
      <c r="W23" s="165">
        <v>2</v>
      </c>
      <c r="X23" s="164">
        <v>2</v>
      </c>
      <c r="Y23" s="159">
        <v>3</v>
      </c>
      <c r="Z23" s="160">
        <v>4</v>
      </c>
      <c r="AA23" s="165">
        <v>7</v>
      </c>
      <c r="AB23" s="162">
        <v>0</v>
      </c>
      <c r="AC23" s="160">
        <v>12</v>
      </c>
      <c r="AD23" s="160">
        <v>17</v>
      </c>
      <c r="AE23" s="160">
        <v>8</v>
      </c>
      <c r="AF23" s="160">
        <v>5</v>
      </c>
      <c r="AG23" s="160">
        <v>2</v>
      </c>
      <c r="AH23" s="165">
        <v>44</v>
      </c>
      <c r="AI23" s="164">
        <v>51</v>
      </c>
      <c r="AJ23" s="159">
        <v>2</v>
      </c>
      <c r="AK23" s="160">
        <v>0</v>
      </c>
      <c r="AL23" s="165">
        <v>2</v>
      </c>
      <c r="AM23" s="162">
        <v>0</v>
      </c>
      <c r="AN23" s="160">
        <v>1</v>
      </c>
      <c r="AO23" s="160">
        <v>4</v>
      </c>
      <c r="AP23" s="160">
        <v>1</v>
      </c>
      <c r="AQ23" s="160">
        <v>0</v>
      </c>
      <c r="AR23" s="160">
        <v>0</v>
      </c>
      <c r="AS23" s="165">
        <v>6</v>
      </c>
      <c r="AT23" s="164">
        <v>8</v>
      </c>
      <c r="AU23" s="159">
        <v>5</v>
      </c>
      <c r="AV23" s="160">
        <v>2</v>
      </c>
      <c r="AW23" s="165">
        <v>7</v>
      </c>
      <c r="AX23" s="162">
        <v>0</v>
      </c>
      <c r="AY23" s="160">
        <v>19</v>
      </c>
      <c r="AZ23" s="160">
        <v>28</v>
      </c>
      <c r="BA23" s="160">
        <v>15</v>
      </c>
      <c r="BB23" s="160">
        <v>16</v>
      </c>
      <c r="BC23" s="160">
        <v>6</v>
      </c>
      <c r="BD23" s="163">
        <v>84</v>
      </c>
      <c r="BE23" s="164">
        <v>91</v>
      </c>
      <c r="BF23" s="159">
        <v>0</v>
      </c>
      <c r="BG23" s="160">
        <v>0</v>
      </c>
      <c r="BH23" s="165">
        <v>0</v>
      </c>
      <c r="BI23" s="162">
        <v>0</v>
      </c>
      <c r="BJ23" s="160">
        <v>23</v>
      </c>
      <c r="BK23" s="160">
        <v>22</v>
      </c>
      <c r="BL23" s="160">
        <v>11</v>
      </c>
      <c r="BM23" s="160">
        <v>2</v>
      </c>
      <c r="BN23" s="160">
        <v>0</v>
      </c>
      <c r="BO23" s="165">
        <v>58</v>
      </c>
      <c r="BP23" s="164">
        <v>58</v>
      </c>
      <c r="BQ23" s="159">
        <v>2</v>
      </c>
      <c r="BR23" s="160">
        <v>3</v>
      </c>
      <c r="BS23" s="165">
        <v>5</v>
      </c>
      <c r="BT23" s="162">
        <v>0</v>
      </c>
      <c r="BU23" s="160">
        <v>7</v>
      </c>
      <c r="BV23" s="160">
        <v>3</v>
      </c>
      <c r="BW23" s="160">
        <v>2</v>
      </c>
      <c r="BX23" s="160">
        <v>0</v>
      </c>
      <c r="BY23" s="160">
        <v>1</v>
      </c>
      <c r="BZ23" s="165">
        <v>13</v>
      </c>
      <c r="CA23" s="164">
        <v>18</v>
      </c>
      <c r="CB23" s="159">
        <v>0</v>
      </c>
      <c r="CC23" s="160">
        <v>0</v>
      </c>
      <c r="CD23" s="165">
        <v>0</v>
      </c>
      <c r="CE23" s="162">
        <v>0</v>
      </c>
      <c r="CF23" s="160">
        <v>0</v>
      </c>
      <c r="CG23" s="160">
        <v>6</v>
      </c>
      <c r="CH23" s="160">
        <v>1</v>
      </c>
      <c r="CI23" s="160">
        <v>2</v>
      </c>
      <c r="CJ23" s="160">
        <v>1</v>
      </c>
      <c r="CK23" s="165">
        <v>10</v>
      </c>
      <c r="CL23" s="164">
        <v>10</v>
      </c>
      <c r="CM23" s="159">
        <v>0</v>
      </c>
      <c r="CN23" s="160">
        <v>0</v>
      </c>
      <c r="CO23" s="165">
        <v>0</v>
      </c>
      <c r="CP23" s="162">
        <v>0</v>
      </c>
      <c r="CQ23" s="160">
        <v>1</v>
      </c>
      <c r="CR23" s="160">
        <v>0</v>
      </c>
      <c r="CS23" s="160">
        <v>0</v>
      </c>
      <c r="CT23" s="160">
        <v>0</v>
      </c>
      <c r="CU23" s="160">
        <v>0</v>
      </c>
      <c r="CV23" s="165">
        <v>1</v>
      </c>
      <c r="CW23" s="164">
        <v>1</v>
      </c>
      <c r="CX23" s="159">
        <v>0</v>
      </c>
      <c r="CY23" s="160">
        <v>0</v>
      </c>
      <c r="CZ23" s="165">
        <v>0</v>
      </c>
      <c r="DA23" s="162">
        <v>0</v>
      </c>
      <c r="DB23" s="160">
        <v>0</v>
      </c>
      <c r="DC23" s="160">
        <v>0</v>
      </c>
      <c r="DD23" s="160">
        <v>0</v>
      </c>
      <c r="DE23" s="160">
        <v>0</v>
      </c>
      <c r="DF23" s="160">
        <v>0</v>
      </c>
      <c r="DG23" s="165">
        <v>0</v>
      </c>
      <c r="DH23" s="164">
        <v>0</v>
      </c>
      <c r="DI23" s="159">
        <v>0</v>
      </c>
      <c r="DJ23" s="160">
        <v>0</v>
      </c>
      <c r="DK23" s="165">
        <v>0</v>
      </c>
      <c r="DL23" s="162">
        <v>0</v>
      </c>
      <c r="DM23" s="160">
        <v>0</v>
      </c>
      <c r="DN23" s="160">
        <v>0</v>
      </c>
      <c r="DO23" s="160">
        <v>0</v>
      </c>
      <c r="DP23" s="160">
        <v>0</v>
      </c>
      <c r="DQ23" s="160">
        <v>0</v>
      </c>
      <c r="DR23" s="165">
        <v>0</v>
      </c>
      <c r="DS23" s="164">
        <v>0</v>
      </c>
      <c r="DT23" s="159">
        <v>14</v>
      </c>
      <c r="DU23" s="160">
        <v>19</v>
      </c>
      <c r="DV23" s="165">
        <v>33</v>
      </c>
      <c r="DW23" s="162">
        <v>0</v>
      </c>
      <c r="DX23" s="160">
        <v>23</v>
      </c>
      <c r="DY23" s="160">
        <v>46</v>
      </c>
      <c r="DZ23" s="160">
        <v>19</v>
      </c>
      <c r="EA23" s="160">
        <v>7</v>
      </c>
      <c r="EB23" s="160">
        <v>3</v>
      </c>
      <c r="EC23" s="165">
        <v>98</v>
      </c>
      <c r="ED23" s="164">
        <v>131</v>
      </c>
      <c r="EE23" s="159">
        <v>0</v>
      </c>
      <c r="EF23" s="160">
        <v>1</v>
      </c>
      <c r="EG23" s="165">
        <v>1</v>
      </c>
      <c r="EH23" s="162">
        <v>0</v>
      </c>
      <c r="EI23" s="160">
        <v>6</v>
      </c>
      <c r="EJ23" s="160">
        <v>9</v>
      </c>
      <c r="EK23" s="160">
        <v>7</v>
      </c>
      <c r="EL23" s="160">
        <v>10</v>
      </c>
      <c r="EM23" s="160">
        <v>3</v>
      </c>
      <c r="EN23" s="165">
        <v>35</v>
      </c>
      <c r="EO23" s="164">
        <v>36</v>
      </c>
      <c r="EP23" s="159">
        <v>19</v>
      </c>
      <c r="EQ23" s="160">
        <v>23</v>
      </c>
      <c r="ER23" s="165">
        <v>42</v>
      </c>
      <c r="ES23" s="162">
        <v>0</v>
      </c>
      <c r="ET23" s="160">
        <v>56</v>
      </c>
      <c r="EU23" s="160">
        <v>60</v>
      </c>
      <c r="EV23" s="160">
        <v>24</v>
      </c>
      <c r="EW23" s="160">
        <v>7</v>
      </c>
      <c r="EX23" s="160">
        <v>4</v>
      </c>
      <c r="EY23" s="165">
        <v>151</v>
      </c>
      <c r="EZ23" s="164">
        <v>193</v>
      </c>
    </row>
    <row r="24" spans="2:156" ht="21" customHeight="1" x14ac:dyDescent="0.2">
      <c r="B24" s="166" t="s">
        <v>22</v>
      </c>
      <c r="C24" s="159">
        <v>0</v>
      </c>
      <c r="D24" s="160">
        <v>0</v>
      </c>
      <c r="E24" s="161">
        <v>0</v>
      </c>
      <c r="F24" s="162">
        <v>0</v>
      </c>
      <c r="G24" s="160">
        <v>9</v>
      </c>
      <c r="H24" s="160">
        <v>7</v>
      </c>
      <c r="I24" s="160">
        <v>4</v>
      </c>
      <c r="J24" s="160">
        <v>2</v>
      </c>
      <c r="K24" s="160">
        <v>5</v>
      </c>
      <c r="L24" s="163">
        <v>27</v>
      </c>
      <c r="M24" s="164">
        <v>27</v>
      </c>
      <c r="N24" s="159">
        <v>0</v>
      </c>
      <c r="O24" s="160">
        <v>0</v>
      </c>
      <c r="P24" s="165">
        <v>0</v>
      </c>
      <c r="Q24" s="162">
        <v>0</v>
      </c>
      <c r="R24" s="160">
        <v>0</v>
      </c>
      <c r="S24" s="160">
        <v>0</v>
      </c>
      <c r="T24" s="160">
        <v>0</v>
      </c>
      <c r="U24" s="160">
        <v>0</v>
      </c>
      <c r="V24" s="160">
        <v>0</v>
      </c>
      <c r="W24" s="165">
        <v>0</v>
      </c>
      <c r="X24" s="164">
        <v>0</v>
      </c>
      <c r="Y24" s="159">
        <v>1</v>
      </c>
      <c r="Z24" s="160">
        <v>0</v>
      </c>
      <c r="AA24" s="165">
        <v>1</v>
      </c>
      <c r="AB24" s="162">
        <v>0</v>
      </c>
      <c r="AC24" s="160">
        <v>3</v>
      </c>
      <c r="AD24" s="160">
        <v>7</v>
      </c>
      <c r="AE24" s="160">
        <v>3</v>
      </c>
      <c r="AF24" s="160">
        <v>2</v>
      </c>
      <c r="AG24" s="160">
        <v>2</v>
      </c>
      <c r="AH24" s="165">
        <v>17</v>
      </c>
      <c r="AI24" s="164">
        <v>18</v>
      </c>
      <c r="AJ24" s="159">
        <v>0</v>
      </c>
      <c r="AK24" s="160">
        <v>0</v>
      </c>
      <c r="AL24" s="165">
        <v>0</v>
      </c>
      <c r="AM24" s="162">
        <v>0</v>
      </c>
      <c r="AN24" s="160">
        <v>1</v>
      </c>
      <c r="AO24" s="160">
        <v>0</v>
      </c>
      <c r="AP24" s="160">
        <v>0</v>
      </c>
      <c r="AQ24" s="160">
        <v>0</v>
      </c>
      <c r="AR24" s="160">
        <v>0</v>
      </c>
      <c r="AS24" s="165">
        <v>1</v>
      </c>
      <c r="AT24" s="164">
        <v>1</v>
      </c>
      <c r="AU24" s="159">
        <v>3</v>
      </c>
      <c r="AV24" s="160">
        <v>0</v>
      </c>
      <c r="AW24" s="165">
        <v>3</v>
      </c>
      <c r="AX24" s="162">
        <v>0</v>
      </c>
      <c r="AY24" s="160">
        <v>7</v>
      </c>
      <c r="AZ24" s="160">
        <v>6</v>
      </c>
      <c r="BA24" s="160">
        <v>8</v>
      </c>
      <c r="BB24" s="160">
        <v>7</v>
      </c>
      <c r="BC24" s="160">
        <v>3</v>
      </c>
      <c r="BD24" s="163">
        <v>31</v>
      </c>
      <c r="BE24" s="164">
        <v>34</v>
      </c>
      <c r="BF24" s="159">
        <v>0</v>
      </c>
      <c r="BG24" s="160">
        <v>0</v>
      </c>
      <c r="BH24" s="165">
        <v>0</v>
      </c>
      <c r="BI24" s="162">
        <v>0</v>
      </c>
      <c r="BJ24" s="160">
        <v>11</v>
      </c>
      <c r="BK24" s="160">
        <v>13</v>
      </c>
      <c r="BL24" s="160">
        <v>8</v>
      </c>
      <c r="BM24" s="160">
        <v>0</v>
      </c>
      <c r="BN24" s="160">
        <v>1</v>
      </c>
      <c r="BO24" s="165">
        <v>33</v>
      </c>
      <c r="BP24" s="164">
        <v>33</v>
      </c>
      <c r="BQ24" s="159">
        <v>0</v>
      </c>
      <c r="BR24" s="160">
        <v>0</v>
      </c>
      <c r="BS24" s="165">
        <v>0</v>
      </c>
      <c r="BT24" s="162">
        <v>0</v>
      </c>
      <c r="BU24" s="160">
        <v>3</v>
      </c>
      <c r="BV24" s="160">
        <v>1</v>
      </c>
      <c r="BW24" s="160">
        <v>0</v>
      </c>
      <c r="BX24" s="160">
        <v>0</v>
      </c>
      <c r="BY24" s="160">
        <v>1</v>
      </c>
      <c r="BZ24" s="165">
        <v>5</v>
      </c>
      <c r="CA24" s="164">
        <v>5</v>
      </c>
      <c r="CB24" s="159">
        <v>0</v>
      </c>
      <c r="CC24" s="160">
        <v>0</v>
      </c>
      <c r="CD24" s="165">
        <v>0</v>
      </c>
      <c r="CE24" s="162">
        <v>0</v>
      </c>
      <c r="CF24" s="160">
        <v>0</v>
      </c>
      <c r="CG24" s="160">
        <v>0</v>
      </c>
      <c r="CH24" s="160">
        <v>1</v>
      </c>
      <c r="CI24" s="160">
        <v>0</v>
      </c>
      <c r="CJ24" s="160">
        <v>0</v>
      </c>
      <c r="CK24" s="165">
        <v>1</v>
      </c>
      <c r="CL24" s="164">
        <v>1</v>
      </c>
      <c r="CM24" s="159">
        <v>0</v>
      </c>
      <c r="CN24" s="160">
        <v>0</v>
      </c>
      <c r="CO24" s="165">
        <v>0</v>
      </c>
      <c r="CP24" s="162">
        <v>0</v>
      </c>
      <c r="CQ24" s="160">
        <v>1</v>
      </c>
      <c r="CR24" s="160">
        <v>0</v>
      </c>
      <c r="CS24" s="160">
        <v>0</v>
      </c>
      <c r="CT24" s="160">
        <v>0</v>
      </c>
      <c r="CU24" s="160">
        <v>0</v>
      </c>
      <c r="CV24" s="165">
        <v>1</v>
      </c>
      <c r="CW24" s="164">
        <v>1</v>
      </c>
      <c r="CX24" s="159">
        <v>0</v>
      </c>
      <c r="CY24" s="160">
        <v>0</v>
      </c>
      <c r="CZ24" s="165">
        <v>0</v>
      </c>
      <c r="DA24" s="162">
        <v>0</v>
      </c>
      <c r="DB24" s="160">
        <v>0</v>
      </c>
      <c r="DC24" s="160">
        <v>0</v>
      </c>
      <c r="DD24" s="160">
        <v>0</v>
      </c>
      <c r="DE24" s="160">
        <v>0</v>
      </c>
      <c r="DF24" s="160">
        <v>0</v>
      </c>
      <c r="DG24" s="165">
        <v>0</v>
      </c>
      <c r="DH24" s="164">
        <v>0</v>
      </c>
      <c r="DI24" s="159">
        <v>0</v>
      </c>
      <c r="DJ24" s="160">
        <v>0</v>
      </c>
      <c r="DK24" s="165">
        <v>0</v>
      </c>
      <c r="DL24" s="162">
        <v>0</v>
      </c>
      <c r="DM24" s="160">
        <v>0</v>
      </c>
      <c r="DN24" s="160">
        <v>0</v>
      </c>
      <c r="DO24" s="160">
        <v>0</v>
      </c>
      <c r="DP24" s="160">
        <v>0</v>
      </c>
      <c r="DQ24" s="160">
        <v>0</v>
      </c>
      <c r="DR24" s="165">
        <v>0</v>
      </c>
      <c r="DS24" s="164">
        <v>0</v>
      </c>
      <c r="DT24" s="159">
        <v>0</v>
      </c>
      <c r="DU24" s="160">
        <v>5</v>
      </c>
      <c r="DV24" s="165">
        <v>5</v>
      </c>
      <c r="DW24" s="162">
        <v>0</v>
      </c>
      <c r="DX24" s="160">
        <v>17</v>
      </c>
      <c r="DY24" s="160">
        <v>18</v>
      </c>
      <c r="DZ24" s="160">
        <v>14</v>
      </c>
      <c r="EA24" s="160">
        <v>4</v>
      </c>
      <c r="EB24" s="160">
        <v>8</v>
      </c>
      <c r="EC24" s="165">
        <v>61</v>
      </c>
      <c r="ED24" s="164">
        <v>66</v>
      </c>
      <c r="EE24" s="159">
        <v>1</v>
      </c>
      <c r="EF24" s="160">
        <v>0</v>
      </c>
      <c r="EG24" s="165">
        <v>1</v>
      </c>
      <c r="EH24" s="162">
        <v>0</v>
      </c>
      <c r="EI24" s="160">
        <v>4</v>
      </c>
      <c r="EJ24" s="160">
        <v>1</v>
      </c>
      <c r="EK24" s="160">
        <v>2</v>
      </c>
      <c r="EL24" s="160">
        <v>5</v>
      </c>
      <c r="EM24" s="160">
        <v>0</v>
      </c>
      <c r="EN24" s="165">
        <v>12</v>
      </c>
      <c r="EO24" s="164">
        <v>13</v>
      </c>
      <c r="EP24" s="159">
        <v>1</v>
      </c>
      <c r="EQ24" s="160">
        <v>5</v>
      </c>
      <c r="ER24" s="165">
        <v>6</v>
      </c>
      <c r="ES24" s="162">
        <v>0</v>
      </c>
      <c r="ET24" s="160">
        <v>31</v>
      </c>
      <c r="EU24" s="160">
        <v>26</v>
      </c>
      <c r="EV24" s="160">
        <v>14</v>
      </c>
      <c r="EW24" s="160">
        <v>5</v>
      </c>
      <c r="EX24" s="160">
        <v>8</v>
      </c>
      <c r="EY24" s="165">
        <v>84</v>
      </c>
      <c r="EZ24" s="164">
        <v>90</v>
      </c>
    </row>
    <row r="25" spans="2:156" ht="21" customHeight="1" x14ac:dyDescent="0.2">
      <c r="B25" s="166" t="s">
        <v>23</v>
      </c>
      <c r="C25" s="159">
        <v>0</v>
      </c>
      <c r="D25" s="160">
        <v>0</v>
      </c>
      <c r="E25" s="161">
        <v>0</v>
      </c>
      <c r="F25" s="162">
        <v>0</v>
      </c>
      <c r="G25" s="160">
        <v>11</v>
      </c>
      <c r="H25" s="160">
        <v>9</v>
      </c>
      <c r="I25" s="160">
        <v>0</v>
      </c>
      <c r="J25" s="160">
        <v>2</v>
      </c>
      <c r="K25" s="160">
        <v>3</v>
      </c>
      <c r="L25" s="163">
        <v>25</v>
      </c>
      <c r="M25" s="164">
        <v>25</v>
      </c>
      <c r="N25" s="159">
        <v>0</v>
      </c>
      <c r="O25" s="160">
        <v>0</v>
      </c>
      <c r="P25" s="165">
        <v>0</v>
      </c>
      <c r="Q25" s="162">
        <v>0</v>
      </c>
      <c r="R25" s="160">
        <v>0</v>
      </c>
      <c r="S25" s="160">
        <v>0</v>
      </c>
      <c r="T25" s="160">
        <v>0</v>
      </c>
      <c r="U25" s="160">
        <v>0</v>
      </c>
      <c r="V25" s="160">
        <v>0</v>
      </c>
      <c r="W25" s="165">
        <v>0</v>
      </c>
      <c r="X25" s="164">
        <v>0</v>
      </c>
      <c r="Y25" s="159">
        <v>3</v>
      </c>
      <c r="Z25" s="160">
        <v>4</v>
      </c>
      <c r="AA25" s="165">
        <v>7</v>
      </c>
      <c r="AB25" s="162">
        <v>0</v>
      </c>
      <c r="AC25" s="160">
        <v>7</v>
      </c>
      <c r="AD25" s="160">
        <v>16</v>
      </c>
      <c r="AE25" s="160">
        <v>2</v>
      </c>
      <c r="AF25" s="160">
        <v>2</v>
      </c>
      <c r="AG25" s="160">
        <v>1</v>
      </c>
      <c r="AH25" s="165">
        <v>28</v>
      </c>
      <c r="AI25" s="164">
        <v>35</v>
      </c>
      <c r="AJ25" s="159">
        <v>0</v>
      </c>
      <c r="AK25" s="160">
        <v>1</v>
      </c>
      <c r="AL25" s="165">
        <v>1</v>
      </c>
      <c r="AM25" s="162">
        <v>0</v>
      </c>
      <c r="AN25" s="160">
        <v>2</v>
      </c>
      <c r="AO25" s="160">
        <v>1</v>
      </c>
      <c r="AP25" s="160">
        <v>0</v>
      </c>
      <c r="AQ25" s="160">
        <v>0</v>
      </c>
      <c r="AR25" s="160">
        <v>0</v>
      </c>
      <c r="AS25" s="165">
        <v>3</v>
      </c>
      <c r="AT25" s="164">
        <v>4</v>
      </c>
      <c r="AU25" s="159">
        <v>2</v>
      </c>
      <c r="AV25" s="160">
        <v>0</v>
      </c>
      <c r="AW25" s="165">
        <v>2</v>
      </c>
      <c r="AX25" s="162">
        <v>0</v>
      </c>
      <c r="AY25" s="160">
        <v>15</v>
      </c>
      <c r="AZ25" s="160">
        <v>14</v>
      </c>
      <c r="BA25" s="160">
        <v>8</v>
      </c>
      <c r="BB25" s="160">
        <v>10</v>
      </c>
      <c r="BC25" s="160">
        <v>7</v>
      </c>
      <c r="BD25" s="163">
        <v>54</v>
      </c>
      <c r="BE25" s="164">
        <v>56</v>
      </c>
      <c r="BF25" s="159">
        <v>0</v>
      </c>
      <c r="BG25" s="160">
        <v>0</v>
      </c>
      <c r="BH25" s="165">
        <v>0</v>
      </c>
      <c r="BI25" s="162">
        <v>0</v>
      </c>
      <c r="BJ25" s="160">
        <v>16</v>
      </c>
      <c r="BK25" s="160">
        <v>23</v>
      </c>
      <c r="BL25" s="160">
        <v>1</v>
      </c>
      <c r="BM25" s="160">
        <v>3</v>
      </c>
      <c r="BN25" s="160">
        <v>2</v>
      </c>
      <c r="BO25" s="165">
        <v>45</v>
      </c>
      <c r="BP25" s="164">
        <v>45</v>
      </c>
      <c r="BQ25" s="159">
        <v>0</v>
      </c>
      <c r="BR25" s="160">
        <v>0</v>
      </c>
      <c r="BS25" s="165">
        <v>0</v>
      </c>
      <c r="BT25" s="162">
        <v>0</v>
      </c>
      <c r="BU25" s="160">
        <v>3</v>
      </c>
      <c r="BV25" s="160">
        <v>5</v>
      </c>
      <c r="BW25" s="160">
        <v>0</v>
      </c>
      <c r="BX25" s="160">
        <v>0</v>
      </c>
      <c r="BY25" s="160">
        <v>0</v>
      </c>
      <c r="BZ25" s="165">
        <v>8</v>
      </c>
      <c r="CA25" s="164">
        <v>8</v>
      </c>
      <c r="CB25" s="159">
        <v>0</v>
      </c>
      <c r="CC25" s="160">
        <v>0</v>
      </c>
      <c r="CD25" s="165">
        <v>0</v>
      </c>
      <c r="CE25" s="162">
        <v>0</v>
      </c>
      <c r="CF25" s="160">
        <v>0</v>
      </c>
      <c r="CG25" s="160">
        <v>0</v>
      </c>
      <c r="CH25" s="160">
        <v>1</v>
      </c>
      <c r="CI25" s="160">
        <v>5</v>
      </c>
      <c r="CJ25" s="160">
        <v>0</v>
      </c>
      <c r="CK25" s="165">
        <v>6</v>
      </c>
      <c r="CL25" s="164">
        <v>6</v>
      </c>
      <c r="CM25" s="159">
        <v>0</v>
      </c>
      <c r="CN25" s="160">
        <v>0</v>
      </c>
      <c r="CO25" s="165">
        <v>0</v>
      </c>
      <c r="CP25" s="162">
        <v>0</v>
      </c>
      <c r="CQ25" s="160">
        <v>1</v>
      </c>
      <c r="CR25" s="160">
        <v>1</v>
      </c>
      <c r="CS25" s="160">
        <v>0</v>
      </c>
      <c r="CT25" s="160">
        <v>0</v>
      </c>
      <c r="CU25" s="160">
        <v>0</v>
      </c>
      <c r="CV25" s="165">
        <v>2</v>
      </c>
      <c r="CW25" s="164">
        <v>2</v>
      </c>
      <c r="CX25" s="159">
        <v>0</v>
      </c>
      <c r="CY25" s="160">
        <v>0</v>
      </c>
      <c r="CZ25" s="165">
        <v>0</v>
      </c>
      <c r="DA25" s="162">
        <v>0</v>
      </c>
      <c r="DB25" s="160">
        <v>0</v>
      </c>
      <c r="DC25" s="160">
        <v>0</v>
      </c>
      <c r="DD25" s="160">
        <v>0</v>
      </c>
      <c r="DE25" s="160">
        <v>0</v>
      </c>
      <c r="DF25" s="160">
        <v>0</v>
      </c>
      <c r="DG25" s="165">
        <v>0</v>
      </c>
      <c r="DH25" s="164">
        <v>0</v>
      </c>
      <c r="DI25" s="159">
        <v>0</v>
      </c>
      <c r="DJ25" s="160">
        <v>0</v>
      </c>
      <c r="DK25" s="165">
        <v>0</v>
      </c>
      <c r="DL25" s="162">
        <v>0</v>
      </c>
      <c r="DM25" s="160">
        <v>0</v>
      </c>
      <c r="DN25" s="160">
        <v>0</v>
      </c>
      <c r="DO25" s="160">
        <v>0</v>
      </c>
      <c r="DP25" s="160">
        <v>0</v>
      </c>
      <c r="DQ25" s="160">
        <v>0</v>
      </c>
      <c r="DR25" s="165">
        <v>0</v>
      </c>
      <c r="DS25" s="164">
        <v>0</v>
      </c>
      <c r="DT25" s="159">
        <v>4</v>
      </c>
      <c r="DU25" s="160">
        <v>13</v>
      </c>
      <c r="DV25" s="165">
        <v>17</v>
      </c>
      <c r="DW25" s="162">
        <v>0</v>
      </c>
      <c r="DX25" s="160">
        <v>16</v>
      </c>
      <c r="DY25" s="160">
        <v>33</v>
      </c>
      <c r="DZ25" s="160">
        <v>4</v>
      </c>
      <c r="EA25" s="160">
        <v>6</v>
      </c>
      <c r="EB25" s="160">
        <v>5</v>
      </c>
      <c r="EC25" s="165">
        <v>64</v>
      </c>
      <c r="ED25" s="164">
        <v>81</v>
      </c>
      <c r="EE25" s="159">
        <v>2</v>
      </c>
      <c r="EF25" s="160">
        <v>0</v>
      </c>
      <c r="EG25" s="165">
        <v>2</v>
      </c>
      <c r="EH25" s="162">
        <v>0</v>
      </c>
      <c r="EI25" s="160">
        <v>5</v>
      </c>
      <c r="EJ25" s="160">
        <v>0</v>
      </c>
      <c r="EK25" s="160">
        <v>3</v>
      </c>
      <c r="EL25" s="160">
        <v>6</v>
      </c>
      <c r="EM25" s="160">
        <v>2</v>
      </c>
      <c r="EN25" s="165">
        <v>16</v>
      </c>
      <c r="EO25" s="164">
        <v>18</v>
      </c>
      <c r="EP25" s="159">
        <v>5</v>
      </c>
      <c r="EQ25" s="160">
        <v>17</v>
      </c>
      <c r="ER25" s="165">
        <v>22</v>
      </c>
      <c r="ES25" s="162">
        <v>0</v>
      </c>
      <c r="ET25" s="160">
        <v>35</v>
      </c>
      <c r="EU25" s="160">
        <v>40</v>
      </c>
      <c r="EV25" s="160">
        <v>5</v>
      </c>
      <c r="EW25" s="160">
        <v>7</v>
      </c>
      <c r="EX25" s="160">
        <v>6</v>
      </c>
      <c r="EY25" s="165">
        <v>93</v>
      </c>
      <c r="EZ25" s="164">
        <v>115</v>
      </c>
    </row>
    <row r="26" spans="2:156" ht="21" customHeight="1" x14ac:dyDescent="0.2">
      <c r="B26" s="166" t="s">
        <v>24</v>
      </c>
      <c r="C26" s="159">
        <v>0</v>
      </c>
      <c r="D26" s="160">
        <v>0</v>
      </c>
      <c r="E26" s="161">
        <v>0</v>
      </c>
      <c r="F26" s="162">
        <v>0</v>
      </c>
      <c r="G26" s="160">
        <v>6</v>
      </c>
      <c r="H26" s="160">
        <v>1</v>
      </c>
      <c r="I26" s="160">
        <v>2</v>
      </c>
      <c r="J26" s="160">
        <v>3</v>
      </c>
      <c r="K26" s="160">
        <v>4</v>
      </c>
      <c r="L26" s="163">
        <v>16</v>
      </c>
      <c r="M26" s="164">
        <v>16</v>
      </c>
      <c r="N26" s="159">
        <v>0</v>
      </c>
      <c r="O26" s="160">
        <v>0</v>
      </c>
      <c r="P26" s="165">
        <v>0</v>
      </c>
      <c r="Q26" s="162">
        <v>0</v>
      </c>
      <c r="R26" s="160">
        <v>0</v>
      </c>
      <c r="S26" s="160">
        <v>0</v>
      </c>
      <c r="T26" s="160">
        <v>0</v>
      </c>
      <c r="U26" s="160">
        <v>1</v>
      </c>
      <c r="V26" s="160">
        <v>1</v>
      </c>
      <c r="W26" s="165">
        <v>2</v>
      </c>
      <c r="X26" s="164">
        <v>2</v>
      </c>
      <c r="Y26" s="159">
        <v>1</v>
      </c>
      <c r="Z26" s="160">
        <v>1</v>
      </c>
      <c r="AA26" s="165">
        <v>2</v>
      </c>
      <c r="AB26" s="162">
        <v>0</v>
      </c>
      <c r="AC26" s="160">
        <v>12</v>
      </c>
      <c r="AD26" s="160">
        <v>7</v>
      </c>
      <c r="AE26" s="160">
        <v>8</v>
      </c>
      <c r="AF26" s="160">
        <v>5</v>
      </c>
      <c r="AG26" s="160">
        <v>1</v>
      </c>
      <c r="AH26" s="165">
        <v>33</v>
      </c>
      <c r="AI26" s="164">
        <v>35</v>
      </c>
      <c r="AJ26" s="159">
        <v>0</v>
      </c>
      <c r="AK26" s="160">
        <v>0</v>
      </c>
      <c r="AL26" s="165">
        <v>0</v>
      </c>
      <c r="AM26" s="162">
        <v>0</v>
      </c>
      <c r="AN26" s="160">
        <v>1</v>
      </c>
      <c r="AO26" s="160">
        <v>2</v>
      </c>
      <c r="AP26" s="160">
        <v>0</v>
      </c>
      <c r="AQ26" s="160">
        <v>0</v>
      </c>
      <c r="AR26" s="160">
        <v>0</v>
      </c>
      <c r="AS26" s="165">
        <v>3</v>
      </c>
      <c r="AT26" s="164">
        <v>3</v>
      </c>
      <c r="AU26" s="159">
        <v>2</v>
      </c>
      <c r="AV26" s="160">
        <v>0</v>
      </c>
      <c r="AW26" s="165">
        <v>2</v>
      </c>
      <c r="AX26" s="162">
        <v>0</v>
      </c>
      <c r="AY26" s="160">
        <v>14</v>
      </c>
      <c r="AZ26" s="160">
        <v>11</v>
      </c>
      <c r="BA26" s="160">
        <v>10</v>
      </c>
      <c r="BB26" s="160">
        <v>9</v>
      </c>
      <c r="BC26" s="160">
        <v>5</v>
      </c>
      <c r="BD26" s="163">
        <v>49</v>
      </c>
      <c r="BE26" s="164">
        <v>51</v>
      </c>
      <c r="BF26" s="159">
        <v>0</v>
      </c>
      <c r="BG26" s="160">
        <v>0</v>
      </c>
      <c r="BH26" s="165">
        <v>0</v>
      </c>
      <c r="BI26" s="162">
        <v>0</v>
      </c>
      <c r="BJ26" s="160">
        <v>12</v>
      </c>
      <c r="BK26" s="160">
        <v>7</v>
      </c>
      <c r="BL26" s="160">
        <v>6</v>
      </c>
      <c r="BM26" s="160">
        <v>4</v>
      </c>
      <c r="BN26" s="160">
        <v>1</v>
      </c>
      <c r="BO26" s="165">
        <v>30</v>
      </c>
      <c r="BP26" s="164">
        <v>30</v>
      </c>
      <c r="BQ26" s="159">
        <v>1</v>
      </c>
      <c r="BR26" s="160">
        <v>0</v>
      </c>
      <c r="BS26" s="165">
        <v>1</v>
      </c>
      <c r="BT26" s="162">
        <v>0</v>
      </c>
      <c r="BU26" s="160">
        <v>1</v>
      </c>
      <c r="BV26" s="160">
        <v>7</v>
      </c>
      <c r="BW26" s="160">
        <v>7</v>
      </c>
      <c r="BX26" s="160">
        <v>5</v>
      </c>
      <c r="BY26" s="160">
        <v>1</v>
      </c>
      <c r="BZ26" s="165">
        <v>21</v>
      </c>
      <c r="CA26" s="164">
        <v>22</v>
      </c>
      <c r="CB26" s="159">
        <v>0</v>
      </c>
      <c r="CC26" s="160">
        <v>0</v>
      </c>
      <c r="CD26" s="165">
        <v>0</v>
      </c>
      <c r="CE26" s="162">
        <v>0</v>
      </c>
      <c r="CF26" s="160">
        <v>1</v>
      </c>
      <c r="CG26" s="160">
        <v>3</v>
      </c>
      <c r="CH26" s="160">
        <v>2</v>
      </c>
      <c r="CI26" s="160">
        <v>4</v>
      </c>
      <c r="CJ26" s="160">
        <v>0</v>
      </c>
      <c r="CK26" s="165">
        <v>10</v>
      </c>
      <c r="CL26" s="164">
        <v>10</v>
      </c>
      <c r="CM26" s="159">
        <v>0</v>
      </c>
      <c r="CN26" s="160">
        <v>0</v>
      </c>
      <c r="CO26" s="165">
        <v>0</v>
      </c>
      <c r="CP26" s="162">
        <v>0</v>
      </c>
      <c r="CQ26" s="160">
        <v>0</v>
      </c>
      <c r="CR26" s="160">
        <v>1</v>
      </c>
      <c r="CS26" s="160">
        <v>1</v>
      </c>
      <c r="CT26" s="160">
        <v>0</v>
      </c>
      <c r="CU26" s="160">
        <v>0</v>
      </c>
      <c r="CV26" s="165">
        <v>2</v>
      </c>
      <c r="CW26" s="164">
        <v>2</v>
      </c>
      <c r="CX26" s="159">
        <v>0</v>
      </c>
      <c r="CY26" s="160">
        <v>0</v>
      </c>
      <c r="CZ26" s="165">
        <v>0</v>
      </c>
      <c r="DA26" s="162">
        <v>0</v>
      </c>
      <c r="DB26" s="160">
        <v>0</v>
      </c>
      <c r="DC26" s="160">
        <v>0</v>
      </c>
      <c r="DD26" s="160">
        <v>0</v>
      </c>
      <c r="DE26" s="160">
        <v>0</v>
      </c>
      <c r="DF26" s="160">
        <v>0</v>
      </c>
      <c r="DG26" s="165">
        <v>0</v>
      </c>
      <c r="DH26" s="164">
        <v>0</v>
      </c>
      <c r="DI26" s="159">
        <v>0</v>
      </c>
      <c r="DJ26" s="160">
        <v>0</v>
      </c>
      <c r="DK26" s="165">
        <v>0</v>
      </c>
      <c r="DL26" s="162">
        <v>0</v>
      </c>
      <c r="DM26" s="160">
        <v>0</v>
      </c>
      <c r="DN26" s="160">
        <v>0</v>
      </c>
      <c r="DO26" s="160">
        <v>0</v>
      </c>
      <c r="DP26" s="160">
        <v>0</v>
      </c>
      <c r="DQ26" s="160">
        <v>0</v>
      </c>
      <c r="DR26" s="165">
        <v>0</v>
      </c>
      <c r="DS26" s="164">
        <v>0</v>
      </c>
      <c r="DT26" s="159">
        <v>9</v>
      </c>
      <c r="DU26" s="160">
        <v>5</v>
      </c>
      <c r="DV26" s="165">
        <v>14</v>
      </c>
      <c r="DW26" s="162">
        <v>0</v>
      </c>
      <c r="DX26" s="160">
        <v>13</v>
      </c>
      <c r="DY26" s="160">
        <v>16</v>
      </c>
      <c r="DZ26" s="160">
        <v>13</v>
      </c>
      <c r="EA26" s="160">
        <v>13</v>
      </c>
      <c r="EB26" s="160">
        <v>5</v>
      </c>
      <c r="EC26" s="165">
        <v>60</v>
      </c>
      <c r="ED26" s="164">
        <v>74</v>
      </c>
      <c r="EE26" s="159">
        <v>0</v>
      </c>
      <c r="EF26" s="160">
        <v>0</v>
      </c>
      <c r="EG26" s="165">
        <v>0</v>
      </c>
      <c r="EH26" s="162">
        <v>0</v>
      </c>
      <c r="EI26" s="160">
        <v>7</v>
      </c>
      <c r="EJ26" s="160">
        <v>3</v>
      </c>
      <c r="EK26" s="160">
        <v>2</v>
      </c>
      <c r="EL26" s="160">
        <v>0</v>
      </c>
      <c r="EM26" s="160">
        <v>1</v>
      </c>
      <c r="EN26" s="165">
        <v>13</v>
      </c>
      <c r="EO26" s="164">
        <v>13</v>
      </c>
      <c r="EP26" s="159">
        <v>10</v>
      </c>
      <c r="EQ26" s="160">
        <v>6</v>
      </c>
      <c r="ER26" s="165">
        <v>16</v>
      </c>
      <c r="ES26" s="162">
        <v>0</v>
      </c>
      <c r="ET26" s="160">
        <v>33</v>
      </c>
      <c r="EU26" s="160">
        <v>23</v>
      </c>
      <c r="EV26" s="160">
        <v>14</v>
      </c>
      <c r="EW26" s="160">
        <v>13</v>
      </c>
      <c r="EX26" s="160">
        <v>5</v>
      </c>
      <c r="EY26" s="165">
        <v>88</v>
      </c>
      <c r="EZ26" s="164">
        <v>104</v>
      </c>
    </row>
    <row r="27" spans="2:156" ht="21" customHeight="1" x14ac:dyDescent="0.2">
      <c r="B27" s="166" t="s">
        <v>25</v>
      </c>
      <c r="C27" s="159">
        <v>0</v>
      </c>
      <c r="D27" s="160">
        <v>0</v>
      </c>
      <c r="E27" s="161">
        <v>0</v>
      </c>
      <c r="F27" s="162">
        <v>0</v>
      </c>
      <c r="G27" s="160">
        <v>4</v>
      </c>
      <c r="H27" s="160">
        <v>5</v>
      </c>
      <c r="I27" s="160">
        <v>2</v>
      </c>
      <c r="J27" s="160">
        <v>1</v>
      </c>
      <c r="K27" s="160">
        <v>0</v>
      </c>
      <c r="L27" s="163">
        <v>12</v>
      </c>
      <c r="M27" s="164">
        <v>12</v>
      </c>
      <c r="N27" s="159">
        <v>0</v>
      </c>
      <c r="O27" s="160">
        <v>0</v>
      </c>
      <c r="P27" s="165">
        <v>0</v>
      </c>
      <c r="Q27" s="162">
        <v>0</v>
      </c>
      <c r="R27" s="160">
        <v>0</v>
      </c>
      <c r="S27" s="160">
        <v>1</v>
      </c>
      <c r="T27" s="160">
        <v>2</v>
      </c>
      <c r="U27" s="160">
        <v>0</v>
      </c>
      <c r="V27" s="160">
        <v>0</v>
      </c>
      <c r="W27" s="165">
        <v>3</v>
      </c>
      <c r="X27" s="164">
        <v>3</v>
      </c>
      <c r="Y27" s="159">
        <v>1</v>
      </c>
      <c r="Z27" s="160">
        <v>0</v>
      </c>
      <c r="AA27" s="165">
        <v>1</v>
      </c>
      <c r="AB27" s="162">
        <v>0</v>
      </c>
      <c r="AC27" s="160">
        <v>3</v>
      </c>
      <c r="AD27" s="160">
        <v>7</v>
      </c>
      <c r="AE27" s="160">
        <v>4</v>
      </c>
      <c r="AF27" s="160">
        <v>0</v>
      </c>
      <c r="AG27" s="160">
        <v>0</v>
      </c>
      <c r="AH27" s="165">
        <v>14</v>
      </c>
      <c r="AI27" s="164">
        <v>15</v>
      </c>
      <c r="AJ27" s="159">
        <v>0</v>
      </c>
      <c r="AK27" s="160">
        <v>1</v>
      </c>
      <c r="AL27" s="165">
        <v>1</v>
      </c>
      <c r="AM27" s="162">
        <v>0</v>
      </c>
      <c r="AN27" s="160">
        <v>0</v>
      </c>
      <c r="AO27" s="160">
        <v>1</v>
      </c>
      <c r="AP27" s="160">
        <v>1</v>
      </c>
      <c r="AQ27" s="160">
        <v>0</v>
      </c>
      <c r="AR27" s="160">
        <v>0</v>
      </c>
      <c r="AS27" s="165">
        <v>2</v>
      </c>
      <c r="AT27" s="164">
        <v>3</v>
      </c>
      <c r="AU27" s="159">
        <v>0</v>
      </c>
      <c r="AV27" s="160">
        <v>2</v>
      </c>
      <c r="AW27" s="165">
        <v>2</v>
      </c>
      <c r="AX27" s="162">
        <v>0</v>
      </c>
      <c r="AY27" s="160">
        <v>4</v>
      </c>
      <c r="AZ27" s="160">
        <v>4</v>
      </c>
      <c r="BA27" s="160">
        <v>5</v>
      </c>
      <c r="BB27" s="160">
        <v>4</v>
      </c>
      <c r="BC27" s="160">
        <v>0</v>
      </c>
      <c r="BD27" s="163">
        <v>17</v>
      </c>
      <c r="BE27" s="164">
        <v>19</v>
      </c>
      <c r="BF27" s="159">
        <v>0</v>
      </c>
      <c r="BG27" s="160">
        <v>0</v>
      </c>
      <c r="BH27" s="165">
        <v>0</v>
      </c>
      <c r="BI27" s="162">
        <v>0</v>
      </c>
      <c r="BJ27" s="160">
        <v>3</v>
      </c>
      <c r="BK27" s="160">
        <v>4</v>
      </c>
      <c r="BL27" s="160">
        <v>2</v>
      </c>
      <c r="BM27" s="160">
        <v>0</v>
      </c>
      <c r="BN27" s="160">
        <v>0</v>
      </c>
      <c r="BO27" s="165">
        <v>9</v>
      </c>
      <c r="BP27" s="164">
        <v>9</v>
      </c>
      <c r="BQ27" s="159">
        <v>0</v>
      </c>
      <c r="BR27" s="160">
        <v>1</v>
      </c>
      <c r="BS27" s="165">
        <v>1</v>
      </c>
      <c r="BT27" s="162">
        <v>0</v>
      </c>
      <c r="BU27" s="160">
        <v>0</v>
      </c>
      <c r="BV27" s="160">
        <v>2</v>
      </c>
      <c r="BW27" s="160">
        <v>2</v>
      </c>
      <c r="BX27" s="160">
        <v>1</v>
      </c>
      <c r="BY27" s="160">
        <v>0</v>
      </c>
      <c r="BZ27" s="165">
        <v>5</v>
      </c>
      <c r="CA27" s="164">
        <v>6</v>
      </c>
      <c r="CB27" s="159">
        <v>0</v>
      </c>
      <c r="CC27" s="160">
        <v>0</v>
      </c>
      <c r="CD27" s="165">
        <v>0</v>
      </c>
      <c r="CE27" s="162">
        <v>0</v>
      </c>
      <c r="CF27" s="160">
        <v>2</v>
      </c>
      <c r="CG27" s="160">
        <v>1</v>
      </c>
      <c r="CH27" s="160">
        <v>0</v>
      </c>
      <c r="CI27" s="160">
        <v>1</v>
      </c>
      <c r="CJ27" s="160">
        <v>0</v>
      </c>
      <c r="CK27" s="165">
        <v>4</v>
      </c>
      <c r="CL27" s="164">
        <v>4</v>
      </c>
      <c r="CM27" s="159">
        <v>0</v>
      </c>
      <c r="CN27" s="160">
        <v>0</v>
      </c>
      <c r="CO27" s="165">
        <v>0</v>
      </c>
      <c r="CP27" s="162">
        <v>0</v>
      </c>
      <c r="CQ27" s="160">
        <v>0</v>
      </c>
      <c r="CR27" s="160">
        <v>2</v>
      </c>
      <c r="CS27" s="160">
        <v>0</v>
      </c>
      <c r="CT27" s="160">
        <v>0</v>
      </c>
      <c r="CU27" s="160">
        <v>0</v>
      </c>
      <c r="CV27" s="165">
        <v>2</v>
      </c>
      <c r="CW27" s="164">
        <v>2</v>
      </c>
      <c r="CX27" s="159">
        <v>0</v>
      </c>
      <c r="CY27" s="160">
        <v>0</v>
      </c>
      <c r="CZ27" s="165">
        <v>0</v>
      </c>
      <c r="DA27" s="162">
        <v>0</v>
      </c>
      <c r="DB27" s="160">
        <v>0</v>
      </c>
      <c r="DC27" s="160">
        <v>0</v>
      </c>
      <c r="DD27" s="160">
        <v>0</v>
      </c>
      <c r="DE27" s="160">
        <v>0</v>
      </c>
      <c r="DF27" s="160">
        <v>0</v>
      </c>
      <c r="DG27" s="165">
        <v>0</v>
      </c>
      <c r="DH27" s="164">
        <v>0</v>
      </c>
      <c r="DI27" s="159">
        <v>0</v>
      </c>
      <c r="DJ27" s="160">
        <v>0</v>
      </c>
      <c r="DK27" s="165">
        <v>0</v>
      </c>
      <c r="DL27" s="162">
        <v>0</v>
      </c>
      <c r="DM27" s="160">
        <v>0</v>
      </c>
      <c r="DN27" s="160">
        <v>0</v>
      </c>
      <c r="DO27" s="160">
        <v>0</v>
      </c>
      <c r="DP27" s="160">
        <v>0</v>
      </c>
      <c r="DQ27" s="160">
        <v>0</v>
      </c>
      <c r="DR27" s="165">
        <v>0</v>
      </c>
      <c r="DS27" s="164">
        <v>0</v>
      </c>
      <c r="DT27" s="159">
        <v>9</v>
      </c>
      <c r="DU27" s="160">
        <v>10</v>
      </c>
      <c r="DV27" s="165">
        <v>19</v>
      </c>
      <c r="DW27" s="162">
        <v>0</v>
      </c>
      <c r="DX27" s="160">
        <v>1</v>
      </c>
      <c r="DY27" s="160">
        <v>12</v>
      </c>
      <c r="DZ27" s="160">
        <v>7</v>
      </c>
      <c r="EA27" s="160">
        <v>2</v>
      </c>
      <c r="EB27" s="160">
        <v>0</v>
      </c>
      <c r="EC27" s="165">
        <v>22</v>
      </c>
      <c r="ED27" s="164">
        <v>41</v>
      </c>
      <c r="EE27" s="159">
        <v>0</v>
      </c>
      <c r="EF27" s="160">
        <v>1</v>
      </c>
      <c r="EG27" s="165">
        <v>1</v>
      </c>
      <c r="EH27" s="162">
        <v>0</v>
      </c>
      <c r="EI27" s="160">
        <v>4</v>
      </c>
      <c r="EJ27" s="160">
        <v>0</v>
      </c>
      <c r="EK27" s="160">
        <v>2</v>
      </c>
      <c r="EL27" s="160">
        <v>3</v>
      </c>
      <c r="EM27" s="160">
        <v>0</v>
      </c>
      <c r="EN27" s="165">
        <v>9</v>
      </c>
      <c r="EO27" s="164">
        <v>10</v>
      </c>
      <c r="EP27" s="159">
        <v>10</v>
      </c>
      <c r="EQ27" s="160">
        <v>11</v>
      </c>
      <c r="ER27" s="165">
        <v>21</v>
      </c>
      <c r="ES27" s="162">
        <v>0</v>
      </c>
      <c r="ET27" s="160">
        <v>10</v>
      </c>
      <c r="EU27" s="160">
        <v>15</v>
      </c>
      <c r="EV27" s="160">
        <v>10</v>
      </c>
      <c r="EW27" s="160">
        <v>2</v>
      </c>
      <c r="EX27" s="160">
        <v>0</v>
      </c>
      <c r="EY27" s="165">
        <v>37</v>
      </c>
      <c r="EZ27" s="164">
        <v>58</v>
      </c>
    </row>
    <row r="28" spans="2:156" ht="21" customHeight="1" x14ac:dyDescent="0.2">
      <c r="B28" s="166" t="s">
        <v>26</v>
      </c>
      <c r="C28" s="159">
        <v>0</v>
      </c>
      <c r="D28" s="160">
        <v>0</v>
      </c>
      <c r="E28" s="161">
        <v>0</v>
      </c>
      <c r="F28" s="162">
        <v>0</v>
      </c>
      <c r="G28" s="160">
        <v>7</v>
      </c>
      <c r="H28" s="160">
        <v>7</v>
      </c>
      <c r="I28" s="160">
        <v>3</v>
      </c>
      <c r="J28" s="160">
        <v>5</v>
      </c>
      <c r="K28" s="160">
        <v>3</v>
      </c>
      <c r="L28" s="163">
        <v>25</v>
      </c>
      <c r="M28" s="164">
        <v>25</v>
      </c>
      <c r="N28" s="159">
        <v>0</v>
      </c>
      <c r="O28" s="160">
        <v>0</v>
      </c>
      <c r="P28" s="165">
        <v>0</v>
      </c>
      <c r="Q28" s="162">
        <v>0</v>
      </c>
      <c r="R28" s="160">
        <v>0</v>
      </c>
      <c r="S28" s="160">
        <v>0</v>
      </c>
      <c r="T28" s="160">
        <v>0</v>
      </c>
      <c r="U28" s="160">
        <v>1</v>
      </c>
      <c r="V28" s="160">
        <v>1</v>
      </c>
      <c r="W28" s="165">
        <v>2</v>
      </c>
      <c r="X28" s="164">
        <v>2</v>
      </c>
      <c r="Y28" s="159">
        <v>2</v>
      </c>
      <c r="Z28" s="160">
        <v>3</v>
      </c>
      <c r="AA28" s="165">
        <v>5</v>
      </c>
      <c r="AB28" s="162">
        <v>0</v>
      </c>
      <c r="AC28" s="160">
        <v>7</v>
      </c>
      <c r="AD28" s="160">
        <v>9</v>
      </c>
      <c r="AE28" s="160">
        <v>2</v>
      </c>
      <c r="AF28" s="160">
        <v>5</v>
      </c>
      <c r="AG28" s="160">
        <v>3</v>
      </c>
      <c r="AH28" s="165">
        <v>26</v>
      </c>
      <c r="AI28" s="164">
        <v>31</v>
      </c>
      <c r="AJ28" s="159">
        <v>0</v>
      </c>
      <c r="AK28" s="160">
        <v>0</v>
      </c>
      <c r="AL28" s="165">
        <v>0</v>
      </c>
      <c r="AM28" s="162">
        <v>0</v>
      </c>
      <c r="AN28" s="160">
        <v>0</v>
      </c>
      <c r="AO28" s="160">
        <v>0</v>
      </c>
      <c r="AP28" s="160">
        <v>0</v>
      </c>
      <c r="AQ28" s="160">
        <v>0</v>
      </c>
      <c r="AR28" s="160">
        <v>0</v>
      </c>
      <c r="AS28" s="165">
        <v>0</v>
      </c>
      <c r="AT28" s="164">
        <v>0</v>
      </c>
      <c r="AU28" s="159">
        <v>2</v>
      </c>
      <c r="AV28" s="160">
        <v>1</v>
      </c>
      <c r="AW28" s="165">
        <v>3</v>
      </c>
      <c r="AX28" s="162">
        <v>0</v>
      </c>
      <c r="AY28" s="160">
        <v>7</v>
      </c>
      <c r="AZ28" s="160">
        <v>4</v>
      </c>
      <c r="BA28" s="160">
        <v>6</v>
      </c>
      <c r="BB28" s="160">
        <v>6</v>
      </c>
      <c r="BC28" s="160">
        <v>3</v>
      </c>
      <c r="BD28" s="163">
        <v>26</v>
      </c>
      <c r="BE28" s="164">
        <v>29</v>
      </c>
      <c r="BF28" s="159">
        <v>0</v>
      </c>
      <c r="BG28" s="160">
        <v>0</v>
      </c>
      <c r="BH28" s="165">
        <v>0</v>
      </c>
      <c r="BI28" s="162">
        <v>0</v>
      </c>
      <c r="BJ28" s="160">
        <v>12</v>
      </c>
      <c r="BK28" s="160">
        <v>7</v>
      </c>
      <c r="BL28" s="160">
        <v>3</v>
      </c>
      <c r="BM28" s="160">
        <v>2</v>
      </c>
      <c r="BN28" s="160">
        <v>0</v>
      </c>
      <c r="BO28" s="165">
        <v>24</v>
      </c>
      <c r="BP28" s="164">
        <v>24</v>
      </c>
      <c r="BQ28" s="159">
        <v>0</v>
      </c>
      <c r="BR28" s="160">
        <v>0</v>
      </c>
      <c r="BS28" s="165">
        <v>0</v>
      </c>
      <c r="BT28" s="162">
        <v>0</v>
      </c>
      <c r="BU28" s="160">
        <v>3</v>
      </c>
      <c r="BV28" s="160">
        <v>3</v>
      </c>
      <c r="BW28" s="160">
        <v>1</v>
      </c>
      <c r="BX28" s="160">
        <v>1</v>
      </c>
      <c r="BY28" s="160">
        <v>0</v>
      </c>
      <c r="BZ28" s="165">
        <v>8</v>
      </c>
      <c r="CA28" s="164">
        <v>8</v>
      </c>
      <c r="CB28" s="159">
        <v>0</v>
      </c>
      <c r="CC28" s="160">
        <v>0</v>
      </c>
      <c r="CD28" s="165">
        <v>0</v>
      </c>
      <c r="CE28" s="162">
        <v>0</v>
      </c>
      <c r="CF28" s="160">
        <v>3</v>
      </c>
      <c r="CG28" s="160">
        <v>2</v>
      </c>
      <c r="CH28" s="160">
        <v>0</v>
      </c>
      <c r="CI28" s="160">
        <v>1</v>
      </c>
      <c r="CJ28" s="160">
        <v>0</v>
      </c>
      <c r="CK28" s="165">
        <v>6</v>
      </c>
      <c r="CL28" s="164">
        <v>6</v>
      </c>
      <c r="CM28" s="159">
        <v>0</v>
      </c>
      <c r="CN28" s="160">
        <v>0</v>
      </c>
      <c r="CO28" s="165">
        <v>0</v>
      </c>
      <c r="CP28" s="162">
        <v>0</v>
      </c>
      <c r="CQ28" s="160">
        <v>0</v>
      </c>
      <c r="CR28" s="160">
        <v>0</v>
      </c>
      <c r="CS28" s="160">
        <v>0</v>
      </c>
      <c r="CT28" s="160">
        <v>1</v>
      </c>
      <c r="CU28" s="160">
        <v>0</v>
      </c>
      <c r="CV28" s="165">
        <v>1</v>
      </c>
      <c r="CW28" s="164">
        <v>1</v>
      </c>
      <c r="CX28" s="159">
        <v>0</v>
      </c>
      <c r="CY28" s="160">
        <v>0</v>
      </c>
      <c r="CZ28" s="165">
        <v>0</v>
      </c>
      <c r="DA28" s="162">
        <v>0</v>
      </c>
      <c r="DB28" s="160">
        <v>0</v>
      </c>
      <c r="DC28" s="160">
        <v>0</v>
      </c>
      <c r="DD28" s="160">
        <v>0</v>
      </c>
      <c r="DE28" s="160">
        <v>0</v>
      </c>
      <c r="DF28" s="160">
        <v>0</v>
      </c>
      <c r="DG28" s="165">
        <v>0</v>
      </c>
      <c r="DH28" s="164">
        <v>0</v>
      </c>
      <c r="DI28" s="159">
        <v>0</v>
      </c>
      <c r="DJ28" s="160">
        <v>0</v>
      </c>
      <c r="DK28" s="165">
        <v>0</v>
      </c>
      <c r="DL28" s="162">
        <v>0</v>
      </c>
      <c r="DM28" s="160">
        <v>0</v>
      </c>
      <c r="DN28" s="160">
        <v>0</v>
      </c>
      <c r="DO28" s="160">
        <v>0</v>
      </c>
      <c r="DP28" s="160">
        <v>0</v>
      </c>
      <c r="DQ28" s="160">
        <v>0</v>
      </c>
      <c r="DR28" s="165">
        <v>0</v>
      </c>
      <c r="DS28" s="164">
        <v>0</v>
      </c>
      <c r="DT28" s="159">
        <v>7</v>
      </c>
      <c r="DU28" s="160">
        <v>10</v>
      </c>
      <c r="DV28" s="165">
        <v>17</v>
      </c>
      <c r="DW28" s="162">
        <v>0</v>
      </c>
      <c r="DX28" s="160">
        <v>14</v>
      </c>
      <c r="DY28" s="160">
        <v>15</v>
      </c>
      <c r="DZ28" s="160">
        <v>4</v>
      </c>
      <c r="EA28" s="160">
        <v>9</v>
      </c>
      <c r="EB28" s="160">
        <v>4</v>
      </c>
      <c r="EC28" s="165">
        <v>46</v>
      </c>
      <c r="ED28" s="164">
        <v>63</v>
      </c>
      <c r="EE28" s="159">
        <v>0</v>
      </c>
      <c r="EF28" s="160">
        <v>1</v>
      </c>
      <c r="EG28" s="165">
        <v>1</v>
      </c>
      <c r="EH28" s="162">
        <v>0</v>
      </c>
      <c r="EI28" s="160">
        <v>3</v>
      </c>
      <c r="EJ28" s="160">
        <v>2</v>
      </c>
      <c r="EK28" s="160">
        <v>2</v>
      </c>
      <c r="EL28" s="160">
        <v>1</v>
      </c>
      <c r="EM28" s="160">
        <v>1</v>
      </c>
      <c r="EN28" s="165">
        <v>9</v>
      </c>
      <c r="EO28" s="164">
        <v>10</v>
      </c>
      <c r="EP28" s="159">
        <v>8</v>
      </c>
      <c r="EQ28" s="160">
        <v>12</v>
      </c>
      <c r="ER28" s="165">
        <v>20</v>
      </c>
      <c r="ES28" s="162">
        <v>0</v>
      </c>
      <c r="ET28" s="160">
        <v>27</v>
      </c>
      <c r="EU28" s="160">
        <v>19</v>
      </c>
      <c r="EV28" s="160">
        <v>7</v>
      </c>
      <c r="EW28" s="160">
        <v>10</v>
      </c>
      <c r="EX28" s="160">
        <v>3</v>
      </c>
      <c r="EY28" s="165">
        <v>66</v>
      </c>
      <c r="EZ28" s="164">
        <v>86</v>
      </c>
    </row>
    <row r="29" spans="2:156" ht="21" customHeight="1" x14ac:dyDescent="0.2">
      <c r="B29" s="166" t="s">
        <v>27</v>
      </c>
      <c r="C29" s="159">
        <v>0</v>
      </c>
      <c r="D29" s="160">
        <v>0</v>
      </c>
      <c r="E29" s="161">
        <v>0</v>
      </c>
      <c r="F29" s="162">
        <v>0</v>
      </c>
      <c r="G29" s="160">
        <v>3</v>
      </c>
      <c r="H29" s="160">
        <v>7</v>
      </c>
      <c r="I29" s="160">
        <v>4</v>
      </c>
      <c r="J29" s="160">
        <v>3</v>
      </c>
      <c r="K29" s="160">
        <v>2</v>
      </c>
      <c r="L29" s="163">
        <v>19</v>
      </c>
      <c r="M29" s="164">
        <v>19</v>
      </c>
      <c r="N29" s="159">
        <v>0</v>
      </c>
      <c r="O29" s="160">
        <v>0</v>
      </c>
      <c r="P29" s="165">
        <v>0</v>
      </c>
      <c r="Q29" s="162">
        <v>0</v>
      </c>
      <c r="R29" s="160">
        <v>0</v>
      </c>
      <c r="S29" s="160">
        <v>0</v>
      </c>
      <c r="T29" s="160">
        <v>1</v>
      </c>
      <c r="U29" s="160">
        <v>1</v>
      </c>
      <c r="V29" s="160">
        <v>0</v>
      </c>
      <c r="W29" s="165">
        <v>2</v>
      </c>
      <c r="X29" s="164">
        <v>2</v>
      </c>
      <c r="Y29" s="159">
        <v>3</v>
      </c>
      <c r="Z29" s="160">
        <v>4</v>
      </c>
      <c r="AA29" s="165">
        <v>7</v>
      </c>
      <c r="AB29" s="162">
        <v>0</v>
      </c>
      <c r="AC29" s="160">
        <v>3</v>
      </c>
      <c r="AD29" s="160">
        <v>4</v>
      </c>
      <c r="AE29" s="160">
        <v>7</v>
      </c>
      <c r="AF29" s="160">
        <v>2</v>
      </c>
      <c r="AG29" s="160">
        <v>3</v>
      </c>
      <c r="AH29" s="165">
        <v>19</v>
      </c>
      <c r="AI29" s="164">
        <v>26</v>
      </c>
      <c r="AJ29" s="159">
        <v>0</v>
      </c>
      <c r="AK29" s="160">
        <v>0</v>
      </c>
      <c r="AL29" s="165">
        <v>0</v>
      </c>
      <c r="AM29" s="162">
        <v>0</v>
      </c>
      <c r="AN29" s="160">
        <v>0</v>
      </c>
      <c r="AO29" s="160">
        <v>0</v>
      </c>
      <c r="AP29" s="160">
        <v>0</v>
      </c>
      <c r="AQ29" s="160">
        <v>0</v>
      </c>
      <c r="AR29" s="160">
        <v>0</v>
      </c>
      <c r="AS29" s="165">
        <v>0</v>
      </c>
      <c r="AT29" s="164">
        <v>0</v>
      </c>
      <c r="AU29" s="159">
        <v>2</v>
      </c>
      <c r="AV29" s="160">
        <v>1</v>
      </c>
      <c r="AW29" s="165">
        <v>3</v>
      </c>
      <c r="AX29" s="162">
        <v>0</v>
      </c>
      <c r="AY29" s="160">
        <v>10</v>
      </c>
      <c r="AZ29" s="160">
        <v>6</v>
      </c>
      <c r="BA29" s="160">
        <v>5</v>
      </c>
      <c r="BB29" s="160">
        <v>6</v>
      </c>
      <c r="BC29" s="160">
        <v>5</v>
      </c>
      <c r="BD29" s="163">
        <v>32</v>
      </c>
      <c r="BE29" s="164">
        <v>35</v>
      </c>
      <c r="BF29" s="159">
        <v>0</v>
      </c>
      <c r="BG29" s="160">
        <v>0</v>
      </c>
      <c r="BH29" s="165">
        <v>0</v>
      </c>
      <c r="BI29" s="162">
        <v>0</v>
      </c>
      <c r="BJ29" s="160">
        <v>4</v>
      </c>
      <c r="BK29" s="160">
        <v>4</v>
      </c>
      <c r="BL29" s="160">
        <v>4</v>
      </c>
      <c r="BM29" s="160">
        <v>2</v>
      </c>
      <c r="BN29" s="160">
        <v>1</v>
      </c>
      <c r="BO29" s="165">
        <v>15</v>
      </c>
      <c r="BP29" s="164">
        <v>15</v>
      </c>
      <c r="BQ29" s="159">
        <v>4</v>
      </c>
      <c r="BR29" s="160">
        <v>2</v>
      </c>
      <c r="BS29" s="165">
        <v>6</v>
      </c>
      <c r="BT29" s="162">
        <v>0</v>
      </c>
      <c r="BU29" s="160">
        <v>1</v>
      </c>
      <c r="BV29" s="160">
        <v>2</v>
      </c>
      <c r="BW29" s="160">
        <v>0</v>
      </c>
      <c r="BX29" s="160">
        <v>0</v>
      </c>
      <c r="BY29" s="160">
        <v>1</v>
      </c>
      <c r="BZ29" s="165">
        <v>4</v>
      </c>
      <c r="CA29" s="164">
        <v>10</v>
      </c>
      <c r="CB29" s="159">
        <v>0</v>
      </c>
      <c r="CC29" s="160">
        <v>0</v>
      </c>
      <c r="CD29" s="165">
        <v>0</v>
      </c>
      <c r="CE29" s="162">
        <v>0</v>
      </c>
      <c r="CF29" s="160">
        <v>0</v>
      </c>
      <c r="CG29" s="160">
        <v>2</v>
      </c>
      <c r="CH29" s="160">
        <v>1</v>
      </c>
      <c r="CI29" s="160">
        <v>0</v>
      </c>
      <c r="CJ29" s="160">
        <v>0</v>
      </c>
      <c r="CK29" s="165">
        <v>3</v>
      </c>
      <c r="CL29" s="164">
        <v>3</v>
      </c>
      <c r="CM29" s="159">
        <v>0</v>
      </c>
      <c r="CN29" s="160">
        <v>0</v>
      </c>
      <c r="CO29" s="165">
        <v>0</v>
      </c>
      <c r="CP29" s="162">
        <v>0</v>
      </c>
      <c r="CQ29" s="160">
        <v>0</v>
      </c>
      <c r="CR29" s="160">
        <v>0</v>
      </c>
      <c r="CS29" s="160">
        <v>0</v>
      </c>
      <c r="CT29" s="160">
        <v>0</v>
      </c>
      <c r="CU29" s="160">
        <v>0</v>
      </c>
      <c r="CV29" s="165">
        <v>0</v>
      </c>
      <c r="CW29" s="164">
        <v>0</v>
      </c>
      <c r="CX29" s="159">
        <v>0</v>
      </c>
      <c r="CY29" s="160">
        <v>0</v>
      </c>
      <c r="CZ29" s="165">
        <v>0</v>
      </c>
      <c r="DA29" s="162">
        <v>0</v>
      </c>
      <c r="DB29" s="160">
        <v>0</v>
      </c>
      <c r="DC29" s="160">
        <v>0</v>
      </c>
      <c r="DD29" s="160">
        <v>0</v>
      </c>
      <c r="DE29" s="160">
        <v>0</v>
      </c>
      <c r="DF29" s="160">
        <v>0</v>
      </c>
      <c r="DG29" s="165">
        <v>0</v>
      </c>
      <c r="DH29" s="164">
        <v>0</v>
      </c>
      <c r="DI29" s="159">
        <v>0</v>
      </c>
      <c r="DJ29" s="160">
        <v>0</v>
      </c>
      <c r="DK29" s="165">
        <v>0</v>
      </c>
      <c r="DL29" s="162">
        <v>0</v>
      </c>
      <c r="DM29" s="160">
        <v>0</v>
      </c>
      <c r="DN29" s="160">
        <v>0</v>
      </c>
      <c r="DO29" s="160">
        <v>0</v>
      </c>
      <c r="DP29" s="160">
        <v>0</v>
      </c>
      <c r="DQ29" s="160">
        <v>0</v>
      </c>
      <c r="DR29" s="165">
        <v>0</v>
      </c>
      <c r="DS29" s="164">
        <v>0</v>
      </c>
      <c r="DT29" s="159">
        <v>10</v>
      </c>
      <c r="DU29" s="160">
        <v>18</v>
      </c>
      <c r="DV29" s="165">
        <v>28</v>
      </c>
      <c r="DW29" s="162">
        <v>0</v>
      </c>
      <c r="DX29" s="160">
        <v>4</v>
      </c>
      <c r="DY29" s="160">
        <v>13</v>
      </c>
      <c r="DZ29" s="160">
        <v>10</v>
      </c>
      <c r="EA29" s="160">
        <v>3</v>
      </c>
      <c r="EB29" s="160">
        <v>2</v>
      </c>
      <c r="EC29" s="165">
        <v>32</v>
      </c>
      <c r="ED29" s="164">
        <v>60</v>
      </c>
      <c r="EE29" s="159">
        <v>2</v>
      </c>
      <c r="EF29" s="160">
        <v>0</v>
      </c>
      <c r="EG29" s="165">
        <v>2</v>
      </c>
      <c r="EH29" s="162">
        <v>0</v>
      </c>
      <c r="EI29" s="160">
        <v>6</v>
      </c>
      <c r="EJ29" s="160">
        <v>2</v>
      </c>
      <c r="EK29" s="160">
        <v>1</v>
      </c>
      <c r="EL29" s="160">
        <v>4</v>
      </c>
      <c r="EM29" s="160">
        <v>0</v>
      </c>
      <c r="EN29" s="165">
        <v>13</v>
      </c>
      <c r="EO29" s="164">
        <v>15</v>
      </c>
      <c r="EP29" s="159">
        <v>16</v>
      </c>
      <c r="EQ29" s="160">
        <v>19</v>
      </c>
      <c r="ER29" s="165">
        <v>35</v>
      </c>
      <c r="ES29" s="162">
        <v>0</v>
      </c>
      <c r="ET29" s="160">
        <v>8</v>
      </c>
      <c r="EU29" s="160">
        <v>12</v>
      </c>
      <c r="EV29" s="160">
        <v>10</v>
      </c>
      <c r="EW29" s="160">
        <v>4</v>
      </c>
      <c r="EX29" s="160">
        <v>3</v>
      </c>
      <c r="EY29" s="165">
        <v>37</v>
      </c>
      <c r="EZ29" s="164">
        <v>72</v>
      </c>
    </row>
    <row r="30" spans="2:156" ht="21" customHeight="1" x14ac:dyDescent="0.2">
      <c r="B30" s="166" t="s">
        <v>28</v>
      </c>
      <c r="C30" s="159">
        <v>0</v>
      </c>
      <c r="D30" s="160">
        <v>0</v>
      </c>
      <c r="E30" s="161">
        <v>0</v>
      </c>
      <c r="F30" s="162">
        <v>0</v>
      </c>
      <c r="G30" s="160">
        <v>1</v>
      </c>
      <c r="H30" s="160">
        <v>0</v>
      </c>
      <c r="I30" s="160">
        <v>2</v>
      </c>
      <c r="J30" s="160">
        <v>0</v>
      </c>
      <c r="K30" s="160">
        <v>1</v>
      </c>
      <c r="L30" s="163">
        <v>4</v>
      </c>
      <c r="M30" s="164">
        <v>4</v>
      </c>
      <c r="N30" s="159">
        <v>0</v>
      </c>
      <c r="O30" s="160">
        <v>0</v>
      </c>
      <c r="P30" s="165">
        <v>0</v>
      </c>
      <c r="Q30" s="162">
        <v>0</v>
      </c>
      <c r="R30" s="160">
        <v>1</v>
      </c>
      <c r="S30" s="160">
        <v>0</v>
      </c>
      <c r="T30" s="160">
        <v>0</v>
      </c>
      <c r="U30" s="160">
        <v>0</v>
      </c>
      <c r="V30" s="160">
        <v>0</v>
      </c>
      <c r="W30" s="165">
        <v>1</v>
      </c>
      <c r="X30" s="164">
        <v>1</v>
      </c>
      <c r="Y30" s="159">
        <v>0</v>
      </c>
      <c r="Z30" s="160">
        <v>0</v>
      </c>
      <c r="AA30" s="165">
        <v>0</v>
      </c>
      <c r="AB30" s="162">
        <v>0</v>
      </c>
      <c r="AC30" s="160">
        <v>1</v>
      </c>
      <c r="AD30" s="160">
        <v>0</v>
      </c>
      <c r="AE30" s="160">
        <v>1</v>
      </c>
      <c r="AF30" s="160">
        <v>1</v>
      </c>
      <c r="AG30" s="160">
        <v>0</v>
      </c>
      <c r="AH30" s="165">
        <v>3</v>
      </c>
      <c r="AI30" s="164">
        <v>3</v>
      </c>
      <c r="AJ30" s="159">
        <v>0</v>
      </c>
      <c r="AK30" s="160">
        <v>0</v>
      </c>
      <c r="AL30" s="165">
        <v>0</v>
      </c>
      <c r="AM30" s="162">
        <v>0</v>
      </c>
      <c r="AN30" s="160">
        <v>0</v>
      </c>
      <c r="AO30" s="160">
        <v>0</v>
      </c>
      <c r="AP30" s="160">
        <v>0</v>
      </c>
      <c r="AQ30" s="160">
        <v>0</v>
      </c>
      <c r="AR30" s="160">
        <v>0</v>
      </c>
      <c r="AS30" s="165">
        <v>0</v>
      </c>
      <c r="AT30" s="164">
        <v>0</v>
      </c>
      <c r="AU30" s="159">
        <v>0</v>
      </c>
      <c r="AV30" s="160">
        <v>0</v>
      </c>
      <c r="AW30" s="165">
        <v>0</v>
      </c>
      <c r="AX30" s="162">
        <v>0</v>
      </c>
      <c r="AY30" s="160">
        <v>3</v>
      </c>
      <c r="AZ30" s="160">
        <v>2</v>
      </c>
      <c r="BA30" s="160">
        <v>1</v>
      </c>
      <c r="BB30" s="160">
        <v>0</v>
      </c>
      <c r="BC30" s="160">
        <v>1</v>
      </c>
      <c r="BD30" s="163">
        <v>7</v>
      </c>
      <c r="BE30" s="164">
        <v>7</v>
      </c>
      <c r="BF30" s="159">
        <v>0</v>
      </c>
      <c r="BG30" s="160">
        <v>0</v>
      </c>
      <c r="BH30" s="165">
        <v>0</v>
      </c>
      <c r="BI30" s="162">
        <v>0</v>
      </c>
      <c r="BJ30" s="160">
        <v>2</v>
      </c>
      <c r="BK30" s="160">
        <v>3</v>
      </c>
      <c r="BL30" s="160">
        <v>1</v>
      </c>
      <c r="BM30" s="160">
        <v>0</v>
      </c>
      <c r="BN30" s="160">
        <v>0</v>
      </c>
      <c r="BO30" s="165">
        <v>6</v>
      </c>
      <c r="BP30" s="164">
        <v>6</v>
      </c>
      <c r="BQ30" s="159">
        <v>0</v>
      </c>
      <c r="BR30" s="160">
        <v>0</v>
      </c>
      <c r="BS30" s="165">
        <v>0</v>
      </c>
      <c r="BT30" s="162">
        <v>0</v>
      </c>
      <c r="BU30" s="160">
        <v>1</v>
      </c>
      <c r="BV30" s="160">
        <v>0</v>
      </c>
      <c r="BW30" s="160">
        <v>0</v>
      </c>
      <c r="BX30" s="160">
        <v>0</v>
      </c>
      <c r="BY30" s="160">
        <v>0</v>
      </c>
      <c r="BZ30" s="165">
        <v>1</v>
      </c>
      <c r="CA30" s="164">
        <v>1</v>
      </c>
      <c r="CB30" s="159">
        <v>0</v>
      </c>
      <c r="CC30" s="160">
        <v>0</v>
      </c>
      <c r="CD30" s="165">
        <v>0</v>
      </c>
      <c r="CE30" s="162">
        <v>0</v>
      </c>
      <c r="CF30" s="160">
        <v>1</v>
      </c>
      <c r="CG30" s="160">
        <v>0</v>
      </c>
      <c r="CH30" s="160">
        <v>0</v>
      </c>
      <c r="CI30" s="160">
        <v>0</v>
      </c>
      <c r="CJ30" s="160">
        <v>1</v>
      </c>
      <c r="CK30" s="165">
        <v>2</v>
      </c>
      <c r="CL30" s="164">
        <v>2</v>
      </c>
      <c r="CM30" s="159">
        <v>0</v>
      </c>
      <c r="CN30" s="160">
        <v>0</v>
      </c>
      <c r="CO30" s="165">
        <v>0</v>
      </c>
      <c r="CP30" s="162">
        <v>0</v>
      </c>
      <c r="CQ30" s="160">
        <v>0</v>
      </c>
      <c r="CR30" s="160">
        <v>0</v>
      </c>
      <c r="CS30" s="160">
        <v>1</v>
      </c>
      <c r="CT30" s="160">
        <v>0</v>
      </c>
      <c r="CU30" s="160">
        <v>0</v>
      </c>
      <c r="CV30" s="165">
        <v>1</v>
      </c>
      <c r="CW30" s="164">
        <v>1</v>
      </c>
      <c r="CX30" s="159">
        <v>0</v>
      </c>
      <c r="CY30" s="160">
        <v>0</v>
      </c>
      <c r="CZ30" s="165">
        <v>0</v>
      </c>
      <c r="DA30" s="162">
        <v>0</v>
      </c>
      <c r="DB30" s="160">
        <v>0</v>
      </c>
      <c r="DC30" s="160">
        <v>0</v>
      </c>
      <c r="DD30" s="160">
        <v>0</v>
      </c>
      <c r="DE30" s="160">
        <v>0</v>
      </c>
      <c r="DF30" s="160">
        <v>0</v>
      </c>
      <c r="DG30" s="165">
        <v>0</v>
      </c>
      <c r="DH30" s="164">
        <v>0</v>
      </c>
      <c r="DI30" s="159">
        <v>0</v>
      </c>
      <c r="DJ30" s="160">
        <v>0</v>
      </c>
      <c r="DK30" s="165">
        <v>0</v>
      </c>
      <c r="DL30" s="162">
        <v>0</v>
      </c>
      <c r="DM30" s="160">
        <v>0</v>
      </c>
      <c r="DN30" s="160">
        <v>0</v>
      </c>
      <c r="DO30" s="160">
        <v>0</v>
      </c>
      <c r="DP30" s="160">
        <v>0</v>
      </c>
      <c r="DQ30" s="160">
        <v>0</v>
      </c>
      <c r="DR30" s="165">
        <v>0</v>
      </c>
      <c r="DS30" s="164">
        <v>0</v>
      </c>
      <c r="DT30" s="159">
        <v>0</v>
      </c>
      <c r="DU30" s="160">
        <v>1</v>
      </c>
      <c r="DV30" s="165">
        <v>1</v>
      </c>
      <c r="DW30" s="162">
        <v>0</v>
      </c>
      <c r="DX30" s="160">
        <v>5</v>
      </c>
      <c r="DY30" s="160">
        <v>5</v>
      </c>
      <c r="DZ30" s="160">
        <v>3</v>
      </c>
      <c r="EA30" s="160">
        <v>1</v>
      </c>
      <c r="EB30" s="160">
        <v>0</v>
      </c>
      <c r="EC30" s="165">
        <v>14</v>
      </c>
      <c r="ED30" s="164">
        <v>15</v>
      </c>
      <c r="EE30" s="159">
        <v>0</v>
      </c>
      <c r="EF30" s="160">
        <v>0</v>
      </c>
      <c r="EG30" s="165">
        <v>0</v>
      </c>
      <c r="EH30" s="162">
        <v>0</v>
      </c>
      <c r="EI30" s="160">
        <v>3</v>
      </c>
      <c r="EJ30" s="160">
        <v>0</v>
      </c>
      <c r="EK30" s="160">
        <v>0</v>
      </c>
      <c r="EL30" s="160">
        <v>0</v>
      </c>
      <c r="EM30" s="160">
        <v>0</v>
      </c>
      <c r="EN30" s="165">
        <v>3</v>
      </c>
      <c r="EO30" s="164">
        <v>3</v>
      </c>
      <c r="EP30" s="159">
        <v>0</v>
      </c>
      <c r="EQ30" s="160">
        <v>1</v>
      </c>
      <c r="ER30" s="165">
        <v>1</v>
      </c>
      <c r="ES30" s="162">
        <v>0</v>
      </c>
      <c r="ET30" s="160">
        <v>11</v>
      </c>
      <c r="EU30" s="160">
        <v>5</v>
      </c>
      <c r="EV30" s="160">
        <v>3</v>
      </c>
      <c r="EW30" s="160">
        <v>1</v>
      </c>
      <c r="EX30" s="160">
        <v>1</v>
      </c>
      <c r="EY30" s="165">
        <v>21</v>
      </c>
      <c r="EZ30" s="164">
        <v>22</v>
      </c>
    </row>
    <row r="31" spans="2:156" ht="21" customHeight="1" x14ac:dyDescent="0.2">
      <c r="B31" s="166" t="s">
        <v>29</v>
      </c>
      <c r="C31" s="159">
        <v>0</v>
      </c>
      <c r="D31" s="160">
        <v>0</v>
      </c>
      <c r="E31" s="161">
        <v>0</v>
      </c>
      <c r="F31" s="162">
        <v>0</v>
      </c>
      <c r="G31" s="160">
        <v>0</v>
      </c>
      <c r="H31" s="160">
        <v>1</v>
      </c>
      <c r="I31" s="160">
        <v>2</v>
      </c>
      <c r="J31" s="160">
        <v>1</v>
      </c>
      <c r="K31" s="160">
        <v>0</v>
      </c>
      <c r="L31" s="163">
        <v>4</v>
      </c>
      <c r="M31" s="164">
        <v>4</v>
      </c>
      <c r="N31" s="159">
        <v>0</v>
      </c>
      <c r="O31" s="160">
        <v>0</v>
      </c>
      <c r="P31" s="165">
        <v>0</v>
      </c>
      <c r="Q31" s="162">
        <v>0</v>
      </c>
      <c r="R31" s="160">
        <v>0</v>
      </c>
      <c r="S31" s="160">
        <v>0</v>
      </c>
      <c r="T31" s="160">
        <v>0</v>
      </c>
      <c r="U31" s="160">
        <v>0</v>
      </c>
      <c r="V31" s="160">
        <v>0</v>
      </c>
      <c r="W31" s="165">
        <v>0</v>
      </c>
      <c r="X31" s="164">
        <v>0</v>
      </c>
      <c r="Y31" s="159">
        <v>1</v>
      </c>
      <c r="Z31" s="160">
        <v>1</v>
      </c>
      <c r="AA31" s="165">
        <v>2</v>
      </c>
      <c r="AB31" s="162">
        <v>0</v>
      </c>
      <c r="AC31" s="160">
        <v>1</v>
      </c>
      <c r="AD31" s="160">
        <v>1</v>
      </c>
      <c r="AE31" s="160">
        <v>4</v>
      </c>
      <c r="AF31" s="160">
        <v>0</v>
      </c>
      <c r="AG31" s="160">
        <v>0</v>
      </c>
      <c r="AH31" s="165">
        <v>6</v>
      </c>
      <c r="AI31" s="164">
        <v>8</v>
      </c>
      <c r="AJ31" s="159">
        <v>0</v>
      </c>
      <c r="AK31" s="160">
        <v>0</v>
      </c>
      <c r="AL31" s="165">
        <v>0</v>
      </c>
      <c r="AM31" s="162">
        <v>0</v>
      </c>
      <c r="AN31" s="160">
        <v>0</v>
      </c>
      <c r="AO31" s="160">
        <v>0</v>
      </c>
      <c r="AP31" s="160">
        <v>1</v>
      </c>
      <c r="AQ31" s="160">
        <v>0</v>
      </c>
      <c r="AR31" s="160">
        <v>0</v>
      </c>
      <c r="AS31" s="165">
        <v>1</v>
      </c>
      <c r="AT31" s="164">
        <v>1</v>
      </c>
      <c r="AU31" s="159">
        <v>1</v>
      </c>
      <c r="AV31" s="160">
        <v>0</v>
      </c>
      <c r="AW31" s="165">
        <v>1</v>
      </c>
      <c r="AX31" s="162">
        <v>0</v>
      </c>
      <c r="AY31" s="160">
        <v>3</v>
      </c>
      <c r="AZ31" s="160">
        <v>0</v>
      </c>
      <c r="BA31" s="160">
        <v>1</v>
      </c>
      <c r="BB31" s="160">
        <v>1</v>
      </c>
      <c r="BC31" s="160">
        <v>0</v>
      </c>
      <c r="BD31" s="163">
        <v>5</v>
      </c>
      <c r="BE31" s="164">
        <v>6</v>
      </c>
      <c r="BF31" s="159">
        <v>0</v>
      </c>
      <c r="BG31" s="160">
        <v>0</v>
      </c>
      <c r="BH31" s="165">
        <v>0</v>
      </c>
      <c r="BI31" s="162">
        <v>0</v>
      </c>
      <c r="BJ31" s="160">
        <v>0</v>
      </c>
      <c r="BK31" s="160">
        <v>3</v>
      </c>
      <c r="BL31" s="160">
        <v>2</v>
      </c>
      <c r="BM31" s="160">
        <v>0</v>
      </c>
      <c r="BN31" s="160">
        <v>0</v>
      </c>
      <c r="BO31" s="165">
        <v>5</v>
      </c>
      <c r="BP31" s="164">
        <v>5</v>
      </c>
      <c r="BQ31" s="159">
        <v>0</v>
      </c>
      <c r="BR31" s="160">
        <v>0</v>
      </c>
      <c r="BS31" s="165">
        <v>0</v>
      </c>
      <c r="BT31" s="162">
        <v>0</v>
      </c>
      <c r="BU31" s="160">
        <v>1</v>
      </c>
      <c r="BV31" s="160">
        <v>0</v>
      </c>
      <c r="BW31" s="160">
        <v>1</v>
      </c>
      <c r="BX31" s="160">
        <v>1</v>
      </c>
      <c r="BY31" s="160">
        <v>0</v>
      </c>
      <c r="BZ31" s="165">
        <v>3</v>
      </c>
      <c r="CA31" s="164">
        <v>3</v>
      </c>
      <c r="CB31" s="159">
        <v>0</v>
      </c>
      <c r="CC31" s="160">
        <v>0</v>
      </c>
      <c r="CD31" s="165">
        <v>0</v>
      </c>
      <c r="CE31" s="162">
        <v>0</v>
      </c>
      <c r="CF31" s="160">
        <v>0</v>
      </c>
      <c r="CG31" s="160">
        <v>1</v>
      </c>
      <c r="CH31" s="160">
        <v>0</v>
      </c>
      <c r="CI31" s="160">
        <v>0</v>
      </c>
      <c r="CJ31" s="160">
        <v>0</v>
      </c>
      <c r="CK31" s="165">
        <v>1</v>
      </c>
      <c r="CL31" s="164">
        <v>1</v>
      </c>
      <c r="CM31" s="159">
        <v>0</v>
      </c>
      <c r="CN31" s="160">
        <v>0</v>
      </c>
      <c r="CO31" s="165">
        <v>0</v>
      </c>
      <c r="CP31" s="162">
        <v>0</v>
      </c>
      <c r="CQ31" s="160">
        <v>0</v>
      </c>
      <c r="CR31" s="160">
        <v>0</v>
      </c>
      <c r="CS31" s="160">
        <v>0</v>
      </c>
      <c r="CT31" s="160">
        <v>0</v>
      </c>
      <c r="CU31" s="160">
        <v>0</v>
      </c>
      <c r="CV31" s="165">
        <v>0</v>
      </c>
      <c r="CW31" s="164">
        <v>0</v>
      </c>
      <c r="CX31" s="159">
        <v>0</v>
      </c>
      <c r="CY31" s="160">
        <v>0</v>
      </c>
      <c r="CZ31" s="165">
        <v>0</v>
      </c>
      <c r="DA31" s="162">
        <v>0</v>
      </c>
      <c r="DB31" s="160">
        <v>0</v>
      </c>
      <c r="DC31" s="160">
        <v>0</v>
      </c>
      <c r="DD31" s="160">
        <v>0</v>
      </c>
      <c r="DE31" s="160">
        <v>0</v>
      </c>
      <c r="DF31" s="160">
        <v>0</v>
      </c>
      <c r="DG31" s="165">
        <v>0</v>
      </c>
      <c r="DH31" s="164">
        <v>0</v>
      </c>
      <c r="DI31" s="159">
        <v>0</v>
      </c>
      <c r="DJ31" s="160">
        <v>0</v>
      </c>
      <c r="DK31" s="165">
        <v>0</v>
      </c>
      <c r="DL31" s="162">
        <v>0</v>
      </c>
      <c r="DM31" s="160">
        <v>0</v>
      </c>
      <c r="DN31" s="160">
        <v>0</v>
      </c>
      <c r="DO31" s="160">
        <v>0</v>
      </c>
      <c r="DP31" s="160">
        <v>0</v>
      </c>
      <c r="DQ31" s="160">
        <v>0</v>
      </c>
      <c r="DR31" s="165">
        <v>0</v>
      </c>
      <c r="DS31" s="164">
        <v>0</v>
      </c>
      <c r="DT31" s="159">
        <v>1</v>
      </c>
      <c r="DU31" s="160">
        <v>3</v>
      </c>
      <c r="DV31" s="165">
        <v>4</v>
      </c>
      <c r="DW31" s="162">
        <v>0</v>
      </c>
      <c r="DX31" s="160">
        <v>2</v>
      </c>
      <c r="DY31" s="160">
        <v>1</v>
      </c>
      <c r="DZ31" s="160">
        <v>6</v>
      </c>
      <c r="EA31" s="160">
        <v>2</v>
      </c>
      <c r="EB31" s="160">
        <v>0</v>
      </c>
      <c r="EC31" s="165">
        <v>11</v>
      </c>
      <c r="ED31" s="164">
        <v>15</v>
      </c>
      <c r="EE31" s="159">
        <v>1</v>
      </c>
      <c r="EF31" s="160">
        <v>0</v>
      </c>
      <c r="EG31" s="165">
        <v>1</v>
      </c>
      <c r="EH31" s="162">
        <v>0</v>
      </c>
      <c r="EI31" s="160">
        <v>2</v>
      </c>
      <c r="EJ31" s="160">
        <v>0</v>
      </c>
      <c r="EK31" s="160">
        <v>0</v>
      </c>
      <c r="EL31" s="160">
        <v>0</v>
      </c>
      <c r="EM31" s="160">
        <v>0</v>
      </c>
      <c r="EN31" s="165">
        <v>2</v>
      </c>
      <c r="EO31" s="164">
        <v>3</v>
      </c>
      <c r="EP31" s="159">
        <v>1</v>
      </c>
      <c r="EQ31" s="160">
        <v>3</v>
      </c>
      <c r="ER31" s="165">
        <v>4</v>
      </c>
      <c r="ES31" s="162">
        <v>0</v>
      </c>
      <c r="ET31" s="160">
        <v>2</v>
      </c>
      <c r="EU31" s="160">
        <v>4</v>
      </c>
      <c r="EV31" s="160">
        <v>6</v>
      </c>
      <c r="EW31" s="160">
        <v>2</v>
      </c>
      <c r="EX31" s="160">
        <v>0</v>
      </c>
      <c r="EY31" s="165">
        <v>14</v>
      </c>
      <c r="EZ31" s="164">
        <v>18</v>
      </c>
    </row>
    <row r="32" spans="2:156" ht="21" customHeight="1" x14ac:dyDescent="0.2">
      <c r="B32" s="166" t="s">
        <v>30</v>
      </c>
      <c r="C32" s="159">
        <v>0</v>
      </c>
      <c r="D32" s="160">
        <v>0</v>
      </c>
      <c r="E32" s="161">
        <v>0</v>
      </c>
      <c r="F32" s="162">
        <v>0</v>
      </c>
      <c r="G32" s="160">
        <v>1</v>
      </c>
      <c r="H32" s="160">
        <v>0</v>
      </c>
      <c r="I32" s="160">
        <v>1</v>
      </c>
      <c r="J32" s="160">
        <v>0</v>
      </c>
      <c r="K32" s="160">
        <v>2</v>
      </c>
      <c r="L32" s="163">
        <v>4</v>
      </c>
      <c r="M32" s="164">
        <v>4</v>
      </c>
      <c r="N32" s="159">
        <v>0</v>
      </c>
      <c r="O32" s="160">
        <v>0</v>
      </c>
      <c r="P32" s="165">
        <v>0</v>
      </c>
      <c r="Q32" s="162">
        <v>0</v>
      </c>
      <c r="R32" s="160">
        <v>0</v>
      </c>
      <c r="S32" s="160">
        <v>0</v>
      </c>
      <c r="T32" s="160">
        <v>0</v>
      </c>
      <c r="U32" s="160">
        <v>0</v>
      </c>
      <c r="V32" s="160">
        <v>0</v>
      </c>
      <c r="W32" s="165">
        <v>0</v>
      </c>
      <c r="X32" s="164">
        <v>0</v>
      </c>
      <c r="Y32" s="159">
        <v>1</v>
      </c>
      <c r="Z32" s="160">
        <v>1</v>
      </c>
      <c r="AA32" s="165">
        <v>2</v>
      </c>
      <c r="AB32" s="162">
        <v>0</v>
      </c>
      <c r="AC32" s="160">
        <v>1</v>
      </c>
      <c r="AD32" s="160">
        <v>0</v>
      </c>
      <c r="AE32" s="160">
        <v>2</v>
      </c>
      <c r="AF32" s="160">
        <v>2</v>
      </c>
      <c r="AG32" s="160">
        <v>1</v>
      </c>
      <c r="AH32" s="165">
        <v>6</v>
      </c>
      <c r="AI32" s="164">
        <v>8</v>
      </c>
      <c r="AJ32" s="159">
        <v>0</v>
      </c>
      <c r="AK32" s="160">
        <v>0</v>
      </c>
      <c r="AL32" s="165">
        <v>0</v>
      </c>
      <c r="AM32" s="162">
        <v>0</v>
      </c>
      <c r="AN32" s="160">
        <v>0</v>
      </c>
      <c r="AO32" s="160">
        <v>0</v>
      </c>
      <c r="AP32" s="160">
        <v>0</v>
      </c>
      <c r="AQ32" s="160">
        <v>0</v>
      </c>
      <c r="AR32" s="160">
        <v>0</v>
      </c>
      <c r="AS32" s="165">
        <v>0</v>
      </c>
      <c r="AT32" s="164">
        <v>0</v>
      </c>
      <c r="AU32" s="159">
        <v>0</v>
      </c>
      <c r="AV32" s="160">
        <v>0</v>
      </c>
      <c r="AW32" s="165">
        <v>0</v>
      </c>
      <c r="AX32" s="162">
        <v>0</v>
      </c>
      <c r="AY32" s="160">
        <v>1</v>
      </c>
      <c r="AZ32" s="160">
        <v>3</v>
      </c>
      <c r="BA32" s="160">
        <v>2</v>
      </c>
      <c r="BB32" s="160">
        <v>1</v>
      </c>
      <c r="BC32" s="160">
        <v>1</v>
      </c>
      <c r="BD32" s="163">
        <v>8</v>
      </c>
      <c r="BE32" s="164">
        <v>8</v>
      </c>
      <c r="BF32" s="159">
        <v>0</v>
      </c>
      <c r="BG32" s="160">
        <v>0</v>
      </c>
      <c r="BH32" s="165">
        <v>0</v>
      </c>
      <c r="BI32" s="162">
        <v>0</v>
      </c>
      <c r="BJ32" s="160">
        <v>2</v>
      </c>
      <c r="BK32" s="160">
        <v>1</v>
      </c>
      <c r="BL32" s="160">
        <v>0</v>
      </c>
      <c r="BM32" s="160">
        <v>1</v>
      </c>
      <c r="BN32" s="160">
        <v>1</v>
      </c>
      <c r="BO32" s="165">
        <v>5</v>
      </c>
      <c r="BP32" s="164">
        <v>5</v>
      </c>
      <c r="BQ32" s="159">
        <v>0</v>
      </c>
      <c r="BR32" s="160">
        <v>1</v>
      </c>
      <c r="BS32" s="165">
        <v>1</v>
      </c>
      <c r="BT32" s="162">
        <v>0</v>
      </c>
      <c r="BU32" s="160">
        <v>1</v>
      </c>
      <c r="BV32" s="160">
        <v>0</v>
      </c>
      <c r="BW32" s="160">
        <v>0</v>
      </c>
      <c r="BX32" s="160">
        <v>0</v>
      </c>
      <c r="BY32" s="160">
        <v>0</v>
      </c>
      <c r="BZ32" s="165">
        <v>1</v>
      </c>
      <c r="CA32" s="164">
        <v>2</v>
      </c>
      <c r="CB32" s="159">
        <v>0</v>
      </c>
      <c r="CC32" s="160">
        <v>0</v>
      </c>
      <c r="CD32" s="165">
        <v>0</v>
      </c>
      <c r="CE32" s="162">
        <v>0</v>
      </c>
      <c r="CF32" s="160">
        <v>0</v>
      </c>
      <c r="CG32" s="160">
        <v>0</v>
      </c>
      <c r="CH32" s="160">
        <v>1</v>
      </c>
      <c r="CI32" s="160">
        <v>0</v>
      </c>
      <c r="CJ32" s="160">
        <v>0</v>
      </c>
      <c r="CK32" s="165">
        <v>1</v>
      </c>
      <c r="CL32" s="164">
        <v>1</v>
      </c>
      <c r="CM32" s="159">
        <v>0</v>
      </c>
      <c r="CN32" s="160">
        <v>0</v>
      </c>
      <c r="CO32" s="165">
        <v>0</v>
      </c>
      <c r="CP32" s="162">
        <v>0</v>
      </c>
      <c r="CQ32" s="160">
        <v>0</v>
      </c>
      <c r="CR32" s="160">
        <v>0</v>
      </c>
      <c r="CS32" s="160">
        <v>0</v>
      </c>
      <c r="CT32" s="160">
        <v>0</v>
      </c>
      <c r="CU32" s="160">
        <v>0</v>
      </c>
      <c r="CV32" s="165">
        <v>0</v>
      </c>
      <c r="CW32" s="164">
        <v>0</v>
      </c>
      <c r="CX32" s="159">
        <v>0</v>
      </c>
      <c r="CY32" s="160">
        <v>0</v>
      </c>
      <c r="CZ32" s="165">
        <v>0</v>
      </c>
      <c r="DA32" s="162">
        <v>0</v>
      </c>
      <c r="DB32" s="160">
        <v>0</v>
      </c>
      <c r="DC32" s="160">
        <v>0</v>
      </c>
      <c r="DD32" s="160">
        <v>0</v>
      </c>
      <c r="DE32" s="160">
        <v>0</v>
      </c>
      <c r="DF32" s="160">
        <v>0</v>
      </c>
      <c r="DG32" s="165">
        <v>0</v>
      </c>
      <c r="DH32" s="164">
        <v>0</v>
      </c>
      <c r="DI32" s="159">
        <v>0</v>
      </c>
      <c r="DJ32" s="160">
        <v>0</v>
      </c>
      <c r="DK32" s="165">
        <v>0</v>
      </c>
      <c r="DL32" s="162">
        <v>0</v>
      </c>
      <c r="DM32" s="160">
        <v>0</v>
      </c>
      <c r="DN32" s="160">
        <v>0</v>
      </c>
      <c r="DO32" s="160">
        <v>0</v>
      </c>
      <c r="DP32" s="160">
        <v>0</v>
      </c>
      <c r="DQ32" s="160">
        <v>0</v>
      </c>
      <c r="DR32" s="165">
        <v>0</v>
      </c>
      <c r="DS32" s="164">
        <v>0</v>
      </c>
      <c r="DT32" s="159">
        <v>0</v>
      </c>
      <c r="DU32" s="160">
        <v>1</v>
      </c>
      <c r="DV32" s="165">
        <v>1</v>
      </c>
      <c r="DW32" s="162">
        <v>0</v>
      </c>
      <c r="DX32" s="160">
        <v>2</v>
      </c>
      <c r="DY32" s="160">
        <v>1</v>
      </c>
      <c r="DZ32" s="160">
        <v>3</v>
      </c>
      <c r="EA32" s="160">
        <v>2</v>
      </c>
      <c r="EB32" s="160">
        <v>2</v>
      </c>
      <c r="EC32" s="165">
        <v>10</v>
      </c>
      <c r="ED32" s="164">
        <v>11</v>
      </c>
      <c r="EE32" s="159">
        <v>0</v>
      </c>
      <c r="EF32" s="160">
        <v>0</v>
      </c>
      <c r="EG32" s="165">
        <v>0</v>
      </c>
      <c r="EH32" s="162">
        <v>0</v>
      </c>
      <c r="EI32" s="160">
        <v>0</v>
      </c>
      <c r="EJ32" s="160">
        <v>4</v>
      </c>
      <c r="EK32" s="160">
        <v>0</v>
      </c>
      <c r="EL32" s="160">
        <v>2</v>
      </c>
      <c r="EM32" s="160">
        <v>0</v>
      </c>
      <c r="EN32" s="165">
        <v>6</v>
      </c>
      <c r="EO32" s="164">
        <v>6</v>
      </c>
      <c r="EP32" s="159">
        <v>2</v>
      </c>
      <c r="EQ32" s="160">
        <v>2</v>
      </c>
      <c r="ER32" s="165">
        <v>4</v>
      </c>
      <c r="ES32" s="162">
        <v>0</v>
      </c>
      <c r="ET32" s="160">
        <v>4</v>
      </c>
      <c r="EU32" s="160">
        <v>1</v>
      </c>
      <c r="EV32" s="160">
        <v>3</v>
      </c>
      <c r="EW32" s="160">
        <v>2</v>
      </c>
      <c r="EX32" s="160">
        <v>2</v>
      </c>
      <c r="EY32" s="165">
        <v>12</v>
      </c>
      <c r="EZ32" s="164">
        <v>16</v>
      </c>
    </row>
    <row r="33" spans="2:156" ht="21" customHeight="1" x14ac:dyDescent="0.2">
      <c r="B33" s="166" t="s">
        <v>31</v>
      </c>
      <c r="C33" s="159">
        <v>0</v>
      </c>
      <c r="D33" s="160">
        <v>0</v>
      </c>
      <c r="E33" s="161">
        <v>0</v>
      </c>
      <c r="F33" s="162">
        <v>0</v>
      </c>
      <c r="G33" s="160">
        <v>1</v>
      </c>
      <c r="H33" s="160">
        <v>1</v>
      </c>
      <c r="I33" s="160">
        <v>0</v>
      </c>
      <c r="J33" s="160">
        <v>0</v>
      </c>
      <c r="K33" s="160">
        <v>0</v>
      </c>
      <c r="L33" s="163">
        <v>2</v>
      </c>
      <c r="M33" s="164">
        <v>2</v>
      </c>
      <c r="N33" s="159">
        <v>0</v>
      </c>
      <c r="O33" s="160">
        <v>0</v>
      </c>
      <c r="P33" s="165">
        <v>0</v>
      </c>
      <c r="Q33" s="162">
        <v>0</v>
      </c>
      <c r="R33" s="160">
        <v>0</v>
      </c>
      <c r="S33" s="160">
        <v>1</v>
      </c>
      <c r="T33" s="160">
        <v>0</v>
      </c>
      <c r="U33" s="160">
        <v>0</v>
      </c>
      <c r="V33" s="160">
        <v>0</v>
      </c>
      <c r="W33" s="165">
        <v>1</v>
      </c>
      <c r="X33" s="164">
        <v>1</v>
      </c>
      <c r="Y33" s="159">
        <v>0</v>
      </c>
      <c r="Z33" s="160">
        <v>0</v>
      </c>
      <c r="AA33" s="165">
        <v>0</v>
      </c>
      <c r="AB33" s="162">
        <v>0</v>
      </c>
      <c r="AC33" s="160">
        <v>0</v>
      </c>
      <c r="AD33" s="160">
        <v>1</v>
      </c>
      <c r="AE33" s="160">
        <v>1</v>
      </c>
      <c r="AF33" s="160">
        <v>0</v>
      </c>
      <c r="AG33" s="160">
        <v>1</v>
      </c>
      <c r="AH33" s="165">
        <v>3</v>
      </c>
      <c r="AI33" s="164">
        <v>3</v>
      </c>
      <c r="AJ33" s="159">
        <v>0</v>
      </c>
      <c r="AK33" s="160">
        <v>0</v>
      </c>
      <c r="AL33" s="165">
        <v>0</v>
      </c>
      <c r="AM33" s="162">
        <v>0</v>
      </c>
      <c r="AN33" s="160">
        <v>0</v>
      </c>
      <c r="AO33" s="160">
        <v>0</v>
      </c>
      <c r="AP33" s="160">
        <v>0</v>
      </c>
      <c r="AQ33" s="160">
        <v>0</v>
      </c>
      <c r="AR33" s="160">
        <v>0</v>
      </c>
      <c r="AS33" s="165">
        <v>0</v>
      </c>
      <c r="AT33" s="164">
        <v>0</v>
      </c>
      <c r="AU33" s="159">
        <v>0</v>
      </c>
      <c r="AV33" s="160">
        <v>0</v>
      </c>
      <c r="AW33" s="165">
        <v>0</v>
      </c>
      <c r="AX33" s="162">
        <v>0</v>
      </c>
      <c r="AY33" s="160">
        <v>2</v>
      </c>
      <c r="AZ33" s="160">
        <v>1</v>
      </c>
      <c r="BA33" s="160">
        <v>1</v>
      </c>
      <c r="BB33" s="160">
        <v>1</v>
      </c>
      <c r="BC33" s="160">
        <v>1</v>
      </c>
      <c r="BD33" s="163">
        <v>6</v>
      </c>
      <c r="BE33" s="164">
        <v>6</v>
      </c>
      <c r="BF33" s="159">
        <v>0</v>
      </c>
      <c r="BG33" s="160">
        <v>0</v>
      </c>
      <c r="BH33" s="165">
        <v>0</v>
      </c>
      <c r="BI33" s="162">
        <v>0</v>
      </c>
      <c r="BJ33" s="160">
        <v>2</v>
      </c>
      <c r="BK33" s="160">
        <v>3</v>
      </c>
      <c r="BL33" s="160">
        <v>0</v>
      </c>
      <c r="BM33" s="160">
        <v>1</v>
      </c>
      <c r="BN33" s="160">
        <v>0</v>
      </c>
      <c r="BO33" s="165">
        <v>6</v>
      </c>
      <c r="BP33" s="164">
        <v>6</v>
      </c>
      <c r="BQ33" s="159">
        <v>0</v>
      </c>
      <c r="BR33" s="160">
        <v>0</v>
      </c>
      <c r="BS33" s="165">
        <v>0</v>
      </c>
      <c r="BT33" s="162">
        <v>0</v>
      </c>
      <c r="BU33" s="160">
        <v>1</v>
      </c>
      <c r="BV33" s="160">
        <v>0</v>
      </c>
      <c r="BW33" s="160">
        <v>1</v>
      </c>
      <c r="BX33" s="160">
        <v>0</v>
      </c>
      <c r="BY33" s="160">
        <v>0</v>
      </c>
      <c r="BZ33" s="165">
        <v>2</v>
      </c>
      <c r="CA33" s="164">
        <v>2</v>
      </c>
      <c r="CB33" s="159">
        <v>0</v>
      </c>
      <c r="CC33" s="160">
        <v>0</v>
      </c>
      <c r="CD33" s="165">
        <v>0</v>
      </c>
      <c r="CE33" s="162">
        <v>0</v>
      </c>
      <c r="CF33" s="160">
        <v>1</v>
      </c>
      <c r="CG33" s="160">
        <v>1</v>
      </c>
      <c r="CH33" s="160">
        <v>0</v>
      </c>
      <c r="CI33" s="160">
        <v>1</v>
      </c>
      <c r="CJ33" s="160">
        <v>0</v>
      </c>
      <c r="CK33" s="165">
        <v>3</v>
      </c>
      <c r="CL33" s="164">
        <v>3</v>
      </c>
      <c r="CM33" s="159">
        <v>0</v>
      </c>
      <c r="CN33" s="160">
        <v>0</v>
      </c>
      <c r="CO33" s="165">
        <v>0</v>
      </c>
      <c r="CP33" s="162">
        <v>0</v>
      </c>
      <c r="CQ33" s="160">
        <v>0</v>
      </c>
      <c r="CR33" s="160">
        <v>0</v>
      </c>
      <c r="CS33" s="160">
        <v>0</v>
      </c>
      <c r="CT33" s="160">
        <v>0</v>
      </c>
      <c r="CU33" s="160">
        <v>0</v>
      </c>
      <c r="CV33" s="165">
        <v>0</v>
      </c>
      <c r="CW33" s="164">
        <v>0</v>
      </c>
      <c r="CX33" s="159">
        <v>0</v>
      </c>
      <c r="CY33" s="160">
        <v>0</v>
      </c>
      <c r="CZ33" s="165">
        <v>0</v>
      </c>
      <c r="DA33" s="162">
        <v>0</v>
      </c>
      <c r="DB33" s="160">
        <v>0</v>
      </c>
      <c r="DC33" s="160">
        <v>0</v>
      </c>
      <c r="DD33" s="160">
        <v>0</v>
      </c>
      <c r="DE33" s="160">
        <v>0</v>
      </c>
      <c r="DF33" s="160">
        <v>0</v>
      </c>
      <c r="DG33" s="165">
        <v>0</v>
      </c>
      <c r="DH33" s="164">
        <v>0</v>
      </c>
      <c r="DI33" s="159">
        <v>0</v>
      </c>
      <c r="DJ33" s="160">
        <v>0</v>
      </c>
      <c r="DK33" s="165">
        <v>0</v>
      </c>
      <c r="DL33" s="162">
        <v>0</v>
      </c>
      <c r="DM33" s="160">
        <v>0</v>
      </c>
      <c r="DN33" s="160">
        <v>0</v>
      </c>
      <c r="DO33" s="160">
        <v>0</v>
      </c>
      <c r="DP33" s="160">
        <v>0</v>
      </c>
      <c r="DQ33" s="160">
        <v>0</v>
      </c>
      <c r="DR33" s="165">
        <v>0</v>
      </c>
      <c r="DS33" s="164">
        <v>0</v>
      </c>
      <c r="DT33" s="159">
        <v>2</v>
      </c>
      <c r="DU33" s="160">
        <v>1</v>
      </c>
      <c r="DV33" s="165">
        <v>3</v>
      </c>
      <c r="DW33" s="162">
        <v>0</v>
      </c>
      <c r="DX33" s="160">
        <v>4</v>
      </c>
      <c r="DY33" s="160">
        <v>6</v>
      </c>
      <c r="DZ33" s="160">
        <v>1</v>
      </c>
      <c r="EA33" s="160">
        <v>2</v>
      </c>
      <c r="EB33" s="160">
        <v>1</v>
      </c>
      <c r="EC33" s="165">
        <v>14</v>
      </c>
      <c r="ED33" s="164">
        <v>17</v>
      </c>
      <c r="EE33" s="159">
        <v>0</v>
      </c>
      <c r="EF33" s="160">
        <v>0</v>
      </c>
      <c r="EG33" s="165">
        <v>0</v>
      </c>
      <c r="EH33" s="162">
        <v>0</v>
      </c>
      <c r="EI33" s="160">
        <v>1</v>
      </c>
      <c r="EJ33" s="160">
        <v>0</v>
      </c>
      <c r="EK33" s="160">
        <v>1</v>
      </c>
      <c r="EL33" s="160">
        <v>0</v>
      </c>
      <c r="EM33" s="160">
        <v>0</v>
      </c>
      <c r="EN33" s="165">
        <v>2</v>
      </c>
      <c r="EO33" s="164">
        <v>2</v>
      </c>
      <c r="EP33" s="159">
        <v>2</v>
      </c>
      <c r="EQ33" s="160">
        <v>1</v>
      </c>
      <c r="ER33" s="165">
        <v>3</v>
      </c>
      <c r="ES33" s="162">
        <v>0</v>
      </c>
      <c r="ET33" s="160">
        <v>6</v>
      </c>
      <c r="EU33" s="160">
        <v>7</v>
      </c>
      <c r="EV33" s="160">
        <v>1</v>
      </c>
      <c r="EW33" s="160">
        <v>2</v>
      </c>
      <c r="EX33" s="160">
        <v>1</v>
      </c>
      <c r="EY33" s="165">
        <v>17</v>
      </c>
      <c r="EZ33" s="164">
        <v>20</v>
      </c>
    </row>
    <row r="34" spans="2:156" ht="21" customHeight="1" x14ac:dyDescent="0.2">
      <c r="B34" s="166" t="s">
        <v>32</v>
      </c>
      <c r="C34" s="159">
        <v>0</v>
      </c>
      <c r="D34" s="160">
        <v>0</v>
      </c>
      <c r="E34" s="161">
        <v>0</v>
      </c>
      <c r="F34" s="162">
        <v>0</v>
      </c>
      <c r="G34" s="160">
        <v>2</v>
      </c>
      <c r="H34" s="160">
        <v>4</v>
      </c>
      <c r="I34" s="160">
        <v>1</v>
      </c>
      <c r="J34" s="160">
        <v>0</v>
      </c>
      <c r="K34" s="160">
        <v>1</v>
      </c>
      <c r="L34" s="163">
        <v>8</v>
      </c>
      <c r="M34" s="164">
        <v>8</v>
      </c>
      <c r="N34" s="159">
        <v>0</v>
      </c>
      <c r="O34" s="160">
        <v>0</v>
      </c>
      <c r="P34" s="165">
        <v>0</v>
      </c>
      <c r="Q34" s="162">
        <v>0</v>
      </c>
      <c r="R34" s="160">
        <v>0</v>
      </c>
      <c r="S34" s="160">
        <v>0</v>
      </c>
      <c r="T34" s="160">
        <v>1</v>
      </c>
      <c r="U34" s="160">
        <v>0</v>
      </c>
      <c r="V34" s="160">
        <v>1</v>
      </c>
      <c r="W34" s="165">
        <v>2</v>
      </c>
      <c r="X34" s="164">
        <v>2</v>
      </c>
      <c r="Y34" s="159">
        <v>1</v>
      </c>
      <c r="Z34" s="160">
        <v>0</v>
      </c>
      <c r="AA34" s="165">
        <v>1</v>
      </c>
      <c r="AB34" s="162">
        <v>0</v>
      </c>
      <c r="AC34" s="160">
        <v>1</v>
      </c>
      <c r="AD34" s="160">
        <v>4</v>
      </c>
      <c r="AE34" s="160">
        <v>0</v>
      </c>
      <c r="AF34" s="160">
        <v>0</v>
      </c>
      <c r="AG34" s="160">
        <v>1</v>
      </c>
      <c r="AH34" s="165">
        <v>6</v>
      </c>
      <c r="AI34" s="164">
        <v>7</v>
      </c>
      <c r="AJ34" s="159">
        <v>0</v>
      </c>
      <c r="AK34" s="160">
        <v>0</v>
      </c>
      <c r="AL34" s="165">
        <v>0</v>
      </c>
      <c r="AM34" s="162">
        <v>0</v>
      </c>
      <c r="AN34" s="160">
        <v>1</v>
      </c>
      <c r="AO34" s="160">
        <v>0</v>
      </c>
      <c r="AP34" s="160">
        <v>0</v>
      </c>
      <c r="AQ34" s="160">
        <v>0</v>
      </c>
      <c r="AR34" s="160">
        <v>0</v>
      </c>
      <c r="AS34" s="165">
        <v>1</v>
      </c>
      <c r="AT34" s="164">
        <v>1</v>
      </c>
      <c r="AU34" s="159">
        <v>0</v>
      </c>
      <c r="AV34" s="160">
        <v>0</v>
      </c>
      <c r="AW34" s="165">
        <v>0</v>
      </c>
      <c r="AX34" s="162">
        <v>0</v>
      </c>
      <c r="AY34" s="160">
        <v>1</v>
      </c>
      <c r="AZ34" s="160">
        <v>2</v>
      </c>
      <c r="BA34" s="160">
        <v>2</v>
      </c>
      <c r="BB34" s="160">
        <v>4</v>
      </c>
      <c r="BC34" s="160">
        <v>0</v>
      </c>
      <c r="BD34" s="163">
        <v>9</v>
      </c>
      <c r="BE34" s="164">
        <v>9</v>
      </c>
      <c r="BF34" s="159">
        <v>0</v>
      </c>
      <c r="BG34" s="160">
        <v>0</v>
      </c>
      <c r="BH34" s="165">
        <v>0</v>
      </c>
      <c r="BI34" s="162">
        <v>0</v>
      </c>
      <c r="BJ34" s="160">
        <v>2</v>
      </c>
      <c r="BK34" s="160">
        <v>3</v>
      </c>
      <c r="BL34" s="160">
        <v>1</v>
      </c>
      <c r="BM34" s="160">
        <v>1</v>
      </c>
      <c r="BN34" s="160">
        <v>0</v>
      </c>
      <c r="BO34" s="165">
        <v>7</v>
      </c>
      <c r="BP34" s="164">
        <v>7</v>
      </c>
      <c r="BQ34" s="159">
        <v>1</v>
      </c>
      <c r="BR34" s="160">
        <v>0</v>
      </c>
      <c r="BS34" s="165">
        <v>1</v>
      </c>
      <c r="BT34" s="162">
        <v>0</v>
      </c>
      <c r="BU34" s="160">
        <v>0</v>
      </c>
      <c r="BV34" s="160">
        <v>1</v>
      </c>
      <c r="BW34" s="160">
        <v>0</v>
      </c>
      <c r="BX34" s="160">
        <v>0</v>
      </c>
      <c r="BY34" s="160">
        <v>0</v>
      </c>
      <c r="BZ34" s="165">
        <v>1</v>
      </c>
      <c r="CA34" s="164">
        <v>2</v>
      </c>
      <c r="CB34" s="159">
        <v>0</v>
      </c>
      <c r="CC34" s="160">
        <v>0</v>
      </c>
      <c r="CD34" s="165">
        <v>0</v>
      </c>
      <c r="CE34" s="162">
        <v>0</v>
      </c>
      <c r="CF34" s="160">
        <v>0</v>
      </c>
      <c r="CG34" s="160">
        <v>0</v>
      </c>
      <c r="CH34" s="160">
        <v>1</v>
      </c>
      <c r="CI34" s="160">
        <v>0</v>
      </c>
      <c r="CJ34" s="160">
        <v>0</v>
      </c>
      <c r="CK34" s="165">
        <v>1</v>
      </c>
      <c r="CL34" s="164">
        <v>1</v>
      </c>
      <c r="CM34" s="159">
        <v>0</v>
      </c>
      <c r="CN34" s="160">
        <v>0</v>
      </c>
      <c r="CO34" s="165">
        <v>0</v>
      </c>
      <c r="CP34" s="162">
        <v>0</v>
      </c>
      <c r="CQ34" s="160">
        <v>0</v>
      </c>
      <c r="CR34" s="160">
        <v>0</v>
      </c>
      <c r="CS34" s="160">
        <v>0</v>
      </c>
      <c r="CT34" s="160">
        <v>0</v>
      </c>
      <c r="CU34" s="160">
        <v>0</v>
      </c>
      <c r="CV34" s="165">
        <v>0</v>
      </c>
      <c r="CW34" s="164">
        <v>0</v>
      </c>
      <c r="CX34" s="159">
        <v>0</v>
      </c>
      <c r="CY34" s="160">
        <v>0</v>
      </c>
      <c r="CZ34" s="165">
        <v>0</v>
      </c>
      <c r="DA34" s="162">
        <v>0</v>
      </c>
      <c r="DB34" s="160">
        <v>0</v>
      </c>
      <c r="DC34" s="160">
        <v>0</v>
      </c>
      <c r="DD34" s="160">
        <v>0</v>
      </c>
      <c r="DE34" s="160">
        <v>0</v>
      </c>
      <c r="DF34" s="160">
        <v>0</v>
      </c>
      <c r="DG34" s="165">
        <v>0</v>
      </c>
      <c r="DH34" s="164">
        <v>0</v>
      </c>
      <c r="DI34" s="159">
        <v>0</v>
      </c>
      <c r="DJ34" s="160">
        <v>0</v>
      </c>
      <c r="DK34" s="165">
        <v>0</v>
      </c>
      <c r="DL34" s="162">
        <v>0</v>
      </c>
      <c r="DM34" s="160">
        <v>0</v>
      </c>
      <c r="DN34" s="160">
        <v>0</v>
      </c>
      <c r="DO34" s="160">
        <v>0</v>
      </c>
      <c r="DP34" s="160">
        <v>0</v>
      </c>
      <c r="DQ34" s="160">
        <v>0</v>
      </c>
      <c r="DR34" s="165">
        <v>0</v>
      </c>
      <c r="DS34" s="164">
        <v>0</v>
      </c>
      <c r="DT34" s="159">
        <v>1</v>
      </c>
      <c r="DU34" s="160">
        <v>2</v>
      </c>
      <c r="DV34" s="165">
        <v>3</v>
      </c>
      <c r="DW34" s="162">
        <v>0</v>
      </c>
      <c r="DX34" s="160">
        <v>5</v>
      </c>
      <c r="DY34" s="160">
        <v>7</v>
      </c>
      <c r="DZ34" s="160">
        <v>2</v>
      </c>
      <c r="EA34" s="160">
        <v>1</v>
      </c>
      <c r="EB34" s="160">
        <v>1</v>
      </c>
      <c r="EC34" s="165">
        <v>16</v>
      </c>
      <c r="ED34" s="164">
        <v>19</v>
      </c>
      <c r="EE34" s="159">
        <v>0</v>
      </c>
      <c r="EF34" s="160">
        <v>0</v>
      </c>
      <c r="EG34" s="165">
        <v>0</v>
      </c>
      <c r="EH34" s="162">
        <v>0</v>
      </c>
      <c r="EI34" s="160">
        <v>1</v>
      </c>
      <c r="EJ34" s="160">
        <v>1</v>
      </c>
      <c r="EK34" s="160">
        <v>0</v>
      </c>
      <c r="EL34" s="160">
        <v>2</v>
      </c>
      <c r="EM34" s="160">
        <v>0</v>
      </c>
      <c r="EN34" s="165">
        <v>4</v>
      </c>
      <c r="EO34" s="164">
        <v>4</v>
      </c>
      <c r="EP34" s="159">
        <v>3</v>
      </c>
      <c r="EQ34" s="160">
        <v>2</v>
      </c>
      <c r="ER34" s="165">
        <v>5</v>
      </c>
      <c r="ES34" s="162">
        <v>0</v>
      </c>
      <c r="ET34" s="160">
        <v>5</v>
      </c>
      <c r="EU34" s="160">
        <v>11</v>
      </c>
      <c r="EV34" s="160">
        <v>3</v>
      </c>
      <c r="EW34" s="160">
        <v>1</v>
      </c>
      <c r="EX34" s="160">
        <v>1</v>
      </c>
      <c r="EY34" s="165">
        <v>21</v>
      </c>
      <c r="EZ34" s="164">
        <v>26</v>
      </c>
    </row>
    <row r="35" spans="2:156" ht="21" customHeight="1" x14ac:dyDescent="0.2">
      <c r="B35" s="166" t="s">
        <v>33</v>
      </c>
      <c r="C35" s="159">
        <v>0</v>
      </c>
      <c r="D35" s="160">
        <v>0</v>
      </c>
      <c r="E35" s="161">
        <v>0</v>
      </c>
      <c r="F35" s="162">
        <v>0</v>
      </c>
      <c r="G35" s="160">
        <v>2</v>
      </c>
      <c r="H35" s="160">
        <v>0</v>
      </c>
      <c r="I35" s="160">
        <v>1</v>
      </c>
      <c r="J35" s="160">
        <v>0</v>
      </c>
      <c r="K35" s="160">
        <v>0</v>
      </c>
      <c r="L35" s="163">
        <v>3</v>
      </c>
      <c r="M35" s="164">
        <v>3</v>
      </c>
      <c r="N35" s="159">
        <v>0</v>
      </c>
      <c r="O35" s="160">
        <v>0</v>
      </c>
      <c r="P35" s="165">
        <v>0</v>
      </c>
      <c r="Q35" s="162">
        <v>0</v>
      </c>
      <c r="R35" s="160">
        <v>0</v>
      </c>
      <c r="S35" s="160">
        <v>0</v>
      </c>
      <c r="T35" s="160">
        <v>0</v>
      </c>
      <c r="U35" s="160">
        <v>0</v>
      </c>
      <c r="V35" s="160">
        <v>0</v>
      </c>
      <c r="W35" s="165">
        <v>0</v>
      </c>
      <c r="X35" s="164">
        <v>0</v>
      </c>
      <c r="Y35" s="159">
        <v>0</v>
      </c>
      <c r="Z35" s="160">
        <v>0</v>
      </c>
      <c r="AA35" s="165">
        <v>0</v>
      </c>
      <c r="AB35" s="162">
        <v>0</v>
      </c>
      <c r="AC35" s="160">
        <v>1</v>
      </c>
      <c r="AD35" s="160">
        <v>0</v>
      </c>
      <c r="AE35" s="160">
        <v>1</v>
      </c>
      <c r="AF35" s="160">
        <v>0</v>
      </c>
      <c r="AG35" s="160">
        <v>0</v>
      </c>
      <c r="AH35" s="165">
        <v>2</v>
      </c>
      <c r="AI35" s="164">
        <v>2</v>
      </c>
      <c r="AJ35" s="159">
        <v>2</v>
      </c>
      <c r="AK35" s="160">
        <v>1</v>
      </c>
      <c r="AL35" s="165">
        <v>3</v>
      </c>
      <c r="AM35" s="162">
        <v>0</v>
      </c>
      <c r="AN35" s="160">
        <v>2</v>
      </c>
      <c r="AO35" s="160">
        <v>0</v>
      </c>
      <c r="AP35" s="160">
        <v>1</v>
      </c>
      <c r="AQ35" s="160">
        <v>0</v>
      </c>
      <c r="AR35" s="160">
        <v>0</v>
      </c>
      <c r="AS35" s="165">
        <v>3</v>
      </c>
      <c r="AT35" s="164">
        <v>6</v>
      </c>
      <c r="AU35" s="159">
        <v>0</v>
      </c>
      <c r="AV35" s="160">
        <v>0</v>
      </c>
      <c r="AW35" s="165">
        <v>0</v>
      </c>
      <c r="AX35" s="162">
        <v>0</v>
      </c>
      <c r="AY35" s="160">
        <v>1</v>
      </c>
      <c r="AZ35" s="160">
        <v>0</v>
      </c>
      <c r="BA35" s="160">
        <v>2</v>
      </c>
      <c r="BB35" s="160">
        <v>0</v>
      </c>
      <c r="BC35" s="160">
        <v>1</v>
      </c>
      <c r="BD35" s="163">
        <v>4</v>
      </c>
      <c r="BE35" s="164">
        <v>4</v>
      </c>
      <c r="BF35" s="159">
        <v>0</v>
      </c>
      <c r="BG35" s="160">
        <v>0</v>
      </c>
      <c r="BH35" s="165">
        <v>0</v>
      </c>
      <c r="BI35" s="162">
        <v>0</v>
      </c>
      <c r="BJ35" s="160">
        <v>0</v>
      </c>
      <c r="BK35" s="160">
        <v>0</v>
      </c>
      <c r="BL35" s="160">
        <v>0</v>
      </c>
      <c r="BM35" s="160">
        <v>0</v>
      </c>
      <c r="BN35" s="160">
        <v>0</v>
      </c>
      <c r="BO35" s="165">
        <v>0</v>
      </c>
      <c r="BP35" s="164">
        <v>0</v>
      </c>
      <c r="BQ35" s="159">
        <v>0</v>
      </c>
      <c r="BR35" s="160">
        <v>0</v>
      </c>
      <c r="BS35" s="165">
        <v>0</v>
      </c>
      <c r="BT35" s="162">
        <v>0</v>
      </c>
      <c r="BU35" s="160">
        <v>0</v>
      </c>
      <c r="BV35" s="160">
        <v>0</v>
      </c>
      <c r="BW35" s="160">
        <v>0</v>
      </c>
      <c r="BX35" s="160">
        <v>0</v>
      </c>
      <c r="BY35" s="160">
        <v>0</v>
      </c>
      <c r="BZ35" s="165">
        <v>0</v>
      </c>
      <c r="CA35" s="164">
        <v>0</v>
      </c>
      <c r="CB35" s="159">
        <v>0</v>
      </c>
      <c r="CC35" s="160">
        <v>0</v>
      </c>
      <c r="CD35" s="165">
        <v>0</v>
      </c>
      <c r="CE35" s="162">
        <v>0</v>
      </c>
      <c r="CF35" s="160">
        <v>1</v>
      </c>
      <c r="CG35" s="160">
        <v>0</v>
      </c>
      <c r="CH35" s="160">
        <v>0</v>
      </c>
      <c r="CI35" s="160">
        <v>0</v>
      </c>
      <c r="CJ35" s="160">
        <v>1</v>
      </c>
      <c r="CK35" s="165">
        <v>2</v>
      </c>
      <c r="CL35" s="164">
        <v>2</v>
      </c>
      <c r="CM35" s="159">
        <v>0</v>
      </c>
      <c r="CN35" s="160">
        <v>0</v>
      </c>
      <c r="CO35" s="165">
        <v>0</v>
      </c>
      <c r="CP35" s="162">
        <v>0</v>
      </c>
      <c r="CQ35" s="160">
        <v>0</v>
      </c>
      <c r="CR35" s="160">
        <v>0</v>
      </c>
      <c r="CS35" s="160">
        <v>0</v>
      </c>
      <c r="CT35" s="160">
        <v>0</v>
      </c>
      <c r="CU35" s="160">
        <v>0</v>
      </c>
      <c r="CV35" s="165">
        <v>0</v>
      </c>
      <c r="CW35" s="164">
        <v>0</v>
      </c>
      <c r="CX35" s="159">
        <v>0</v>
      </c>
      <c r="CY35" s="160">
        <v>0</v>
      </c>
      <c r="CZ35" s="165">
        <v>0</v>
      </c>
      <c r="DA35" s="162">
        <v>0</v>
      </c>
      <c r="DB35" s="160">
        <v>0</v>
      </c>
      <c r="DC35" s="160">
        <v>0</v>
      </c>
      <c r="DD35" s="160">
        <v>0</v>
      </c>
      <c r="DE35" s="160">
        <v>0</v>
      </c>
      <c r="DF35" s="160">
        <v>0</v>
      </c>
      <c r="DG35" s="165">
        <v>0</v>
      </c>
      <c r="DH35" s="164">
        <v>0</v>
      </c>
      <c r="DI35" s="159">
        <v>0</v>
      </c>
      <c r="DJ35" s="160">
        <v>0</v>
      </c>
      <c r="DK35" s="165">
        <v>0</v>
      </c>
      <c r="DL35" s="162">
        <v>0</v>
      </c>
      <c r="DM35" s="160">
        <v>0</v>
      </c>
      <c r="DN35" s="160">
        <v>0</v>
      </c>
      <c r="DO35" s="160">
        <v>0</v>
      </c>
      <c r="DP35" s="160">
        <v>0</v>
      </c>
      <c r="DQ35" s="160">
        <v>0</v>
      </c>
      <c r="DR35" s="165">
        <v>0</v>
      </c>
      <c r="DS35" s="164">
        <v>0</v>
      </c>
      <c r="DT35" s="159">
        <v>2</v>
      </c>
      <c r="DU35" s="160">
        <v>0</v>
      </c>
      <c r="DV35" s="165">
        <v>2</v>
      </c>
      <c r="DW35" s="162">
        <v>0</v>
      </c>
      <c r="DX35" s="160">
        <v>3</v>
      </c>
      <c r="DY35" s="160">
        <v>0</v>
      </c>
      <c r="DZ35" s="160">
        <v>0</v>
      </c>
      <c r="EA35" s="160">
        <v>0</v>
      </c>
      <c r="EB35" s="160">
        <v>0</v>
      </c>
      <c r="EC35" s="165">
        <v>3</v>
      </c>
      <c r="ED35" s="164">
        <v>5</v>
      </c>
      <c r="EE35" s="159">
        <v>0</v>
      </c>
      <c r="EF35" s="160">
        <v>0</v>
      </c>
      <c r="EG35" s="165">
        <v>0</v>
      </c>
      <c r="EH35" s="162">
        <v>0</v>
      </c>
      <c r="EI35" s="160">
        <v>0</v>
      </c>
      <c r="EJ35" s="160">
        <v>0</v>
      </c>
      <c r="EK35" s="160">
        <v>0</v>
      </c>
      <c r="EL35" s="160">
        <v>0</v>
      </c>
      <c r="EM35" s="160">
        <v>1</v>
      </c>
      <c r="EN35" s="165">
        <v>1</v>
      </c>
      <c r="EO35" s="164">
        <v>1</v>
      </c>
      <c r="EP35" s="159">
        <v>2</v>
      </c>
      <c r="EQ35" s="160">
        <v>1</v>
      </c>
      <c r="ER35" s="165">
        <v>3</v>
      </c>
      <c r="ES35" s="162">
        <v>0</v>
      </c>
      <c r="ET35" s="160">
        <v>4</v>
      </c>
      <c r="EU35" s="160">
        <v>0</v>
      </c>
      <c r="EV35" s="160">
        <v>1</v>
      </c>
      <c r="EW35" s="160">
        <v>0</v>
      </c>
      <c r="EX35" s="160">
        <v>1</v>
      </c>
      <c r="EY35" s="165">
        <v>6</v>
      </c>
      <c r="EZ35" s="164">
        <v>9</v>
      </c>
    </row>
    <row r="36" spans="2:156" ht="21" customHeight="1" x14ac:dyDescent="0.2">
      <c r="B36" s="166" t="s">
        <v>34</v>
      </c>
      <c r="C36" s="159">
        <v>0</v>
      </c>
      <c r="D36" s="160">
        <v>0</v>
      </c>
      <c r="E36" s="161">
        <v>0</v>
      </c>
      <c r="F36" s="162">
        <v>0</v>
      </c>
      <c r="G36" s="160">
        <v>0</v>
      </c>
      <c r="H36" s="160">
        <v>0</v>
      </c>
      <c r="I36" s="160">
        <v>0</v>
      </c>
      <c r="J36" s="160">
        <v>0</v>
      </c>
      <c r="K36" s="160">
        <v>0</v>
      </c>
      <c r="L36" s="163">
        <v>0</v>
      </c>
      <c r="M36" s="164">
        <v>0</v>
      </c>
      <c r="N36" s="159">
        <v>0</v>
      </c>
      <c r="O36" s="160">
        <v>0</v>
      </c>
      <c r="P36" s="165">
        <v>0</v>
      </c>
      <c r="Q36" s="162">
        <v>0</v>
      </c>
      <c r="R36" s="160">
        <v>0</v>
      </c>
      <c r="S36" s="160">
        <v>0</v>
      </c>
      <c r="T36" s="160">
        <v>0</v>
      </c>
      <c r="U36" s="160">
        <v>0</v>
      </c>
      <c r="V36" s="160">
        <v>0</v>
      </c>
      <c r="W36" s="165">
        <v>0</v>
      </c>
      <c r="X36" s="164">
        <v>0</v>
      </c>
      <c r="Y36" s="159">
        <v>0</v>
      </c>
      <c r="Z36" s="160">
        <v>0</v>
      </c>
      <c r="AA36" s="165">
        <v>0</v>
      </c>
      <c r="AB36" s="162">
        <v>0</v>
      </c>
      <c r="AC36" s="160">
        <v>1</v>
      </c>
      <c r="AD36" s="160">
        <v>2</v>
      </c>
      <c r="AE36" s="160">
        <v>0</v>
      </c>
      <c r="AF36" s="160">
        <v>0</v>
      </c>
      <c r="AG36" s="160">
        <v>1</v>
      </c>
      <c r="AH36" s="165">
        <v>4</v>
      </c>
      <c r="AI36" s="164">
        <v>4</v>
      </c>
      <c r="AJ36" s="159">
        <v>0</v>
      </c>
      <c r="AK36" s="160">
        <v>0</v>
      </c>
      <c r="AL36" s="165">
        <v>0</v>
      </c>
      <c r="AM36" s="162">
        <v>0</v>
      </c>
      <c r="AN36" s="160">
        <v>0</v>
      </c>
      <c r="AO36" s="160">
        <v>0</v>
      </c>
      <c r="AP36" s="160">
        <v>0</v>
      </c>
      <c r="AQ36" s="160">
        <v>0</v>
      </c>
      <c r="AR36" s="160">
        <v>1</v>
      </c>
      <c r="AS36" s="165">
        <v>1</v>
      </c>
      <c r="AT36" s="164">
        <v>1</v>
      </c>
      <c r="AU36" s="159">
        <v>0</v>
      </c>
      <c r="AV36" s="160">
        <v>0</v>
      </c>
      <c r="AW36" s="165">
        <v>0</v>
      </c>
      <c r="AX36" s="162">
        <v>0</v>
      </c>
      <c r="AY36" s="160">
        <v>1</v>
      </c>
      <c r="AZ36" s="160">
        <v>4</v>
      </c>
      <c r="BA36" s="160">
        <v>1</v>
      </c>
      <c r="BB36" s="160">
        <v>2</v>
      </c>
      <c r="BC36" s="160">
        <v>1</v>
      </c>
      <c r="BD36" s="163">
        <v>9</v>
      </c>
      <c r="BE36" s="164">
        <v>9</v>
      </c>
      <c r="BF36" s="159">
        <v>0</v>
      </c>
      <c r="BG36" s="160">
        <v>0</v>
      </c>
      <c r="BH36" s="165">
        <v>0</v>
      </c>
      <c r="BI36" s="162">
        <v>0</v>
      </c>
      <c r="BJ36" s="160">
        <v>1</v>
      </c>
      <c r="BK36" s="160">
        <v>1</v>
      </c>
      <c r="BL36" s="160">
        <v>0</v>
      </c>
      <c r="BM36" s="160">
        <v>0</v>
      </c>
      <c r="BN36" s="160">
        <v>0</v>
      </c>
      <c r="BO36" s="165">
        <v>2</v>
      </c>
      <c r="BP36" s="164">
        <v>2</v>
      </c>
      <c r="BQ36" s="159">
        <v>0</v>
      </c>
      <c r="BR36" s="160">
        <v>0</v>
      </c>
      <c r="BS36" s="165">
        <v>0</v>
      </c>
      <c r="BT36" s="162">
        <v>0</v>
      </c>
      <c r="BU36" s="160">
        <v>0</v>
      </c>
      <c r="BV36" s="160">
        <v>0</v>
      </c>
      <c r="BW36" s="160">
        <v>0</v>
      </c>
      <c r="BX36" s="160">
        <v>0</v>
      </c>
      <c r="BY36" s="160">
        <v>0</v>
      </c>
      <c r="BZ36" s="165">
        <v>0</v>
      </c>
      <c r="CA36" s="164">
        <v>0</v>
      </c>
      <c r="CB36" s="159">
        <v>0</v>
      </c>
      <c r="CC36" s="160">
        <v>0</v>
      </c>
      <c r="CD36" s="165">
        <v>0</v>
      </c>
      <c r="CE36" s="162">
        <v>0</v>
      </c>
      <c r="CF36" s="160">
        <v>0</v>
      </c>
      <c r="CG36" s="160">
        <v>0</v>
      </c>
      <c r="CH36" s="160">
        <v>0</v>
      </c>
      <c r="CI36" s="160">
        <v>0</v>
      </c>
      <c r="CJ36" s="160">
        <v>0</v>
      </c>
      <c r="CK36" s="165">
        <v>0</v>
      </c>
      <c r="CL36" s="164">
        <v>0</v>
      </c>
      <c r="CM36" s="159">
        <v>0</v>
      </c>
      <c r="CN36" s="160">
        <v>0</v>
      </c>
      <c r="CO36" s="165">
        <v>0</v>
      </c>
      <c r="CP36" s="162">
        <v>0</v>
      </c>
      <c r="CQ36" s="160">
        <v>0</v>
      </c>
      <c r="CR36" s="160">
        <v>0</v>
      </c>
      <c r="CS36" s="160">
        <v>0</v>
      </c>
      <c r="CT36" s="160">
        <v>0</v>
      </c>
      <c r="CU36" s="160">
        <v>0</v>
      </c>
      <c r="CV36" s="165">
        <v>0</v>
      </c>
      <c r="CW36" s="164">
        <v>0</v>
      </c>
      <c r="CX36" s="159">
        <v>0</v>
      </c>
      <c r="CY36" s="160">
        <v>0</v>
      </c>
      <c r="CZ36" s="165">
        <v>0</v>
      </c>
      <c r="DA36" s="162">
        <v>0</v>
      </c>
      <c r="DB36" s="160">
        <v>0</v>
      </c>
      <c r="DC36" s="160">
        <v>0</v>
      </c>
      <c r="DD36" s="160">
        <v>0</v>
      </c>
      <c r="DE36" s="160">
        <v>0</v>
      </c>
      <c r="DF36" s="160">
        <v>0</v>
      </c>
      <c r="DG36" s="165">
        <v>0</v>
      </c>
      <c r="DH36" s="164">
        <v>0</v>
      </c>
      <c r="DI36" s="159">
        <v>0</v>
      </c>
      <c r="DJ36" s="160">
        <v>0</v>
      </c>
      <c r="DK36" s="165">
        <v>0</v>
      </c>
      <c r="DL36" s="162">
        <v>0</v>
      </c>
      <c r="DM36" s="160">
        <v>0</v>
      </c>
      <c r="DN36" s="160">
        <v>0</v>
      </c>
      <c r="DO36" s="160">
        <v>0</v>
      </c>
      <c r="DP36" s="160">
        <v>0</v>
      </c>
      <c r="DQ36" s="160">
        <v>0</v>
      </c>
      <c r="DR36" s="165">
        <v>0</v>
      </c>
      <c r="DS36" s="164">
        <v>0</v>
      </c>
      <c r="DT36" s="159">
        <v>0</v>
      </c>
      <c r="DU36" s="160">
        <v>1</v>
      </c>
      <c r="DV36" s="165">
        <v>1</v>
      </c>
      <c r="DW36" s="162">
        <v>0</v>
      </c>
      <c r="DX36" s="160">
        <v>3</v>
      </c>
      <c r="DY36" s="160">
        <v>5</v>
      </c>
      <c r="DZ36" s="160">
        <v>0</v>
      </c>
      <c r="EA36" s="160">
        <v>0</v>
      </c>
      <c r="EB36" s="160">
        <v>1</v>
      </c>
      <c r="EC36" s="165">
        <v>9</v>
      </c>
      <c r="ED36" s="164">
        <v>10</v>
      </c>
      <c r="EE36" s="159">
        <v>0</v>
      </c>
      <c r="EF36" s="160">
        <v>0</v>
      </c>
      <c r="EG36" s="165">
        <v>0</v>
      </c>
      <c r="EH36" s="162">
        <v>0</v>
      </c>
      <c r="EI36" s="160">
        <v>0</v>
      </c>
      <c r="EJ36" s="160">
        <v>1</v>
      </c>
      <c r="EK36" s="160">
        <v>0</v>
      </c>
      <c r="EL36" s="160">
        <v>2</v>
      </c>
      <c r="EM36" s="160">
        <v>0</v>
      </c>
      <c r="EN36" s="165">
        <v>3</v>
      </c>
      <c r="EO36" s="164">
        <v>3</v>
      </c>
      <c r="EP36" s="159">
        <v>0</v>
      </c>
      <c r="EQ36" s="160">
        <v>1</v>
      </c>
      <c r="ER36" s="165">
        <v>1</v>
      </c>
      <c r="ES36" s="162">
        <v>0</v>
      </c>
      <c r="ET36" s="160">
        <v>4</v>
      </c>
      <c r="EU36" s="160">
        <v>5</v>
      </c>
      <c r="EV36" s="160">
        <v>0</v>
      </c>
      <c r="EW36" s="160">
        <v>0</v>
      </c>
      <c r="EX36" s="160">
        <v>1</v>
      </c>
      <c r="EY36" s="165">
        <v>10</v>
      </c>
      <c r="EZ36" s="164">
        <v>11</v>
      </c>
    </row>
    <row r="37" spans="2:156" ht="21" customHeight="1" x14ac:dyDescent="0.2">
      <c r="B37" s="166" t="s">
        <v>35</v>
      </c>
      <c r="C37" s="159">
        <v>0</v>
      </c>
      <c r="D37" s="160">
        <v>0</v>
      </c>
      <c r="E37" s="161">
        <v>0</v>
      </c>
      <c r="F37" s="162">
        <v>0</v>
      </c>
      <c r="G37" s="160">
        <v>2</v>
      </c>
      <c r="H37" s="160">
        <v>6</v>
      </c>
      <c r="I37" s="160">
        <v>0</v>
      </c>
      <c r="J37" s="160">
        <v>0</v>
      </c>
      <c r="K37" s="160">
        <v>0</v>
      </c>
      <c r="L37" s="163">
        <v>8</v>
      </c>
      <c r="M37" s="164">
        <v>8</v>
      </c>
      <c r="N37" s="159">
        <v>0</v>
      </c>
      <c r="O37" s="160">
        <v>0</v>
      </c>
      <c r="P37" s="165">
        <v>0</v>
      </c>
      <c r="Q37" s="162">
        <v>0</v>
      </c>
      <c r="R37" s="160">
        <v>0</v>
      </c>
      <c r="S37" s="160">
        <v>0</v>
      </c>
      <c r="T37" s="160">
        <v>1</v>
      </c>
      <c r="U37" s="160">
        <v>0</v>
      </c>
      <c r="V37" s="160">
        <v>2</v>
      </c>
      <c r="W37" s="165">
        <v>3</v>
      </c>
      <c r="X37" s="164">
        <v>3</v>
      </c>
      <c r="Y37" s="159">
        <v>0</v>
      </c>
      <c r="Z37" s="160">
        <v>2</v>
      </c>
      <c r="AA37" s="165">
        <v>2</v>
      </c>
      <c r="AB37" s="162">
        <v>0</v>
      </c>
      <c r="AC37" s="160">
        <v>2</v>
      </c>
      <c r="AD37" s="160">
        <v>4</v>
      </c>
      <c r="AE37" s="160">
        <v>2</v>
      </c>
      <c r="AF37" s="160">
        <v>0</v>
      </c>
      <c r="AG37" s="160">
        <v>2</v>
      </c>
      <c r="AH37" s="165">
        <v>10</v>
      </c>
      <c r="AI37" s="164">
        <v>12</v>
      </c>
      <c r="AJ37" s="159">
        <v>0</v>
      </c>
      <c r="AK37" s="160">
        <v>0</v>
      </c>
      <c r="AL37" s="165">
        <v>0</v>
      </c>
      <c r="AM37" s="162">
        <v>0</v>
      </c>
      <c r="AN37" s="160">
        <v>1</v>
      </c>
      <c r="AO37" s="160">
        <v>0</v>
      </c>
      <c r="AP37" s="160">
        <v>0</v>
      </c>
      <c r="AQ37" s="160">
        <v>0</v>
      </c>
      <c r="AR37" s="160">
        <v>1</v>
      </c>
      <c r="AS37" s="165">
        <v>2</v>
      </c>
      <c r="AT37" s="164">
        <v>2</v>
      </c>
      <c r="AU37" s="159">
        <v>1</v>
      </c>
      <c r="AV37" s="160">
        <v>0</v>
      </c>
      <c r="AW37" s="165">
        <v>1</v>
      </c>
      <c r="AX37" s="162">
        <v>0</v>
      </c>
      <c r="AY37" s="160">
        <v>6</v>
      </c>
      <c r="AZ37" s="160">
        <v>6</v>
      </c>
      <c r="BA37" s="160">
        <v>1</v>
      </c>
      <c r="BB37" s="160">
        <v>3</v>
      </c>
      <c r="BC37" s="160">
        <v>2</v>
      </c>
      <c r="BD37" s="163">
        <v>18</v>
      </c>
      <c r="BE37" s="164">
        <v>19</v>
      </c>
      <c r="BF37" s="159">
        <v>0</v>
      </c>
      <c r="BG37" s="160">
        <v>0</v>
      </c>
      <c r="BH37" s="165">
        <v>0</v>
      </c>
      <c r="BI37" s="162">
        <v>0</v>
      </c>
      <c r="BJ37" s="160">
        <v>3</v>
      </c>
      <c r="BK37" s="160">
        <v>3</v>
      </c>
      <c r="BL37" s="160">
        <v>1</v>
      </c>
      <c r="BM37" s="160">
        <v>0</v>
      </c>
      <c r="BN37" s="160">
        <v>0</v>
      </c>
      <c r="BO37" s="165">
        <v>7</v>
      </c>
      <c r="BP37" s="164">
        <v>7</v>
      </c>
      <c r="BQ37" s="159">
        <v>2</v>
      </c>
      <c r="BR37" s="160">
        <v>0</v>
      </c>
      <c r="BS37" s="165">
        <v>2</v>
      </c>
      <c r="BT37" s="162">
        <v>0</v>
      </c>
      <c r="BU37" s="160">
        <v>4</v>
      </c>
      <c r="BV37" s="160">
        <v>3</v>
      </c>
      <c r="BW37" s="160">
        <v>0</v>
      </c>
      <c r="BX37" s="160">
        <v>1</v>
      </c>
      <c r="BY37" s="160">
        <v>0</v>
      </c>
      <c r="BZ37" s="165">
        <v>8</v>
      </c>
      <c r="CA37" s="164">
        <v>10</v>
      </c>
      <c r="CB37" s="159">
        <v>0</v>
      </c>
      <c r="CC37" s="160">
        <v>0</v>
      </c>
      <c r="CD37" s="165">
        <v>0</v>
      </c>
      <c r="CE37" s="162">
        <v>0</v>
      </c>
      <c r="CF37" s="160">
        <v>0</v>
      </c>
      <c r="CG37" s="160">
        <v>0</v>
      </c>
      <c r="CH37" s="160">
        <v>0</v>
      </c>
      <c r="CI37" s="160">
        <v>0</v>
      </c>
      <c r="CJ37" s="160">
        <v>0</v>
      </c>
      <c r="CK37" s="165">
        <v>0</v>
      </c>
      <c r="CL37" s="164">
        <v>0</v>
      </c>
      <c r="CM37" s="159">
        <v>0</v>
      </c>
      <c r="CN37" s="160">
        <v>0</v>
      </c>
      <c r="CO37" s="165">
        <v>0</v>
      </c>
      <c r="CP37" s="162">
        <v>0</v>
      </c>
      <c r="CQ37" s="160">
        <v>0</v>
      </c>
      <c r="CR37" s="160">
        <v>0</v>
      </c>
      <c r="CS37" s="160">
        <v>0</v>
      </c>
      <c r="CT37" s="160">
        <v>0</v>
      </c>
      <c r="CU37" s="160">
        <v>0</v>
      </c>
      <c r="CV37" s="165">
        <v>0</v>
      </c>
      <c r="CW37" s="164">
        <v>0</v>
      </c>
      <c r="CX37" s="159">
        <v>0</v>
      </c>
      <c r="CY37" s="160">
        <v>0</v>
      </c>
      <c r="CZ37" s="165">
        <v>0</v>
      </c>
      <c r="DA37" s="162">
        <v>0</v>
      </c>
      <c r="DB37" s="160">
        <v>0</v>
      </c>
      <c r="DC37" s="160">
        <v>0</v>
      </c>
      <c r="DD37" s="160">
        <v>0</v>
      </c>
      <c r="DE37" s="160">
        <v>0</v>
      </c>
      <c r="DF37" s="160">
        <v>0</v>
      </c>
      <c r="DG37" s="165">
        <v>0</v>
      </c>
      <c r="DH37" s="164">
        <v>0</v>
      </c>
      <c r="DI37" s="159">
        <v>0</v>
      </c>
      <c r="DJ37" s="160">
        <v>0</v>
      </c>
      <c r="DK37" s="165">
        <v>0</v>
      </c>
      <c r="DL37" s="162">
        <v>0</v>
      </c>
      <c r="DM37" s="160">
        <v>0</v>
      </c>
      <c r="DN37" s="160">
        <v>0</v>
      </c>
      <c r="DO37" s="160">
        <v>0</v>
      </c>
      <c r="DP37" s="160">
        <v>0</v>
      </c>
      <c r="DQ37" s="160">
        <v>0</v>
      </c>
      <c r="DR37" s="165">
        <v>0</v>
      </c>
      <c r="DS37" s="164">
        <v>0</v>
      </c>
      <c r="DT37" s="159">
        <v>3</v>
      </c>
      <c r="DU37" s="160">
        <v>0</v>
      </c>
      <c r="DV37" s="165">
        <v>3</v>
      </c>
      <c r="DW37" s="162">
        <v>0</v>
      </c>
      <c r="DX37" s="160">
        <v>6</v>
      </c>
      <c r="DY37" s="160">
        <v>9</v>
      </c>
      <c r="DZ37" s="160">
        <v>3</v>
      </c>
      <c r="EA37" s="160">
        <v>1</v>
      </c>
      <c r="EB37" s="160">
        <v>2</v>
      </c>
      <c r="EC37" s="165">
        <v>21</v>
      </c>
      <c r="ED37" s="164">
        <v>24</v>
      </c>
      <c r="EE37" s="159">
        <v>1</v>
      </c>
      <c r="EF37" s="160">
        <v>0</v>
      </c>
      <c r="EG37" s="165">
        <v>1</v>
      </c>
      <c r="EH37" s="162">
        <v>0</v>
      </c>
      <c r="EI37" s="160">
        <v>4</v>
      </c>
      <c r="EJ37" s="160">
        <v>1</v>
      </c>
      <c r="EK37" s="160">
        <v>0</v>
      </c>
      <c r="EL37" s="160">
        <v>3</v>
      </c>
      <c r="EM37" s="160">
        <v>0</v>
      </c>
      <c r="EN37" s="165">
        <v>8</v>
      </c>
      <c r="EO37" s="164">
        <v>9</v>
      </c>
      <c r="EP37" s="159">
        <v>4</v>
      </c>
      <c r="EQ37" s="160">
        <v>2</v>
      </c>
      <c r="ER37" s="165">
        <v>6</v>
      </c>
      <c r="ES37" s="162">
        <v>0</v>
      </c>
      <c r="ET37" s="160">
        <v>12</v>
      </c>
      <c r="EU37" s="160">
        <v>9</v>
      </c>
      <c r="EV37" s="160">
        <v>3</v>
      </c>
      <c r="EW37" s="160">
        <v>1</v>
      </c>
      <c r="EX37" s="160">
        <v>2</v>
      </c>
      <c r="EY37" s="165">
        <v>27</v>
      </c>
      <c r="EZ37" s="164">
        <v>33</v>
      </c>
    </row>
    <row r="38" spans="2:156" ht="21" customHeight="1" x14ac:dyDescent="0.2">
      <c r="B38" s="166" t="s">
        <v>36</v>
      </c>
      <c r="C38" s="159">
        <v>0</v>
      </c>
      <c r="D38" s="160">
        <v>0</v>
      </c>
      <c r="E38" s="161">
        <v>0</v>
      </c>
      <c r="F38" s="162">
        <v>0</v>
      </c>
      <c r="G38" s="160">
        <v>3</v>
      </c>
      <c r="H38" s="160">
        <v>3</v>
      </c>
      <c r="I38" s="160">
        <v>0</v>
      </c>
      <c r="J38" s="160">
        <v>1</v>
      </c>
      <c r="K38" s="160">
        <v>1</v>
      </c>
      <c r="L38" s="163">
        <v>8</v>
      </c>
      <c r="M38" s="164">
        <v>8</v>
      </c>
      <c r="N38" s="159">
        <v>0</v>
      </c>
      <c r="O38" s="160">
        <v>0</v>
      </c>
      <c r="P38" s="165">
        <v>0</v>
      </c>
      <c r="Q38" s="162">
        <v>0</v>
      </c>
      <c r="R38" s="160">
        <v>0</v>
      </c>
      <c r="S38" s="160">
        <v>0</v>
      </c>
      <c r="T38" s="160">
        <v>0</v>
      </c>
      <c r="U38" s="160">
        <v>1</v>
      </c>
      <c r="V38" s="160">
        <v>0</v>
      </c>
      <c r="W38" s="165">
        <v>1</v>
      </c>
      <c r="X38" s="164">
        <v>1</v>
      </c>
      <c r="Y38" s="159">
        <v>0</v>
      </c>
      <c r="Z38" s="160">
        <v>1</v>
      </c>
      <c r="AA38" s="165">
        <v>1</v>
      </c>
      <c r="AB38" s="162">
        <v>0</v>
      </c>
      <c r="AC38" s="160">
        <v>4</v>
      </c>
      <c r="AD38" s="160">
        <v>0</v>
      </c>
      <c r="AE38" s="160">
        <v>0</v>
      </c>
      <c r="AF38" s="160">
        <v>1</v>
      </c>
      <c r="AG38" s="160">
        <v>0</v>
      </c>
      <c r="AH38" s="165">
        <v>5</v>
      </c>
      <c r="AI38" s="164">
        <v>6</v>
      </c>
      <c r="AJ38" s="159">
        <v>0</v>
      </c>
      <c r="AK38" s="160">
        <v>0</v>
      </c>
      <c r="AL38" s="165">
        <v>0</v>
      </c>
      <c r="AM38" s="162">
        <v>0</v>
      </c>
      <c r="AN38" s="160">
        <v>0</v>
      </c>
      <c r="AO38" s="160">
        <v>1</v>
      </c>
      <c r="AP38" s="160">
        <v>0</v>
      </c>
      <c r="AQ38" s="160">
        <v>0</v>
      </c>
      <c r="AR38" s="160">
        <v>0</v>
      </c>
      <c r="AS38" s="165">
        <v>1</v>
      </c>
      <c r="AT38" s="164">
        <v>1</v>
      </c>
      <c r="AU38" s="159">
        <v>0</v>
      </c>
      <c r="AV38" s="160">
        <v>0</v>
      </c>
      <c r="AW38" s="165">
        <v>0</v>
      </c>
      <c r="AX38" s="162">
        <v>0</v>
      </c>
      <c r="AY38" s="160">
        <v>5</v>
      </c>
      <c r="AZ38" s="160">
        <v>1</v>
      </c>
      <c r="BA38" s="160">
        <v>0</v>
      </c>
      <c r="BB38" s="160">
        <v>2</v>
      </c>
      <c r="BC38" s="160">
        <v>1</v>
      </c>
      <c r="BD38" s="163">
        <v>9</v>
      </c>
      <c r="BE38" s="164">
        <v>9</v>
      </c>
      <c r="BF38" s="159">
        <v>0</v>
      </c>
      <c r="BG38" s="160">
        <v>0</v>
      </c>
      <c r="BH38" s="165">
        <v>0</v>
      </c>
      <c r="BI38" s="162">
        <v>0</v>
      </c>
      <c r="BJ38" s="160">
        <v>0</v>
      </c>
      <c r="BK38" s="160">
        <v>2</v>
      </c>
      <c r="BL38" s="160">
        <v>0</v>
      </c>
      <c r="BM38" s="160">
        <v>0</v>
      </c>
      <c r="BN38" s="160">
        <v>0</v>
      </c>
      <c r="BO38" s="165">
        <v>2</v>
      </c>
      <c r="BP38" s="164">
        <v>2</v>
      </c>
      <c r="BQ38" s="159">
        <v>0</v>
      </c>
      <c r="BR38" s="160">
        <v>1</v>
      </c>
      <c r="BS38" s="165">
        <v>1</v>
      </c>
      <c r="BT38" s="162">
        <v>0</v>
      </c>
      <c r="BU38" s="160">
        <v>2</v>
      </c>
      <c r="BV38" s="160">
        <v>0</v>
      </c>
      <c r="BW38" s="160">
        <v>0</v>
      </c>
      <c r="BX38" s="160">
        <v>0</v>
      </c>
      <c r="BY38" s="160">
        <v>0</v>
      </c>
      <c r="BZ38" s="165">
        <v>2</v>
      </c>
      <c r="CA38" s="164">
        <v>3</v>
      </c>
      <c r="CB38" s="159">
        <v>0</v>
      </c>
      <c r="CC38" s="160">
        <v>0</v>
      </c>
      <c r="CD38" s="165">
        <v>0</v>
      </c>
      <c r="CE38" s="162">
        <v>0</v>
      </c>
      <c r="CF38" s="160">
        <v>0</v>
      </c>
      <c r="CG38" s="160">
        <v>1</v>
      </c>
      <c r="CH38" s="160">
        <v>0</v>
      </c>
      <c r="CI38" s="160">
        <v>0</v>
      </c>
      <c r="CJ38" s="160">
        <v>0</v>
      </c>
      <c r="CK38" s="165">
        <v>1</v>
      </c>
      <c r="CL38" s="164">
        <v>1</v>
      </c>
      <c r="CM38" s="159">
        <v>0</v>
      </c>
      <c r="CN38" s="160">
        <v>0</v>
      </c>
      <c r="CO38" s="165">
        <v>0</v>
      </c>
      <c r="CP38" s="162">
        <v>0</v>
      </c>
      <c r="CQ38" s="160">
        <v>0</v>
      </c>
      <c r="CR38" s="160">
        <v>0</v>
      </c>
      <c r="CS38" s="160">
        <v>0</v>
      </c>
      <c r="CT38" s="160">
        <v>0</v>
      </c>
      <c r="CU38" s="160">
        <v>0</v>
      </c>
      <c r="CV38" s="165">
        <v>0</v>
      </c>
      <c r="CW38" s="164">
        <v>0</v>
      </c>
      <c r="CX38" s="159">
        <v>0</v>
      </c>
      <c r="CY38" s="160">
        <v>0</v>
      </c>
      <c r="CZ38" s="165">
        <v>0</v>
      </c>
      <c r="DA38" s="162">
        <v>0</v>
      </c>
      <c r="DB38" s="160">
        <v>0</v>
      </c>
      <c r="DC38" s="160">
        <v>0</v>
      </c>
      <c r="DD38" s="160">
        <v>0</v>
      </c>
      <c r="DE38" s="160">
        <v>0</v>
      </c>
      <c r="DF38" s="160">
        <v>0</v>
      </c>
      <c r="DG38" s="165">
        <v>0</v>
      </c>
      <c r="DH38" s="164">
        <v>0</v>
      </c>
      <c r="DI38" s="159">
        <v>0</v>
      </c>
      <c r="DJ38" s="160">
        <v>0</v>
      </c>
      <c r="DK38" s="165">
        <v>0</v>
      </c>
      <c r="DL38" s="162">
        <v>0</v>
      </c>
      <c r="DM38" s="160">
        <v>0</v>
      </c>
      <c r="DN38" s="160">
        <v>0</v>
      </c>
      <c r="DO38" s="160">
        <v>0</v>
      </c>
      <c r="DP38" s="160">
        <v>0</v>
      </c>
      <c r="DQ38" s="160">
        <v>0</v>
      </c>
      <c r="DR38" s="165">
        <v>0</v>
      </c>
      <c r="DS38" s="164">
        <v>0</v>
      </c>
      <c r="DT38" s="159">
        <v>2</v>
      </c>
      <c r="DU38" s="160">
        <v>3</v>
      </c>
      <c r="DV38" s="165">
        <v>5</v>
      </c>
      <c r="DW38" s="162">
        <v>0</v>
      </c>
      <c r="DX38" s="160">
        <v>8</v>
      </c>
      <c r="DY38" s="160">
        <v>4</v>
      </c>
      <c r="DZ38" s="160">
        <v>1</v>
      </c>
      <c r="EA38" s="160">
        <v>2</v>
      </c>
      <c r="EB38" s="160">
        <v>0</v>
      </c>
      <c r="EC38" s="165">
        <v>15</v>
      </c>
      <c r="ED38" s="164">
        <v>20</v>
      </c>
      <c r="EE38" s="159">
        <v>0</v>
      </c>
      <c r="EF38" s="160">
        <v>0</v>
      </c>
      <c r="EG38" s="165">
        <v>0</v>
      </c>
      <c r="EH38" s="162">
        <v>0</v>
      </c>
      <c r="EI38" s="160">
        <v>3</v>
      </c>
      <c r="EJ38" s="160">
        <v>1</v>
      </c>
      <c r="EK38" s="160">
        <v>0</v>
      </c>
      <c r="EL38" s="160">
        <v>1</v>
      </c>
      <c r="EM38" s="160">
        <v>0</v>
      </c>
      <c r="EN38" s="165">
        <v>5</v>
      </c>
      <c r="EO38" s="164">
        <v>5</v>
      </c>
      <c r="EP38" s="159">
        <v>2</v>
      </c>
      <c r="EQ38" s="160">
        <v>5</v>
      </c>
      <c r="ER38" s="165">
        <v>7</v>
      </c>
      <c r="ES38" s="162">
        <v>0</v>
      </c>
      <c r="ET38" s="160">
        <v>13</v>
      </c>
      <c r="EU38" s="160">
        <v>7</v>
      </c>
      <c r="EV38" s="160">
        <v>1</v>
      </c>
      <c r="EW38" s="160">
        <v>2</v>
      </c>
      <c r="EX38" s="160">
        <v>1</v>
      </c>
      <c r="EY38" s="165">
        <v>24</v>
      </c>
      <c r="EZ38" s="164">
        <v>31</v>
      </c>
    </row>
    <row r="39" spans="2:156" ht="21" customHeight="1" thickBot="1" x14ac:dyDescent="0.25">
      <c r="B39" s="167" t="s">
        <v>37</v>
      </c>
      <c r="C39" s="168">
        <v>0</v>
      </c>
      <c r="D39" s="169">
        <v>0</v>
      </c>
      <c r="E39" s="170">
        <v>0</v>
      </c>
      <c r="F39" s="171">
        <v>0</v>
      </c>
      <c r="G39" s="169">
        <v>0</v>
      </c>
      <c r="H39" s="169">
        <v>0</v>
      </c>
      <c r="I39" s="169">
        <v>0</v>
      </c>
      <c r="J39" s="169">
        <v>0</v>
      </c>
      <c r="K39" s="169">
        <v>0</v>
      </c>
      <c r="L39" s="172">
        <v>0</v>
      </c>
      <c r="M39" s="173">
        <v>0</v>
      </c>
      <c r="N39" s="168">
        <v>0</v>
      </c>
      <c r="O39" s="169">
        <v>0</v>
      </c>
      <c r="P39" s="174">
        <v>0</v>
      </c>
      <c r="Q39" s="171">
        <v>0</v>
      </c>
      <c r="R39" s="169">
        <v>0</v>
      </c>
      <c r="S39" s="169">
        <v>0</v>
      </c>
      <c r="T39" s="169">
        <v>0</v>
      </c>
      <c r="U39" s="169">
        <v>0</v>
      </c>
      <c r="V39" s="169">
        <v>0</v>
      </c>
      <c r="W39" s="174">
        <v>0</v>
      </c>
      <c r="X39" s="173">
        <v>0</v>
      </c>
      <c r="Y39" s="168">
        <v>0</v>
      </c>
      <c r="Z39" s="169">
        <v>0</v>
      </c>
      <c r="AA39" s="174">
        <v>0</v>
      </c>
      <c r="AB39" s="171">
        <v>0</v>
      </c>
      <c r="AC39" s="169">
        <v>0</v>
      </c>
      <c r="AD39" s="169">
        <v>0</v>
      </c>
      <c r="AE39" s="169">
        <v>0</v>
      </c>
      <c r="AF39" s="169">
        <v>1</v>
      </c>
      <c r="AG39" s="169">
        <v>0</v>
      </c>
      <c r="AH39" s="174">
        <v>1</v>
      </c>
      <c r="AI39" s="173">
        <v>1</v>
      </c>
      <c r="AJ39" s="168">
        <v>0</v>
      </c>
      <c r="AK39" s="169">
        <v>0</v>
      </c>
      <c r="AL39" s="174">
        <v>0</v>
      </c>
      <c r="AM39" s="171">
        <v>0</v>
      </c>
      <c r="AN39" s="169">
        <v>0</v>
      </c>
      <c r="AO39" s="169">
        <v>0</v>
      </c>
      <c r="AP39" s="169">
        <v>0</v>
      </c>
      <c r="AQ39" s="169">
        <v>0</v>
      </c>
      <c r="AR39" s="169">
        <v>0</v>
      </c>
      <c r="AS39" s="174">
        <v>0</v>
      </c>
      <c r="AT39" s="173">
        <v>0</v>
      </c>
      <c r="AU39" s="168">
        <v>0</v>
      </c>
      <c r="AV39" s="169">
        <v>0</v>
      </c>
      <c r="AW39" s="174">
        <v>0</v>
      </c>
      <c r="AX39" s="171">
        <v>0</v>
      </c>
      <c r="AY39" s="169">
        <v>0</v>
      </c>
      <c r="AZ39" s="169">
        <v>0</v>
      </c>
      <c r="BA39" s="169">
        <v>0</v>
      </c>
      <c r="BB39" s="169">
        <v>0</v>
      </c>
      <c r="BC39" s="169">
        <v>0</v>
      </c>
      <c r="BD39" s="172">
        <v>0</v>
      </c>
      <c r="BE39" s="173">
        <v>0</v>
      </c>
      <c r="BF39" s="168">
        <v>0</v>
      </c>
      <c r="BG39" s="169">
        <v>0</v>
      </c>
      <c r="BH39" s="174">
        <v>0</v>
      </c>
      <c r="BI39" s="171">
        <v>0</v>
      </c>
      <c r="BJ39" s="169">
        <v>0</v>
      </c>
      <c r="BK39" s="169">
        <v>0</v>
      </c>
      <c r="BL39" s="169">
        <v>0</v>
      </c>
      <c r="BM39" s="169">
        <v>0</v>
      </c>
      <c r="BN39" s="169">
        <v>0</v>
      </c>
      <c r="BO39" s="174">
        <v>0</v>
      </c>
      <c r="BP39" s="173">
        <v>0</v>
      </c>
      <c r="BQ39" s="168">
        <v>0</v>
      </c>
      <c r="BR39" s="169">
        <v>0</v>
      </c>
      <c r="BS39" s="174">
        <v>0</v>
      </c>
      <c r="BT39" s="171">
        <v>0</v>
      </c>
      <c r="BU39" s="169">
        <v>1</v>
      </c>
      <c r="BV39" s="169">
        <v>1</v>
      </c>
      <c r="BW39" s="169">
        <v>0</v>
      </c>
      <c r="BX39" s="169">
        <v>1</v>
      </c>
      <c r="BY39" s="169">
        <v>0</v>
      </c>
      <c r="BZ39" s="174">
        <v>3</v>
      </c>
      <c r="CA39" s="173">
        <v>3</v>
      </c>
      <c r="CB39" s="168">
        <v>0</v>
      </c>
      <c r="CC39" s="169">
        <v>0</v>
      </c>
      <c r="CD39" s="174">
        <v>0</v>
      </c>
      <c r="CE39" s="171">
        <v>0</v>
      </c>
      <c r="CF39" s="169">
        <v>0</v>
      </c>
      <c r="CG39" s="169">
        <v>0</v>
      </c>
      <c r="CH39" s="169">
        <v>0</v>
      </c>
      <c r="CI39" s="169">
        <v>1</v>
      </c>
      <c r="CJ39" s="169">
        <v>0</v>
      </c>
      <c r="CK39" s="174">
        <v>1</v>
      </c>
      <c r="CL39" s="173">
        <v>1</v>
      </c>
      <c r="CM39" s="168">
        <v>0</v>
      </c>
      <c r="CN39" s="169">
        <v>0</v>
      </c>
      <c r="CO39" s="174">
        <v>0</v>
      </c>
      <c r="CP39" s="171">
        <v>0</v>
      </c>
      <c r="CQ39" s="169">
        <v>0</v>
      </c>
      <c r="CR39" s="169">
        <v>0</v>
      </c>
      <c r="CS39" s="169">
        <v>0</v>
      </c>
      <c r="CT39" s="169">
        <v>0</v>
      </c>
      <c r="CU39" s="169">
        <v>0</v>
      </c>
      <c r="CV39" s="174">
        <v>0</v>
      </c>
      <c r="CW39" s="173">
        <v>0</v>
      </c>
      <c r="CX39" s="168">
        <v>0</v>
      </c>
      <c r="CY39" s="169">
        <v>0</v>
      </c>
      <c r="CZ39" s="174">
        <v>0</v>
      </c>
      <c r="DA39" s="171">
        <v>0</v>
      </c>
      <c r="DB39" s="169">
        <v>0</v>
      </c>
      <c r="DC39" s="169">
        <v>0</v>
      </c>
      <c r="DD39" s="169">
        <v>0</v>
      </c>
      <c r="DE39" s="169">
        <v>0</v>
      </c>
      <c r="DF39" s="169">
        <v>0</v>
      </c>
      <c r="DG39" s="174">
        <v>0</v>
      </c>
      <c r="DH39" s="173">
        <v>0</v>
      </c>
      <c r="DI39" s="168">
        <v>0</v>
      </c>
      <c r="DJ39" s="169">
        <v>0</v>
      </c>
      <c r="DK39" s="174">
        <v>0</v>
      </c>
      <c r="DL39" s="171">
        <v>0</v>
      </c>
      <c r="DM39" s="169">
        <v>0</v>
      </c>
      <c r="DN39" s="169">
        <v>0</v>
      </c>
      <c r="DO39" s="169">
        <v>0</v>
      </c>
      <c r="DP39" s="169">
        <v>0</v>
      </c>
      <c r="DQ39" s="169">
        <v>0</v>
      </c>
      <c r="DR39" s="174">
        <v>0</v>
      </c>
      <c r="DS39" s="173">
        <v>0</v>
      </c>
      <c r="DT39" s="168">
        <v>0</v>
      </c>
      <c r="DU39" s="169">
        <v>0</v>
      </c>
      <c r="DV39" s="174">
        <v>0</v>
      </c>
      <c r="DW39" s="171">
        <v>0</v>
      </c>
      <c r="DX39" s="169">
        <v>1</v>
      </c>
      <c r="DY39" s="169">
        <v>3</v>
      </c>
      <c r="DZ39" s="169">
        <v>0</v>
      </c>
      <c r="EA39" s="169">
        <v>1</v>
      </c>
      <c r="EB39" s="169">
        <v>0</v>
      </c>
      <c r="EC39" s="174">
        <v>5</v>
      </c>
      <c r="ED39" s="173">
        <v>5</v>
      </c>
      <c r="EE39" s="168">
        <v>0</v>
      </c>
      <c r="EF39" s="169">
        <v>0</v>
      </c>
      <c r="EG39" s="174">
        <v>0</v>
      </c>
      <c r="EH39" s="171">
        <v>0</v>
      </c>
      <c r="EI39" s="169">
        <v>0</v>
      </c>
      <c r="EJ39" s="169">
        <v>0</v>
      </c>
      <c r="EK39" s="169">
        <v>0</v>
      </c>
      <c r="EL39" s="169">
        <v>0</v>
      </c>
      <c r="EM39" s="169">
        <v>0</v>
      </c>
      <c r="EN39" s="174">
        <v>0</v>
      </c>
      <c r="EO39" s="173">
        <v>0</v>
      </c>
      <c r="EP39" s="168">
        <v>0</v>
      </c>
      <c r="EQ39" s="169">
        <v>0</v>
      </c>
      <c r="ER39" s="174">
        <v>0</v>
      </c>
      <c r="ES39" s="171">
        <v>0</v>
      </c>
      <c r="ET39" s="169">
        <v>1</v>
      </c>
      <c r="EU39" s="169">
        <v>4</v>
      </c>
      <c r="EV39" s="169">
        <v>0</v>
      </c>
      <c r="EW39" s="169">
        <v>1</v>
      </c>
      <c r="EX39" s="169">
        <v>0</v>
      </c>
      <c r="EY39" s="174">
        <v>6</v>
      </c>
      <c r="EZ39" s="173">
        <v>6</v>
      </c>
    </row>
  </sheetData>
  <mergeCells count="59">
    <mergeCell ref="DL4:DR4"/>
    <mergeCell ref="DS4:DS5"/>
    <mergeCell ref="I1:J1"/>
    <mergeCell ref="L1:M1"/>
    <mergeCell ref="AU3:BE3"/>
    <mergeCell ref="BF3:BP3"/>
    <mergeCell ref="BQ3:CA3"/>
    <mergeCell ref="BE4:BE5"/>
    <mergeCell ref="CX3:DH3"/>
    <mergeCell ref="CW4:CW5"/>
    <mergeCell ref="BF4:BH4"/>
    <mergeCell ref="BI4:BO4"/>
    <mergeCell ref="BP4:BP5"/>
    <mergeCell ref="BQ4:BS4"/>
    <mergeCell ref="BT4:BZ4"/>
    <mergeCell ref="CA4:CA5"/>
    <mergeCell ref="B3:B5"/>
    <mergeCell ref="C3:M3"/>
    <mergeCell ref="N3:X3"/>
    <mergeCell ref="X4:X5"/>
    <mergeCell ref="AJ3:AT3"/>
    <mergeCell ref="Y3:AI3"/>
    <mergeCell ref="Y4:AA4"/>
    <mergeCell ref="AB4:AH4"/>
    <mergeCell ref="AI4:AI5"/>
    <mergeCell ref="C4:E4"/>
    <mergeCell ref="F4:L4"/>
    <mergeCell ref="M4:M5"/>
    <mergeCell ref="N4:P4"/>
    <mergeCell ref="Q4:W4"/>
    <mergeCell ref="DT3:ED3"/>
    <mergeCell ref="EE3:EO3"/>
    <mergeCell ref="EP3:EZ3"/>
    <mergeCell ref="CB3:CL3"/>
    <mergeCell ref="CM3:CW3"/>
    <mergeCell ref="DI3:DS3"/>
    <mergeCell ref="CB4:CD4"/>
    <mergeCell ref="CE4:CK4"/>
    <mergeCell ref="AJ4:AL4"/>
    <mergeCell ref="AM4:AS4"/>
    <mergeCell ref="AT4:AT5"/>
    <mergeCell ref="AU4:AW4"/>
    <mergeCell ref="AX4:BD4"/>
    <mergeCell ref="CL4:CL5"/>
    <mergeCell ref="CM4:CO4"/>
    <mergeCell ref="CP4:CV4"/>
    <mergeCell ref="EZ4:EZ5"/>
    <mergeCell ref="CX4:CZ4"/>
    <mergeCell ref="DA4:DG4"/>
    <mergeCell ref="DH4:DH5"/>
    <mergeCell ref="DT4:DV4"/>
    <mergeCell ref="DW4:EC4"/>
    <mergeCell ref="ED4:ED5"/>
    <mergeCell ref="EE4:EG4"/>
    <mergeCell ref="EH4:EN4"/>
    <mergeCell ref="EO4:EO5"/>
    <mergeCell ref="EP4:ER4"/>
    <mergeCell ref="ES4:EY4"/>
    <mergeCell ref="DI4:DK4"/>
  </mergeCells>
  <phoneticPr fontId="4"/>
  <pageMargins left="0.70866141732283472" right="0.70866141732283472" top="0.74803149606299213" bottom="0.74803149606299213" header="0.31496062992125984" footer="0.31496062992125984"/>
  <pageSetup paperSize="9" scale="33" orientation="landscape" r:id="rId1"/>
  <headerFooter>
    <oddFooter>&amp;L&amp;20&amp;A&amp;C&amp;P/&amp;N</oddFooter>
  </headerFooter>
  <colBreaks count="3" manualBreakCount="3">
    <brk id="46" max="1048575" man="1"/>
    <brk id="90" max="1048575" man="1"/>
    <brk id="134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EZ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4" width="9" style="175"/>
    <col min="5" max="5" width="10.33203125" style="175" customWidth="1"/>
    <col min="6" max="6" width="7.6640625" style="175" customWidth="1"/>
    <col min="7" max="7" width="10.21875" style="175" customWidth="1"/>
    <col min="8" max="8" width="10.44140625" style="175" customWidth="1"/>
    <col min="9" max="16" width="9" style="175"/>
    <col min="17" max="17" width="7.21875" style="175" customWidth="1"/>
    <col min="18" max="27" width="9" style="175"/>
    <col min="28" max="28" width="7.6640625" style="175" customWidth="1"/>
    <col min="29" max="38" width="9" style="175"/>
    <col min="39" max="39" width="7.6640625" style="175" customWidth="1"/>
    <col min="40" max="49" width="9" style="175"/>
    <col min="50" max="50" width="7.21875" style="175" customWidth="1"/>
    <col min="51" max="60" width="9" style="175"/>
    <col min="61" max="61" width="7.21875" style="175" customWidth="1"/>
    <col min="62" max="71" width="9" style="175"/>
    <col min="72" max="72" width="7.33203125" style="175" customWidth="1"/>
    <col min="73" max="82" width="9" style="175"/>
    <col min="83" max="83" width="7.44140625" style="175" customWidth="1"/>
    <col min="84" max="93" width="9" style="175"/>
    <col min="94" max="94" width="7.6640625" style="175" customWidth="1"/>
    <col min="95" max="104" width="9" style="175"/>
    <col min="105" max="105" width="7.44140625" style="175" customWidth="1"/>
    <col min="106" max="115" width="9" style="175"/>
    <col min="116" max="116" width="7.44140625" style="175" customWidth="1"/>
    <col min="117" max="126" width="9" style="175"/>
    <col min="127" max="127" width="7.44140625" style="175" customWidth="1"/>
    <col min="128" max="137" width="9" style="175"/>
    <col min="138" max="138" width="7.33203125" style="175" customWidth="1"/>
    <col min="139" max="148" width="9" style="175"/>
    <col min="149" max="149" width="7.77734375" style="175" customWidth="1"/>
    <col min="150" max="16384" width="9" style="175"/>
  </cols>
  <sheetData>
    <row r="1" spans="2:156" ht="24" customHeight="1" x14ac:dyDescent="0.2">
      <c r="B1" s="142" t="s">
        <v>120</v>
      </c>
      <c r="I1" s="442">
        <f>第１表!F2</f>
        <v>7</v>
      </c>
      <c r="J1" s="442"/>
      <c r="K1" s="18">
        <f>第１表!G2</f>
        <v>3</v>
      </c>
      <c r="L1" s="447">
        <f>IF(K1&lt;3,K1+12-2,K1-2)</f>
        <v>1</v>
      </c>
      <c r="M1" s="447"/>
    </row>
    <row r="2" spans="2:156" ht="24" customHeight="1" thickBot="1" x14ac:dyDescent="0.25">
      <c r="B2" s="142" t="s">
        <v>150</v>
      </c>
      <c r="G2" s="17"/>
      <c r="H2" s="18"/>
      <c r="J2" s="176"/>
      <c r="K2" s="176"/>
    </row>
    <row r="3" spans="2:156" ht="21" customHeight="1" thickBot="1" x14ac:dyDescent="0.25">
      <c r="B3" s="478"/>
      <c r="C3" s="472" t="s">
        <v>70</v>
      </c>
      <c r="D3" s="473"/>
      <c r="E3" s="473"/>
      <c r="F3" s="473"/>
      <c r="G3" s="473"/>
      <c r="H3" s="473"/>
      <c r="I3" s="473"/>
      <c r="J3" s="473"/>
      <c r="K3" s="473"/>
      <c r="L3" s="473"/>
      <c r="M3" s="474"/>
      <c r="N3" s="472" t="s">
        <v>71</v>
      </c>
      <c r="O3" s="473"/>
      <c r="P3" s="473"/>
      <c r="Q3" s="473"/>
      <c r="R3" s="473"/>
      <c r="S3" s="473"/>
      <c r="T3" s="473"/>
      <c r="U3" s="473"/>
      <c r="V3" s="473"/>
      <c r="W3" s="473"/>
      <c r="X3" s="474"/>
      <c r="Y3" s="472" t="s">
        <v>72</v>
      </c>
      <c r="Z3" s="473"/>
      <c r="AA3" s="473"/>
      <c r="AB3" s="473"/>
      <c r="AC3" s="473"/>
      <c r="AD3" s="473"/>
      <c r="AE3" s="473"/>
      <c r="AF3" s="473"/>
      <c r="AG3" s="473"/>
      <c r="AH3" s="473"/>
      <c r="AI3" s="474"/>
      <c r="AJ3" s="472" t="s">
        <v>73</v>
      </c>
      <c r="AK3" s="473"/>
      <c r="AL3" s="473"/>
      <c r="AM3" s="473"/>
      <c r="AN3" s="473"/>
      <c r="AO3" s="473"/>
      <c r="AP3" s="473"/>
      <c r="AQ3" s="473"/>
      <c r="AR3" s="473"/>
      <c r="AS3" s="473"/>
      <c r="AT3" s="474"/>
      <c r="AU3" s="472" t="s">
        <v>74</v>
      </c>
      <c r="AV3" s="473"/>
      <c r="AW3" s="473"/>
      <c r="AX3" s="473"/>
      <c r="AY3" s="473"/>
      <c r="AZ3" s="473"/>
      <c r="BA3" s="473"/>
      <c r="BB3" s="473"/>
      <c r="BC3" s="473"/>
      <c r="BD3" s="473"/>
      <c r="BE3" s="474"/>
      <c r="BF3" s="472" t="s">
        <v>75</v>
      </c>
      <c r="BG3" s="473"/>
      <c r="BH3" s="473"/>
      <c r="BI3" s="473"/>
      <c r="BJ3" s="473"/>
      <c r="BK3" s="473"/>
      <c r="BL3" s="473"/>
      <c r="BM3" s="473"/>
      <c r="BN3" s="473"/>
      <c r="BO3" s="473"/>
      <c r="BP3" s="474"/>
      <c r="BQ3" s="472" t="s">
        <v>76</v>
      </c>
      <c r="BR3" s="473"/>
      <c r="BS3" s="473"/>
      <c r="BT3" s="473"/>
      <c r="BU3" s="473"/>
      <c r="BV3" s="473"/>
      <c r="BW3" s="473"/>
      <c r="BX3" s="473"/>
      <c r="BY3" s="473"/>
      <c r="BZ3" s="473"/>
      <c r="CA3" s="474"/>
      <c r="CB3" s="472" t="s">
        <v>77</v>
      </c>
      <c r="CC3" s="473"/>
      <c r="CD3" s="473"/>
      <c r="CE3" s="473"/>
      <c r="CF3" s="473"/>
      <c r="CG3" s="473"/>
      <c r="CH3" s="473"/>
      <c r="CI3" s="473"/>
      <c r="CJ3" s="473"/>
      <c r="CK3" s="473"/>
      <c r="CL3" s="474"/>
      <c r="CM3" s="472" t="s">
        <v>78</v>
      </c>
      <c r="CN3" s="473"/>
      <c r="CO3" s="473"/>
      <c r="CP3" s="473"/>
      <c r="CQ3" s="473"/>
      <c r="CR3" s="473"/>
      <c r="CS3" s="473"/>
      <c r="CT3" s="473"/>
      <c r="CU3" s="473"/>
      <c r="CV3" s="473"/>
      <c r="CW3" s="474"/>
      <c r="CX3" s="472" t="s">
        <v>79</v>
      </c>
      <c r="CY3" s="473"/>
      <c r="CZ3" s="473"/>
      <c r="DA3" s="473"/>
      <c r="DB3" s="473"/>
      <c r="DC3" s="473"/>
      <c r="DD3" s="473"/>
      <c r="DE3" s="473"/>
      <c r="DF3" s="473"/>
      <c r="DG3" s="473"/>
      <c r="DH3" s="474"/>
      <c r="DI3" s="472" t="s">
        <v>148</v>
      </c>
      <c r="DJ3" s="473"/>
      <c r="DK3" s="473"/>
      <c r="DL3" s="473"/>
      <c r="DM3" s="473"/>
      <c r="DN3" s="473"/>
      <c r="DO3" s="473"/>
      <c r="DP3" s="473"/>
      <c r="DQ3" s="473"/>
      <c r="DR3" s="473"/>
      <c r="DS3" s="474"/>
      <c r="DT3" s="472" t="s">
        <v>80</v>
      </c>
      <c r="DU3" s="473"/>
      <c r="DV3" s="473"/>
      <c r="DW3" s="473"/>
      <c r="DX3" s="473"/>
      <c r="DY3" s="473"/>
      <c r="DZ3" s="473"/>
      <c r="EA3" s="473"/>
      <c r="EB3" s="473"/>
      <c r="EC3" s="473"/>
      <c r="ED3" s="474"/>
      <c r="EE3" s="472" t="s">
        <v>68</v>
      </c>
      <c r="EF3" s="473"/>
      <c r="EG3" s="473"/>
      <c r="EH3" s="473"/>
      <c r="EI3" s="473"/>
      <c r="EJ3" s="473"/>
      <c r="EK3" s="473"/>
      <c r="EL3" s="473"/>
      <c r="EM3" s="473"/>
      <c r="EN3" s="473"/>
      <c r="EO3" s="474"/>
      <c r="EP3" s="475" t="s">
        <v>69</v>
      </c>
      <c r="EQ3" s="476"/>
      <c r="ER3" s="476"/>
      <c r="ES3" s="476"/>
      <c r="ET3" s="476"/>
      <c r="EU3" s="476"/>
      <c r="EV3" s="476"/>
      <c r="EW3" s="476"/>
      <c r="EX3" s="476"/>
      <c r="EY3" s="476"/>
      <c r="EZ3" s="477"/>
    </row>
    <row r="4" spans="2:156" ht="21" customHeight="1" x14ac:dyDescent="0.2">
      <c r="B4" s="479"/>
      <c r="C4" s="465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65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67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65" t="s">
        <v>61</v>
      </c>
      <c r="AV4" s="466"/>
      <c r="AW4" s="467"/>
      <c r="AX4" s="468" t="s">
        <v>62</v>
      </c>
      <c r="AY4" s="466"/>
      <c r="AZ4" s="466"/>
      <c r="BA4" s="466"/>
      <c r="BB4" s="466"/>
      <c r="BC4" s="466"/>
      <c r="BD4" s="471"/>
      <c r="BE4" s="469" t="s">
        <v>52</v>
      </c>
      <c r="BF4" s="465" t="s">
        <v>61</v>
      </c>
      <c r="BG4" s="466"/>
      <c r="BH4" s="467"/>
      <c r="BI4" s="468" t="s">
        <v>62</v>
      </c>
      <c r="BJ4" s="466"/>
      <c r="BK4" s="466"/>
      <c r="BL4" s="466"/>
      <c r="BM4" s="466"/>
      <c r="BN4" s="466"/>
      <c r="BO4" s="467"/>
      <c r="BP4" s="469" t="s">
        <v>52</v>
      </c>
      <c r="BQ4" s="465" t="s">
        <v>61</v>
      </c>
      <c r="BR4" s="466"/>
      <c r="BS4" s="467"/>
      <c r="BT4" s="468" t="s">
        <v>62</v>
      </c>
      <c r="BU4" s="466"/>
      <c r="BV4" s="466"/>
      <c r="BW4" s="466"/>
      <c r="BX4" s="466"/>
      <c r="BY4" s="466"/>
      <c r="BZ4" s="467"/>
      <c r="CA4" s="469" t="s">
        <v>52</v>
      </c>
      <c r="CB4" s="465" t="s">
        <v>61</v>
      </c>
      <c r="CC4" s="466"/>
      <c r="CD4" s="467"/>
      <c r="CE4" s="468" t="s">
        <v>62</v>
      </c>
      <c r="CF4" s="466"/>
      <c r="CG4" s="466"/>
      <c r="CH4" s="466"/>
      <c r="CI4" s="466"/>
      <c r="CJ4" s="466"/>
      <c r="CK4" s="467"/>
      <c r="CL4" s="469" t="s">
        <v>52</v>
      </c>
      <c r="CM4" s="465" t="s">
        <v>61</v>
      </c>
      <c r="CN4" s="466"/>
      <c r="CO4" s="467"/>
      <c r="CP4" s="468" t="s">
        <v>62</v>
      </c>
      <c r="CQ4" s="466"/>
      <c r="CR4" s="466"/>
      <c r="CS4" s="466"/>
      <c r="CT4" s="466"/>
      <c r="CU4" s="466"/>
      <c r="CV4" s="467"/>
      <c r="CW4" s="469" t="s">
        <v>52</v>
      </c>
      <c r="CX4" s="465" t="s">
        <v>61</v>
      </c>
      <c r="CY4" s="466"/>
      <c r="CZ4" s="467"/>
      <c r="DA4" s="468" t="s">
        <v>62</v>
      </c>
      <c r="DB4" s="466"/>
      <c r="DC4" s="466"/>
      <c r="DD4" s="466"/>
      <c r="DE4" s="466"/>
      <c r="DF4" s="466"/>
      <c r="DG4" s="467"/>
      <c r="DH4" s="469" t="s">
        <v>52</v>
      </c>
      <c r="DI4" s="465" t="s">
        <v>61</v>
      </c>
      <c r="DJ4" s="466"/>
      <c r="DK4" s="467"/>
      <c r="DL4" s="468" t="s">
        <v>62</v>
      </c>
      <c r="DM4" s="466"/>
      <c r="DN4" s="466"/>
      <c r="DO4" s="466"/>
      <c r="DP4" s="466"/>
      <c r="DQ4" s="466"/>
      <c r="DR4" s="467"/>
      <c r="DS4" s="469" t="s">
        <v>52</v>
      </c>
      <c r="DT4" s="465" t="s">
        <v>61</v>
      </c>
      <c r="DU4" s="466"/>
      <c r="DV4" s="467"/>
      <c r="DW4" s="468" t="s">
        <v>62</v>
      </c>
      <c r="DX4" s="466"/>
      <c r="DY4" s="466"/>
      <c r="DZ4" s="466"/>
      <c r="EA4" s="466"/>
      <c r="EB4" s="466"/>
      <c r="EC4" s="467"/>
      <c r="ED4" s="469" t="s">
        <v>52</v>
      </c>
      <c r="EE4" s="465" t="s">
        <v>61</v>
      </c>
      <c r="EF4" s="466"/>
      <c r="EG4" s="467"/>
      <c r="EH4" s="468" t="s">
        <v>62</v>
      </c>
      <c r="EI4" s="466"/>
      <c r="EJ4" s="466"/>
      <c r="EK4" s="466"/>
      <c r="EL4" s="466"/>
      <c r="EM4" s="466"/>
      <c r="EN4" s="467"/>
      <c r="EO4" s="469" t="s">
        <v>52</v>
      </c>
      <c r="EP4" s="465" t="s">
        <v>61</v>
      </c>
      <c r="EQ4" s="466"/>
      <c r="ER4" s="467"/>
      <c r="ES4" s="468" t="s">
        <v>62</v>
      </c>
      <c r="ET4" s="466"/>
      <c r="EU4" s="466"/>
      <c r="EV4" s="466"/>
      <c r="EW4" s="466"/>
      <c r="EX4" s="466"/>
      <c r="EY4" s="467"/>
      <c r="EZ4" s="469" t="s">
        <v>52</v>
      </c>
    </row>
    <row r="5" spans="2:156" ht="30" customHeight="1" thickBot="1" x14ac:dyDescent="0.25">
      <c r="B5" s="480"/>
      <c r="C5" s="177" t="s">
        <v>43</v>
      </c>
      <c r="D5" s="178" t="s">
        <v>158</v>
      </c>
      <c r="E5" s="179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177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2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2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1" t="s">
        <v>45</v>
      </c>
      <c r="BE5" s="470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70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70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70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70"/>
      <c r="CX5" s="177" t="s">
        <v>43</v>
      </c>
      <c r="CY5" s="178" t="s">
        <v>44</v>
      </c>
      <c r="CZ5" s="182" t="s">
        <v>45</v>
      </c>
      <c r="DA5" s="180" t="s">
        <v>83</v>
      </c>
      <c r="DB5" s="178" t="s">
        <v>47</v>
      </c>
      <c r="DC5" s="178" t="s">
        <v>48</v>
      </c>
      <c r="DD5" s="178" t="s">
        <v>49</v>
      </c>
      <c r="DE5" s="178" t="s">
        <v>50</v>
      </c>
      <c r="DF5" s="178" t="s">
        <v>51</v>
      </c>
      <c r="DG5" s="182" t="s">
        <v>45</v>
      </c>
      <c r="DH5" s="470"/>
      <c r="DI5" s="177" t="s">
        <v>43</v>
      </c>
      <c r="DJ5" s="178" t="s">
        <v>44</v>
      </c>
      <c r="DK5" s="182" t="s">
        <v>45</v>
      </c>
      <c r="DL5" s="180" t="s">
        <v>83</v>
      </c>
      <c r="DM5" s="178" t="s">
        <v>47</v>
      </c>
      <c r="DN5" s="178" t="s">
        <v>48</v>
      </c>
      <c r="DO5" s="178" t="s">
        <v>49</v>
      </c>
      <c r="DP5" s="178" t="s">
        <v>50</v>
      </c>
      <c r="DQ5" s="178" t="s">
        <v>51</v>
      </c>
      <c r="DR5" s="182" t="s">
        <v>45</v>
      </c>
      <c r="DS5" s="470"/>
      <c r="DT5" s="177" t="s">
        <v>43</v>
      </c>
      <c r="DU5" s="178" t="s">
        <v>44</v>
      </c>
      <c r="DV5" s="182" t="s">
        <v>45</v>
      </c>
      <c r="DW5" s="180" t="s">
        <v>83</v>
      </c>
      <c r="DX5" s="178" t="s">
        <v>47</v>
      </c>
      <c r="DY5" s="178" t="s">
        <v>48</v>
      </c>
      <c r="DZ5" s="178" t="s">
        <v>49</v>
      </c>
      <c r="EA5" s="178" t="s">
        <v>50</v>
      </c>
      <c r="EB5" s="178" t="s">
        <v>51</v>
      </c>
      <c r="EC5" s="182" t="s">
        <v>45</v>
      </c>
      <c r="ED5" s="470"/>
      <c r="EE5" s="177" t="s">
        <v>43</v>
      </c>
      <c r="EF5" s="178" t="s">
        <v>44</v>
      </c>
      <c r="EG5" s="182" t="s">
        <v>45</v>
      </c>
      <c r="EH5" s="180" t="s">
        <v>83</v>
      </c>
      <c r="EI5" s="178" t="s">
        <v>47</v>
      </c>
      <c r="EJ5" s="178" t="s">
        <v>48</v>
      </c>
      <c r="EK5" s="178" t="s">
        <v>49</v>
      </c>
      <c r="EL5" s="178" t="s">
        <v>50</v>
      </c>
      <c r="EM5" s="178" t="s">
        <v>51</v>
      </c>
      <c r="EN5" s="182" t="s">
        <v>45</v>
      </c>
      <c r="EO5" s="470"/>
      <c r="EP5" s="177" t="s">
        <v>43</v>
      </c>
      <c r="EQ5" s="178" t="s">
        <v>44</v>
      </c>
      <c r="ER5" s="182" t="s">
        <v>45</v>
      </c>
      <c r="ES5" s="180" t="s">
        <v>83</v>
      </c>
      <c r="ET5" s="178" t="s">
        <v>47</v>
      </c>
      <c r="EU5" s="178" t="s">
        <v>48</v>
      </c>
      <c r="EV5" s="178" t="s">
        <v>49</v>
      </c>
      <c r="EW5" s="178" t="s">
        <v>50</v>
      </c>
      <c r="EX5" s="178" t="s">
        <v>51</v>
      </c>
      <c r="EY5" s="182" t="s">
        <v>45</v>
      </c>
      <c r="EZ5" s="470"/>
    </row>
    <row r="6" spans="2:156" ht="21" customHeight="1" x14ac:dyDescent="0.2">
      <c r="B6" s="84" t="s">
        <v>4</v>
      </c>
      <c r="C6" s="183">
        <v>0</v>
      </c>
      <c r="D6" s="184">
        <v>0</v>
      </c>
      <c r="E6" s="185">
        <v>0</v>
      </c>
      <c r="F6" s="186">
        <v>0</v>
      </c>
      <c r="G6" s="184">
        <v>1177</v>
      </c>
      <c r="H6" s="184">
        <v>1406</v>
      </c>
      <c r="I6" s="184">
        <v>704</v>
      </c>
      <c r="J6" s="184">
        <v>570</v>
      </c>
      <c r="K6" s="184">
        <v>465</v>
      </c>
      <c r="L6" s="187">
        <v>4322</v>
      </c>
      <c r="M6" s="188">
        <v>4322</v>
      </c>
      <c r="N6" s="183">
        <v>0</v>
      </c>
      <c r="O6" s="184">
        <v>3</v>
      </c>
      <c r="P6" s="189">
        <v>3</v>
      </c>
      <c r="Q6" s="186">
        <v>0</v>
      </c>
      <c r="R6" s="184">
        <v>7</v>
      </c>
      <c r="S6" s="184">
        <v>26</v>
      </c>
      <c r="T6" s="184">
        <v>50</v>
      </c>
      <c r="U6" s="184">
        <v>141</v>
      </c>
      <c r="V6" s="184">
        <v>215</v>
      </c>
      <c r="W6" s="189">
        <v>439</v>
      </c>
      <c r="X6" s="188">
        <v>442</v>
      </c>
      <c r="Y6" s="183">
        <v>274</v>
      </c>
      <c r="Z6" s="184">
        <v>574</v>
      </c>
      <c r="AA6" s="189">
        <v>848</v>
      </c>
      <c r="AB6" s="186">
        <v>0</v>
      </c>
      <c r="AC6" s="184">
        <v>1030</v>
      </c>
      <c r="AD6" s="184">
        <v>1460</v>
      </c>
      <c r="AE6" s="184">
        <v>803</v>
      </c>
      <c r="AF6" s="184">
        <v>650</v>
      </c>
      <c r="AG6" s="184">
        <v>404</v>
      </c>
      <c r="AH6" s="189">
        <v>4347</v>
      </c>
      <c r="AI6" s="188">
        <v>5195</v>
      </c>
      <c r="AJ6" s="183">
        <v>23</v>
      </c>
      <c r="AK6" s="184">
        <v>70</v>
      </c>
      <c r="AL6" s="189">
        <v>93</v>
      </c>
      <c r="AM6" s="186">
        <v>0</v>
      </c>
      <c r="AN6" s="184">
        <v>108</v>
      </c>
      <c r="AO6" s="184">
        <v>137</v>
      </c>
      <c r="AP6" s="184">
        <v>79</v>
      </c>
      <c r="AQ6" s="184">
        <v>89</v>
      </c>
      <c r="AR6" s="184">
        <v>53</v>
      </c>
      <c r="AS6" s="189">
        <v>466</v>
      </c>
      <c r="AT6" s="188">
        <v>559</v>
      </c>
      <c r="AU6" s="183">
        <v>367</v>
      </c>
      <c r="AV6" s="184">
        <v>427</v>
      </c>
      <c r="AW6" s="189">
        <v>794</v>
      </c>
      <c r="AX6" s="186">
        <v>0</v>
      </c>
      <c r="AY6" s="184">
        <v>1518</v>
      </c>
      <c r="AZ6" s="184">
        <v>1914</v>
      </c>
      <c r="BA6" s="184">
        <v>1507</v>
      </c>
      <c r="BB6" s="184">
        <v>1501</v>
      </c>
      <c r="BC6" s="184">
        <v>1089</v>
      </c>
      <c r="BD6" s="187">
        <v>7529</v>
      </c>
      <c r="BE6" s="188">
        <v>8323</v>
      </c>
      <c r="BF6" s="183">
        <v>0</v>
      </c>
      <c r="BG6" s="184">
        <v>0</v>
      </c>
      <c r="BH6" s="189">
        <v>0</v>
      </c>
      <c r="BI6" s="186">
        <v>0</v>
      </c>
      <c r="BJ6" s="184">
        <v>1434</v>
      </c>
      <c r="BK6" s="184">
        <v>1295</v>
      </c>
      <c r="BL6" s="184">
        <v>617</v>
      </c>
      <c r="BM6" s="184">
        <v>320</v>
      </c>
      <c r="BN6" s="184">
        <v>151</v>
      </c>
      <c r="BO6" s="189">
        <v>3817</v>
      </c>
      <c r="BP6" s="188">
        <v>3817</v>
      </c>
      <c r="BQ6" s="183">
        <v>133</v>
      </c>
      <c r="BR6" s="184">
        <v>196</v>
      </c>
      <c r="BS6" s="189">
        <v>329</v>
      </c>
      <c r="BT6" s="186">
        <v>0</v>
      </c>
      <c r="BU6" s="184">
        <v>371</v>
      </c>
      <c r="BV6" s="184">
        <v>448</v>
      </c>
      <c r="BW6" s="184">
        <v>283</v>
      </c>
      <c r="BX6" s="184">
        <v>170</v>
      </c>
      <c r="BY6" s="184">
        <v>57</v>
      </c>
      <c r="BZ6" s="189">
        <v>1329</v>
      </c>
      <c r="CA6" s="188">
        <v>1658</v>
      </c>
      <c r="CB6" s="183">
        <v>2</v>
      </c>
      <c r="CC6" s="184">
        <v>13</v>
      </c>
      <c r="CD6" s="189">
        <v>15</v>
      </c>
      <c r="CE6" s="186">
        <v>0</v>
      </c>
      <c r="CF6" s="184">
        <v>156</v>
      </c>
      <c r="CG6" s="184">
        <v>240</v>
      </c>
      <c r="CH6" s="184">
        <v>254</v>
      </c>
      <c r="CI6" s="184">
        <v>166</v>
      </c>
      <c r="CJ6" s="184">
        <v>103</v>
      </c>
      <c r="CK6" s="189">
        <v>919</v>
      </c>
      <c r="CL6" s="188">
        <v>934</v>
      </c>
      <c r="CM6" s="183">
        <v>1</v>
      </c>
      <c r="CN6" s="184">
        <v>1</v>
      </c>
      <c r="CO6" s="189">
        <v>2</v>
      </c>
      <c r="CP6" s="186">
        <v>0</v>
      </c>
      <c r="CQ6" s="184">
        <v>18</v>
      </c>
      <c r="CR6" s="184">
        <v>44</v>
      </c>
      <c r="CS6" s="184">
        <v>47</v>
      </c>
      <c r="CT6" s="184">
        <v>43</v>
      </c>
      <c r="CU6" s="184">
        <v>29</v>
      </c>
      <c r="CV6" s="189">
        <v>181</v>
      </c>
      <c r="CW6" s="188">
        <v>183</v>
      </c>
      <c r="CX6" s="183">
        <v>0</v>
      </c>
      <c r="CY6" s="184">
        <v>0</v>
      </c>
      <c r="CZ6" s="189">
        <v>0</v>
      </c>
      <c r="DA6" s="186">
        <v>0</v>
      </c>
      <c r="DB6" s="184">
        <v>0</v>
      </c>
      <c r="DC6" s="184">
        <v>0</v>
      </c>
      <c r="DD6" s="184">
        <v>0</v>
      </c>
      <c r="DE6" s="184">
        <v>0</v>
      </c>
      <c r="DF6" s="184">
        <v>0</v>
      </c>
      <c r="DG6" s="189">
        <v>0</v>
      </c>
      <c r="DH6" s="188">
        <v>0</v>
      </c>
      <c r="DI6" s="183">
        <v>0</v>
      </c>
      <c r="DJ6" s="184">
        <v>0</v>
      </c>
      <c r="DK6" s="189">
        <v>0</v>
      </c>
      <c r="DL6" s="186">
        <v>0</v>
      </c>
      <c r="DM6" s="184">
        <v>0</v>
      </c>
      <c r="DN6" s="184">
        <v>0</v>
      </c>
      <c r="DO6" s="184">
        <v>0</v>
      </c>
      <c r="DP6" s="184">
        <v>0</v>
      </c>
      <c r="DQ6" s="184">
        <v>0</v>
      </c>
      <c r="DR6" s="189">
        <v>0</v>
      </c>
      <c r="DS6" s="188">
        <v>0</v>
      </c>
      <c r="DT6" s="183">
        <v>685</v>
      </c>
      <c r="DU6" s="184">
        <v>1466</v>
      </c>
      <c r="DV6" s="189">
        <v>2151</v>
      </c>
      <c r="DW6" s="186">
        <v>0</v>
      </c>
      <c r="DX6" s="184">
        <v>1760</v>
      </c>
      <c r="DY6" s="184">
        <v>3108</v>
      </c>
      <c r="DZ6" s="184">
        <v>1718</v>
      </c>
      <c r="EA6" s="184">
        <v>1277</v>
      </c>
      <c r="EB6" s="184">
        <v>758</v>
      </c>
      <c r="EC6" s="189">
        <v>8621</v>
      </c>
      <c r="ED6" s="188">
        <v>10772</v>
      </c>
      <c r="EE6" s="183">
        <v>250</v>
      </c>
      <c r="EF6" s="184">
        <v>193</v>
      </c>
      <c r="EG6" s="189">
        <v>443</v>
      </c>
      <c r="EH6" s="186">
        <v>0</v>
      </c>
      <c r="EI6" s="184">
        <v>737</v>
      </c>
      <c r="EJ6" s="184">
        <v>752</v>
      </c>
      <c r="EK6" s="184">
        <v>616</v>
      </c>
      <c r="EL6" s="184">
        <v>639</v>
      </c>
      <c r="EM6" s="184">
        <v>407</v>
      </c>
      <c r="EN6" s="189">
        <v>3151</v>
      </c>
      <c r="EO6" s="188">
        <v>3594</v>
      </c>
      <c r="EP6" s="183">
        <v>1007</v>
      </c>
      <c r="EQ6" s="184">
        <v>1896</v>
      </c>
      <c r="ER6" s="189">
        <v>2903</v>
      </c>
      <c r="ES6" s="186">
        <v>0</v>
      </c>
      <c r="ET6" s="184">
        <v>4019</v>
      </c>
      <c r="EU6" s="184">
        <v>4282</v>
      </c>
      <c r="EV6" s="184">
        <v>2014</v>
      </c>
      <c r="EW6" s="184">
        <v>1403</v>
      </c>
      <c r="EX6" s="184">
        <v>799</v>
      </c>
      <c r="EY6" s="189">
        <v>12517</v>
      </c>
      <c r="EZ6" s="188">
        <v>15420</v>
      </c>
    </row>
    <row r="7" spans="2:156" ht="21" customHeight="1" x14ac:dyDescent="0.2">
      <c r="B7" s="95" t="s">
        <v>5</v>
      </c>
      <c r="C7" s="190">
        <v>0</v>
      </c>
      <c r="D7" s="191">
        <v>0</v>
      </c>
      <c r="E7" s="192">
        <v>0</v>
      </c>
      <c r="F7" s="193">
        <v>0</v>
      </c>
      <c r="G7" s="191">
        <v>464</v>
      </c>
      <c r="H7" s="191">
        <v>707</v>
      </c>
      <c r="I7" s="191">
        <v>313</v>
      </c>
      <c r="J7" s="191">
        <v>254</v>
      </c>
      <c r="K7" s="191">
        <v>210</v>
      </c>
      <c r="L7" s="194">
        <v>1948</v>
      </c>
      <c r="M7" s="195">
        <v>1948</v>
      </c>
      <c r="N7" s="190">
        <v>0</v>
      </c>
      <c r="O7" s="191">
        <v>2</v>
      </c>
      <c r="P7" s="196">
        <v>2</v>
      </c>
      <c r="Q7" s="193">
        <v>0</v>
      </c>
      <c r="R7" s="191">
        <v>4</v>
      </c>
      <c r="S7" s="191">
        <v>10</v>
      </c>
      <c r="T7" s="191">
        <v>18</v>
      </c>
      <c r="U7" s="191">
        <v>54</v>
      </c>
      <c r="V7" s="191">
        <v>114</v>
      </c>
      <c r="W7" s="196">
        <v>200</v>
      </c>
      <c r="X7" s="195">
        <v>202</v>
      </c>
      <c r="Y7" s="190">
        <v>116</v>
      </c>
      <c r="Z7" s="191">
        <v>326</v>
      </c>
      <c r="AA7" s="196">
        <v>442</v>
      </c>
      <c r="AB7" s="193">
        <v>0</v>
      </c>
      <c r="AC7" s="191">
        <v>407</v>
      </c>
      <c r="AD7" s="191">
        <v>773</v>
      </c>
      <c r="AE7" s="191">
        <v>379</v>
      </c>
      <c r="AF7" s="191">
        <v>284</v>
      </c>
      <c r="AG7" s="191">
        <v>180</v>
      </c>
      <c r="AH7" s="196">
        <v>2023</v>
      </c>
      <c r="AI7" s="195">
        <v>2465</v>
      </c>
      <c r="AJ7" s="190">
        <v>11</v>
      </c>
      <c r="AK7" s="191">
        <v>40</v>
      </c>
      <c r="AL7" s="196">
        <v>51</v>
      </c>
      <c r="AM7" s="193">
        <v>0</v>
      </c>
      <c r="AN7" s="191">
        <v>34</v>
      </c>
      <c r="AO7" s="191">
        <v>65</v>
      </c>
      <c r="AP7" s="191">
        <v>35</v>
      </c>
      <c r="AQ7" s="191">
        <v>41</v>
      </c>
      <c r="AR7" s="191">
        <v>24</v>
      </c>
      <c r="AS7" s="196">
        <v>199</v>
      </c>
      <c r="AT7" s="195">
        <v>250</v>
      </c>
      <c r="AU7" s="190">
        <v>171</v>
      </c>
      <c r="AV7" s="191">
        <v>223</v>
      </c>
      <c r="AW7" s="196">
        <v>394</v>
      </c>
      <c r="AX7" s="193">
        <v>0</v>
      </c>
      <c r="AY7" s="191">
        <v>592</v>
      </c>
      <c r="AZ7" s="191">
        <v>908</v>
      </c>
      <c r="BA7" s="191">
        <v>681</v>
      </c>
      <c r="BB7" s="191">
        <v>667</v>
      </c>
      <c r="BC7" s="191">
        <v>477</v>
      </c>
      <c r="BD7" s="194">
        <v>3325</v>
      </c>
      <c r="BE7" s="195">
        <v>3719</v>
      </c>
      <c r="BF7" s="190">
        <v>0</v>
      </c>
      <c r="BG7" s="191">
        <v>0</v>
      </c>
      <c r="BH7" s="196">
        <v>0</v>
      </c>
      <c r="BI7" s="193">
        <v>0</v>
      </c>
      <c r="BJ7" s="191">
        <v>499</v>
      </c>
      <c r="BK7" s="191">
        <v>569</v>
      </c>
      <c r="BL7" s="191">
        <v>237</v>
      </c>
      <c r="BM7" s="191">
        <v>122</v>
      </c>
      <c r="BN7" s="191">
        <v>63</v>
      </c>
      <c r="BO7" s="196">
        <v>1490</v>
      </c>
      <c r="BP7" s="195">
        <v>1490</v>
      </c>
      <c r="BQ7" s="190">
        <v>57</v>
      </c>
      <c r="BR7" s="191">
        <v>98</v>
      </c>
      <c r="BS7" s="196">
        <v>155</v>
      </c>
      <c r="BT7" s="193">
        <v>0</v>
      </c>
      <c r="BU7" s="191">
        <v>122</v>
      </c>
      <c r="BV7" s="191">
        <v>223</v>
      </c>
      <c r="BW7" s="191">
        <v>135</v>
      </c>
      <c r="BX7" s="191">
        <v>80</v>
      </c>
      <c r="BY7" s="191">
        <v>27</v>
      </c>
      <c r="BZ7" s="196">
        <v>587</v>
      </c>
      <c r="CA7" s="195">
        <v>742</v>
      </c>
      <c r="CB7" s="190">
        <v>1</v>
      </c>
      <c r="CC7" s="191">
        <v>7</v>
      </c>
      <c r="CD7" s="196">
        <v>8</v>
      </c>
      <c r="CE7" s="193">
        <v>0</v>
      </c>
      <c r="CF7" s="191">
        <v>51</v>
      </c>
      <c r="CG7" s="191">
        <v>89</v>
      </c>
      <c r="CH7" s="191">
        <v>114</v>
      </c>
      <c r="CI7" s="191">
        <v>61</v>
      </c>
      <c r="CJ7" s="191">
        <v>42</v>
      </c>
      <c r="CK7" s="196">
        <v>357</v>
      </c>
      <c r="CL7" s="195">
        <v>365</v>
      </c>
      <c r="CM7" s="190">
        <v>1</v>
      </c>
      <c r="CN7" s="191">
        <v>1</v>
      </c>
      <c r="CO7" s="196">
        <v>2</v>
      </c>
      <c r="CP7" s="193">
        <v>0</v>
      </c>
      <c r="CQ7" s="191">
        <v>8</v>
      </c>
      <c r="CR7" s="191">
        <v>25</v>
      </c>
      <c r="CS7" s="191">
        <v>26</v>
      </c>
      <c r="CT7" s="191">
        <v>34</v>
      </c>
      <c r="CU7" s="191">
        <v>18</v>
      </c>
      <c r="CV7" s="196">
        <v>111</v>
      </c>
      <c r="CW7" s="195">
        <v>113</v>
      </c>
      <c r="CX7" s="190">
        <v>0</v>
      </c>
      <c r="CY7" s="191">
        <v>0</v>
      </c>
      <c r="CZ7" s="196">
        <v>0</v>
      </c>
      <c r="DA7" s="193">
        <v>0</v>
      </c>
      <c r="DB7" s="191">
        <v>0</v>
      </c>
      <c r="DC7" s="191">
        <v>0</v>
      </c>
      <c r="DD7" s="191">
        <v>0</v>
      </c>
      <c r="DE7" s="191">
        <v>0</v>
      </c>
      <c r="DF7" s="191">
        <v>0</v>
      </c>
      <c r="DG7" s="196">
        <v>0</v>
      </c>
      <c r="DH7" s="195">
        <v>0</v>
      </c>
      <c r="DI7" s="190">
        <v>0</v>
      </c>
      <c r="DJ7" s="191">
        <v>0</v>
      </c>
      <c r="DK7" s="196">
        <v>0</v>
      </c>
      <c r="DL7" s="193">
        <v>0</v>
      </c>
      <c r="DM7" s="191">
        <v>0</v>
      </c>
      <c r="DN7" s="191">
        <v>0</v>
      </c>
      <c r="DO7" s="191">
        <v>0</v>
      </c>
      <c r="DP7" s="191">
        <v>0</v>
      </c>
      <c r="DQ7" s="191">
        <v>0</v>
      </c>
      <c r="DR7" s="196">
        <v>0</v>
      </c>
      <c r="DS7" s="195">
        <v>0</v>
      </c>
      <c r="DT7" s="190">
        <v>238</v>
      </c>
      <c r="DU7" s="191">
        <v>705</v>
      </c>
      <c r="DV7" s="196">
        <v>943</v>
      </c>
      <c r="DW7" s="193">
        <v>0</v>
      </c>
      <c r="DX7" s="191">
        <v>557</v>
      </c>
      <c r="DY7" s="191">
        <v>1457</v>
      </c>
      <c r="DZ7" s="191">
        <v>749</v>
      </c>
      <c r="EA7" s="191">
        <v>544</v>
      </c>
      <c r="EB7" s="191">
        <v>332</v>
      </c>
      <c r="EC7" s="196">
        <v>3639</v>
      </c>
      <c r="ED7" s="195">
        <v>4582</v>
      </c>
      <c r="EE7" s="190">
        <v>112</v>
      </c>
      <c r="EF7" s="191">
        <v>101</v>
      </c>
      <c r="EG7" s="196">
        <v>213</v>
      </c>
      <c r="EH7" s="193">
        <v>0</v>
      </c>
      <c r="EI7" s="191">
        <v>305</v>
      </c>
      <c r="EJ7" s="191">
        <v>372</v>
      </c>
      <c r="EK7" s="191">
        <v>300</v>
      </c>
      <c r="EL7" s="191">
        <v>308</v>
      </c>
      <c r="EM7" s="191">
        <v>178</v>
      </c>
      <c r="EN7" s="196">
        <v>1463</v>
      </c>
      <c r="EO7" s="195">
        <v>1676</v>
      </c>
      <c r="EP7" s="190">
        <v>378</v>
      </c>
      <c r="EQ7" s="191">
        <v>957</v>
      </c>
      <c r="ER7" s="196">
        <v>1335</v>
      </c>
      <c r="ES7" s="193">
        <v>0</v>
      </c>
      <c r="ET7" s="191">
        <v>1457</v>
      </c>
      <c r="EU7" s="191">
        <v>2050</v>
      </c>
      <c r="EV7" s="191">
        <v>891</v>
      </c>
      <c r="EW7" s="191">
        <v>602</v>
      </c>
      <c r="EX7" s="191">
        <v>362</v>
      </c>
      <c r="EY7" s="196">
        <v>5362</v>
      </c>
      <c r="EZ7" s="195">
        <v>6697</v>
      </c>
    </row>
    <row r="8" spans="2:156" ht="21" customHeight="1" x14ac:dyDescent="0.2">
      <c r="B8" s="106" t="s">
        <v>6</v>
      </c>
      <c r="C8" s="190">
        <v>0</v>
      </c>
      <c r="D8" s="191">
        <v>0</v>
      </c>
      <c r="E8" s="192">
        <v>0</v>
      </c>
      <c r="F8" s="193">
        <v>0</v>
      </c>
      <c r="G8" s="191">
        <v>229</v>
      </c>
      <c r="H8" s="191">
        <v>205</v>
      </c>
      <c r="I8" s="191">
        <v>96</v>
      </c>
      <c r="J8" s="191">
        <v>100</v>
      </c>
      <c r="K8" s="191">
        <v>75</v>
      </c>
      <c r="L8" s="194">
        <v>705</v>
      </c>
      <c r="M8" s="195">
        <v>705</v>
      </c>
      <c r="N8" s="190">
        <v>0</v>
      </c>
      <c r="O8" s="191">
        <v>0</v>
      </c>
      <c r="P8" s="196">
        <v>0</v>
      </c>
      <c r="Q8" s="193">
        <v>0</v>
      </c>
      <c r="R8" s="191">
        <v>2</v>
      </c>
      <c r="S8" s="191">
        <v>2</v>
      </c>
      <c r="T8" s="191">
        <v>10</v>
      </c>
      <c r="U8" s="191">
        <v>20</v>
      </c>
      <c r="V8" s="191">
        <v>29</v>
      </c>
      <c r="W8" s="196">
        <v>63</v>
      </c>
      <c r="X8" s="195">
        <v>63</v>
      </c>
      <c r="Y8" s="190">
        <v>52</v>
      </c>
      <c r="Z8" s="191">
        <v>90</v>
      </c>
      <c r="AA8" s="196">
        <v>142</v>
      </c>
      <c r="AB8" s="193">
        <v>0</v>
      </c>
      <c r="AC8" s="191">
        <v>207</v>
      </c>
      <c r="AD8" s="191">
        <v>228</v>
      </c>
      <c r="AE8" s="191">
        <v>140</v>
      </c>
      <c r="AF8" s="191">
        <v>123</v>
      </c>
      <c r="AG8" s="191">
        <v>72</v>
      </c>
      <c r="AH8" s="196">
        <v>770</v>
      </c>
      <c r="AI8" s="195">
        <v>912</v>
      </c>
      <c r="AJ8" s="190">
        <v>1</v>
      </c>
      <c r="AK8" s="191">
        <v>8</v>
      </c>
      <c r="AL8" s="196">
        <v>9</v>
      </c>
      <c r="AM8" s="193">
        <v>0</v>
      </c>
      <c r="AN8" s="191">
        <v>18</v>
      </c>
      <c r="AO8" s="191">
        <v>19</v>
      </c>
      <c r="AP8" s="191">
        <v>12</v>
      </c>
      <c r="AQ8" s="191">
        <v>15</v>
      </c>
      <c r="AR8" s="191">
        <v>7</v>
      </c>
      <c r="AS8" s="196">
        <v>71</v>
      </c>
      <c r="AT8" s="195">
        <v>80</v>
      </c>
      <c r="AU8" s="190">
        <v>64</v>
      </c>
      <c r="AV8" s="191">
        <v>68</v>
      </c>
      <c r="AW8" s="196">
        <v>132</v>
      </c>
      <c r="AX8" s="193">
        <v>0</v>
      </c>
      <c r="AY8" s="191">
        <v>319</v>
      </c>
      <c r="AZ8" s="191">
        <v>337</v>
      </c>
      <c r="BA8" s="191">
        <v>244</v>
      </c>
      <c r="BB8" s="191">
        <v>294</v>
      </c>
      <c r="BC8" s="191">
        <v>201</v>
      </c>
      <c r="BD8" s="194">
        <v>1395</v>
      </c>
      <c r="BE8" s="195">
        <v>1527</v>
      </c>
      <c r="BF8" s="190">
        <v>0</v>
      </c>
      <c r="BG8" s="191">
        <v>0</v>
      </c>
      <c r="BH8" s="196">
        <v>0</v>
      </c>
      <c r="BI8" s="193">
        <v>0</v>
      </c>
      <c r="BJ8" s="191">
        <v>274</v>
      </c>
      <c r="BK8" s="191">
        <v>201</v>
      </c>
      <c r="BL8" s="191">
        <v>93</v>
      </c>
      <c r="BM8" s="191">
        <v>66</v>
      </c>
      <c r="BN8" s="191">
        <v>17</v>
      </c>
      <c r="BO8" s="196">
        <v>651</v>
      </c>
      <c r="BP8" s="195">
        <v>651</v>
      </c>
      <c r="BQ8" s="190">
        <v>15</v>
      </c>
      <c r="BR8" s="191">
        <v>17</v>
      </c>
      <c r="BS8" s="196">
        <v>32</v>
      </c>
      <c r="BT8" s="193">
        <v>0</v>
      </c>
      <c r="BU8" s="191">
        <v>57</v>
      </c>
      <c r="BV8" s="191">
        <v>65</v>
      </c>
      <c r="BW8" s="191">
        <v>39</v>
      </c>
      <c r="BX8" s="191">
        <v>25</v>
      </c>
      <c r="BY8" s="191">
        <v>4</v>
      </c>
      <c r="BZ8" s="196">
        <v>190</v>
      </c>
      <c r="CA8" s="195">
        <v>222</v>
      </c>
      <c r="CB8" s="190">
        <v>0</v>
      </c>
      <c r="CC8" s="191">
        <v>2</v>
      </c>
      <c r="CD8" s="196">
        <v>2</v>
      </c>
      <c r="CE8" s="193">
        <v>0</v>
      </c>
      <c r="CF8" s="191">
        <v>20</v>
      </c>
      <c r="CG8" s="191">
        <v>35</v>
      </c>
      <c r="CH8" s="191">
        <v>29</v>
      </c>
      <c r="CI8" s="191">
        <v>34</v>
      </c>
      <c r="CJ8" s="191">
        <v>16</v>
      </c>
      <c r="CK8" s="196">
        <v>134</v>
      </c>
      <c r="CL8" s="195">
        <v>136</v>
      </c>
      <c r="CM8" s="190">
        <v>0</v>
      </c>
      <c r="CN8" s="191">
        <v>0</v>
      </c>
      <c r="CO8" s="196">
        <v>0</v>
      </c>
      <c r="CP8" s="193">
        <v>0</v>
      </c>
      <c r="CQ8" s="191">
        <v>1</v>
      </c>
      <c r="CR8" s="191">
        <v>8</v>
      </c>
      <c r="CS8" s="191">
        <v>9</v>
      </c>
      <c r="CT8" s="191">
        <v>5</v>
      </c>
      <c r="CU8" s="191">
        <v>4</v>
      </c>
      <c r="CV8" s="196">
        <v>27</v>
      </c>
      <c r="CW8" s="195">
        <v>27</v>
      </c>
      <c r="CX8" s="190">
        <v>0</v>
      </c>
      <c r="CY8" s="191">
        <v>0</v>
      </c>
      <c r="CZ8" s="196">
        <v>0</v>
      </c>
      <c r="DA8" s="193">
        <v>0</v>
      </c>
      <c r="DB8" s="191">
        <v>0</v>
      </c>
      <c r="DC8" s="191">
        <v>0</v>
      </c>
      <c r="DD8" s="191">
        <v>0</v>
      </c>
      <c r="DE8" s="191">
        <v>0</v>
      </c>
      <c r="DF8" s="191">
        <v>0</v>
      </c>
      <c r="DG8" s="196">
        <v>0</v>
      </c>
      <c r="DH8" s="195">
        <v>0</v>
      </c>
      <c r="DI8" s="190">
        <v>0</v>
      </c>
      <c r="DJ8" s="191">
        <v>0</v>
      </c>
      <c r="DK8" s="196">
        <v>0</v>
      </c>
      <c r="DL8" s="193">
        <v>0</v>
      </c>
      <c r="DM8" s="191">
        <v>0</v>
      </c>
      <c r="DN8" s="191">
        <v>0</v>
      </c>
      <c r="DO8" s="191">
        <v>0</v>
      </c>
      <c r="DP8" s="191">
        <v>0</v>
      </c>
      <c r="DQ8" s="191">
        <v>0</v>
      </c>
      <c r="DR8" s="196">
        <v>0</v>
      </c>
      <c r="DS8" s="195">
        <v>0</v>
      </c>
      <c r="DT8" s="190">
        <v>128</v>
      </c>
      <c r="DU8" s="191">
        <v>193</v>
      </c>
      <c r="DV8" s="196">
        <v>321</v>
      </c>
      <c r="DW8" s="193">
        <v>0</v>
      </c>
      <c r="DX8" s="191">
        <v>356</v>
      </c>
      <c r="DY8" s="191">
        <v>468</v>
      </c>
      <c r="DZ8" s="191">
        <v>269</v>
      </c>
      <c r="EA8" s="191">
        <v>233</v>
      </c>
      <c r="EB8" s="191">
        <v>132</v>
      </c>
      <c r="EC8" s="196">
        <v>1458</v>
      </c>
      <c r="ED8" s="195">
        <v>1779</v>
      </c>
      <c r="EE8" s="190">
        <v>39</v>
      </c>
      <c r="EF8" s="191">
        <v>23</v>
      </c>
      <c r="EG8" s="196">
        <v>62</v>
      </c>
      <c r="EH8" s="193">
        <v>0</v>
      </c>
      <c r="EI8" s="191">
        <v>148</v>
      </c>
      <c r="EJ8" s="191">
        <v>129</v>
      </c>
      <c r="EK8" s="191">
        <v>102</v>
      </c>
      <c r="EL8" s="191">
        <v>115</v>
      </c>
      <c r="EM8" s="191">
        <v>68</v>
      </c>
      <c r="EN8" s="196">
        <v>562</v>
      </c>
      <c r="EO8" s="195">
        <v>624</v>
      </c>
      <c r="EP8" s="190">
        <v>178</v>
      </c>
      <c r="EQ8" s="191">
        <v>257</v>
      </c>
      <c r="ER8" s="196">
        <v>435</v>
      </c>
      <c r="ES8" s="193">
        <v>0</v>
      </c>
      <c r="ET8" s="191">
        <v>749</v>
      </c>
      <c r="EU8" s="191">
        <v>638</v>
      </c>
      <c r="EV8" s="191">
        <v>307</v>
      </c>
      <c r="EW8" s="191">
        <v>253</v>
      </c>
      <c r="EX8" s="191">
        <v>130</v>
      </c>
      <c r="EY8" s="196">
        <v>2077</v>
      </c>
      <c r="EZ8" s="195">
        <v>2512</v>
      </c>
    </row>
    <row r="9" spans="2:156" ht="21" customHeight="1" x14ac:dyDescent="0.2">
      <c r="B9" s="106" t="s">
        <v>14</v>
      </c>
      <c r="C9" s="190">
        <v>0</v>
      </c>
      <c r="D9" s="191">
        <v>0</v>
      </c>
      <c r="E9" s="192">
        <v>0</v>
      </c>
      <c r="F9" s="193">
        <v>0</v>
      </c>
      <c r="G9" s="191">
        <v>45</v>
      </c>
      <c r="H9" s="191">
        <v>85</v>
      </c>
      <c r="I9" s="191">
        <v>48</v>
      </c>
      <c r="J9" s="191">
        <v>30</v>
      </c>
      <c r="K9" s="191">
        <v>34</v>
      </c>
      <c r="L9" s="194">
        <v>242</v>
      </c>
      <c r="M9" s="195">
        <v>242</v>
      </c>
      <c r="N9" s="190">
        <v>0</v>
      </c>
      <c r="O9" s="191">
        <v>0</v>
      </c>
      <c r="P9" s="196">
        <v>0</v>
      </c>
      <c r="Q9" s="193">
        <v>0</v>
      </c>
      <c r="R9" s="191">
        <v>0</v>
      </c>
      <c r="S9" s="191">
        <v>1</v>
      </c>
      <c r="T9" s="191">
        <v>4</v>
      </c>
      <c r="U9" s="191">
        <v>11</v>
      </c>
      <c r="V9" s="191">
        <v>11</v>
      </c>
      <c r="W9" s="196">
        <v>27</v>
      </c>
      <c r="X9" s="195">
        <v>27</v>
      </c>
      <c r="Y9" s="190">
        <v>8</v>
      </c>
      <c r="Z9" s="191">
        <v>21</v>
      </c>
      <c r="AA9" s="196">
        <v>29</v>
      </c>
      <c r="AB9" s="193">
        <v>0</v>
      </c>
      <c r="AC9" s="191">
        <v>38</v>
      </c>
      <c r="AD9" s="191">
        <v>68</v>
      </c>
      <c r="AE9" s="191">
        <v>51</v>
      </c>
      <c r="AF9" s="191">
        <v>39</v>
      </c>
      <c r="AG9" s="191">
        <v>26</v>
      </c>
      <c r="AH9" s="196">
        <v>222</v>
      </c>
      <c r="AI9" s="195">
        <v>251</v>
      </c>
      <c r="AJ9" s="190">
        <v>0</v>
      </c>
      <c r="AK9" s="191">
        <v>3</v>
      </c>
      <c r="AL9" s="196">
        <v>3</v>
      </c>
      <c r="AM9" s="193">
        <v>0</v>
      </c>
      <c r="AN9" s="191">
        <v>0</v>
      </c>
      <c r="AO9" s="191">
        <v>5</v>
      </c>
      <c r="AP9" s="191">
        <v>2</v>
      </c>
      <c r="AQ9" s="191">
        <v>2</v>
      </c>
      <c r="AR9" s="191">
        <v>3</v>
      </c>
      <c r="AS9" s="196">
        <v>12</v>
      </c>
      <c r="AT9" s="195">
        <v>15</v>
      </c>
      <c r="AU9" s="190">
        <v>11</v>
      </c>
      <c r="AV9" s="191">
        <v>28</v>
      </c>
      <c r="AW9" s="196">
        <v>39</v>
      </c>
      <c r="AX9" s="193">
        <v>0</v>
      </c>
      <c r="AY9" s="191">
        <v>76</v>
      </c>
      <c r="AZ9" s="191">
        <v>121</v>
      </c>
      <c r="BA9" s="191">
        <v>105</v>
      </c>
      <c r="BB9" s="191">
        <v>98</v>
      </c>
      <c r="BC9" s="191">
        <v>68</v>
      </c>
      <c r="BD9" s="194">
        <v>468</v>
      </c>
      <c r="BE9" s="195">
        <v>507</v>
      </c>
      <c r="BF9" s="190">
        <v>0</v>
      </c>
      <c r="BG9" s="191">
        <v>0</v>
      </c>
      <c r="BH9" s="196">
        <v>0</v>
      </c>
      <c r="BI9" s="193">
        <v>0</v>
      </c>
      <c r="BJ9" s="191">
        <v>85</v>
      </c>
      <c r="BK9" s="191">
        <v>111</v>
      </c>
      <c r="BL9" s="191">
        <v>59</v>
      </c>
      <c r="BM9" s="191">
        <v>27</v>
      </c>
      <c r="BN9" s="191">
        <v>17</v>
      </c>
      <c r="BO9" s="196">
        <v>299</v>
      </c>
      <c r="BP9" s="195">
        <v>299</v>
      </c>
      <c r="BQ9" s="190">
        <v>1</v>
      </c>
      <c r="BR9" s="191">
        <v>10</v>
      </c>
      <c r="BS9" s="196">
        <v>11</v>
      </c>
      <c r="BT9" s="193">
        <v>0</v>
      </c>
      <c r="BU9" s="191">
        <v>7</v>
      </c>
      <c r="BV9" s="191">
        <v>17</v>
      </c>
      <c r="BW9" s="191">
        <v>13</v>
      </c>
      <c r="BX9" s="191">
        <v>11</v>
      </c>
      <c r="BY9" s="191">
        <v>5</v>
      </c>
      <c r="BZ9" s="196">
        <v>53</v>
      </c>
      <c r="CA9" s="195">
        <v>64</v>
      </c>
      <c r="CB9" s="190">
        <v>0</v>
      </c>
      <c r="CC9" s="191">
        <v>0</v>
      </c>
      <c r="CD9" s="196">
        <v>0</v>
      </c>
      <c r="CE9" s="193">
        <v>0</v>
      </c>
      <c r="CF9" s="191">
        <v>7</v>
      </c>
      <c r="CG9" s="191">
        <v>18</v>
      </c>
      <c r="CH9" s="191">
        <v>17</v>
      </c>
      <c r="CI9" s="191">
        <v>16</v>
      </c>
      <c r="CJ9" s="191">
        <v>9</v>
      </c>
      <c r="CK9" s="196">
        <v>67</v>
      </c>
      <c r="CL9" s="195">
        <v>67</v>
      </c>
      <c r="CM9" s="190">
        <v>0</v>
      </c>
      <c r="CN9" s="191">
        <v>0</v>
      </c>
      <c r="CO9" s="196">
        <v>0</v>
      </c>
      <c r="CP9" s="193">
        <v>0</v>
      </c>
      <c r="CQ9" s="191">
        <v>1</v>
      </c>
      <c r="CR9" s="191">
        <v>0</v>
      </c>
      <c r="CS9" s="191">
        <v>0</v>
      </c>
      <c r="CT9" s="191">
        <v>0</v>
      </c>
      <c r="CU9" s="191">
        <v>0</v>
      </c>
      <c r="CV9" s="196">
        <v>1</v>
      </c>
      <c r="CW9" s="195">
        <v>1</v>
      </c>
      <c r="CX9" s="190">
        <v>0</v>
      </c>
      <c r="CY9" s="191">
        <v>0</v>
      </c>
      <c r="CZ9" s="196">
        <v>0</v>
      </c>
      <c r="DA9" s="193">
        <v>0</v>
      </c>
      <c r="DB9" s="191">
        <v>0</v>
      </c>
      <c r="DC9" s="191">
        <v>0</v>
      </c>
      <c r="DD9" s="191">
        <v>0</v>
      </c>
      <c r="DE9" s="191">
        <v>0</v>
      </c>
      <c r="DF9" s="191">
        <v>0</v>
      </c>
      <c r="DG9" s="196">
        <v>0</v>
      </c>
      <c r="DH9" s="195">
        <v>0</v>
      </c>
      <c r="DI9" s="190">
        <v>0</v>
      </c>
      <c r="DJ9" s="191">
        <v>0</v>
      </c>
      <c r="DK9" s="196">
        <v>0</v>
      </c>
      <c r="DL9" s="193">
        <v>0</v>
      </c>
      <c r="DM9" s="191">
        <v>0</v>
      </c>
      <c r="DN9" s="191">
        <v>0</v>
      </c>
      <c r="DO9" s="191">
        <v>0</v>
      </c>
      <c r="DP9" s="191">
        <v>0</v>
      </c>
      <c r="DQ9" s="191">
        <v>0</v>
      </c>
      <c r="DR9" s="196">
        <v>0</v>
      </c>
      <c r="DS9" s="195">
        <v>0</v>
      </c>
      <c r="DT9" s="190">
        <v>37</v>
      </c>
      <c r="DU9" s="191">
        <v>88</v>
      </c>
      <c r="DV9" s="196">
        <v>125</v>
      </c>
      <c r="DW9" s="193">
        <v>0</v>
      </c>
      <c r="DX9" s="191">
        <v>89</v>
      </c>
      <c r="DY9" s="191">
        <v>213</v>
      </c>
      <c r="DZ9" s="191">
        <v>129</v>
      </c>
      <c r="EA9" s="191">
        <v>83</v>
      </c>
      <c r="EB9" s="191">
        <v>55</v>
      </c>
      <c r="EC9" s="196">
        <v>569</v>
      </c>
      <c r="ED9" s="195">
        <v>694</v>
      </c>
      <c r="EE9" s="190">
        <v>13</v>
      </c>
      <c r="EF9" s="191">
        <v>9</v>
      </c>
      <c r="EG9" s="196">
        <v>22</v>
      </c>
      <c r="EH9" s="193">
        <v>0</v>
      </c>
      <c r="EI9" s="191">
        <v>33</v>
      </c>
      <c r="EJ9" s="191">
        <v>42</v>
      </c>
      <c r="EK9" s="191">
        <v>30</v>
      </c>
      <c r="EL9" s="191">
        <v>35</v>
      </c>
      <c r="EM9" s="191">
        <v>17</v>
      </c>
      <c r="EN9" s="196">
        <v>157</v>
      </c>
      <c r="EO9" s="195">
        <v>179</v>
      </c>
      <c r="EP9" s="190">
        <v>40</v>
      </c>
      <c r="EQ9" s="191">
        <v>105</v>
      </c>
      <c r="ER9" s="196">
        <v>145</v>
      </c>
      <c r="ES9" s="193">
        <v>0</v>
      </c>
      <c r="ET9" s="191">
        <v>189</v>
      </c>
      <c r="EU9" s="191">
        <v>293</v>
      </c>
      <c r="EV9" s="191">
        <v>148</v>
      </c>
      <c r="EW9" s="191">
        <v>93</v>
      </c>
      <c r="EX9" s="191">
        <v>57</v>
      </c>
      <c r="EY9" s="196">
        <v>780</v>
      </c>
      <c r="EZ9" s="195">
        <v>925</v>
      </c>
    </row>
    <row r="10" spans="2:156" ht="21" customHeight="1" x14ac:dyDescent="0.2">
      <c r="B10" s="106" t="s">
        <v>7</v>
      </c>
      <c r="C10" s="190">
        <v>0</v>
      </c>
      <c r="D10" s="191">
        <v>0</v>
      </c>
      <c r="E10" s="192">
        <v>0</v>
      </c>
      <c r="F10" s="193">
        <v>0</v>
      </c>
      <c r="G10" s="191">
        <v>60</v>
      </c>
      <c r="H10" s="191">
        <v>38</v>
      </c>
      <c r="I10" s="191">
        <v>24</v>
      </c>
      <c r="J10" s="191">
        <v>23</v>
      </c>
      <c r="K10" s="191">
        <v>9</v>
      </c>
      <c r="L10" s="194">
        <v>154</v>
      </c>
      <c r="M10" s="195">
        <v>154</v>
      </c>
      <c r="N10" s="190">
        <v>0</v>
      </c>
      <c r="O10" s="191">
        <v>0</v>
      </c>
      <c r="P10" s="196">
        <v>0</v>
      </c>
      <c r="Q10" s="193">
        <v>0</v>
      </c>
      <c r="R10" s="191">
        <v>0</v>
      </c>
      <c r="S10" s="191">
        <v>3</v>
      </c>
      <c r="T10" s="191">
        <v>2</v>
      </c>
      <c r="U10" s="191">
        <v>8</v>
      </c>
      <c r="V10" s="191">
        <v>5</v>
      </c>
      <c r="W10" s="196">
        <v>18</v>
      </c>
      <c r="X10" s="195">
        <v>18</v>
      </c>
      <c r="Y10" s="190">
        <v>1</v>
      </c>
      <c r="Z10" s="191">
        <v>3</v>
      </c>
      <c r="AA10" s="196">
        <v>4</v>
      </c>
      <c r="AB10" s="193">
        <v>0</v>
      </c>
      <c r="AC10" s="191">
        <v>35</v>
      </c>
      <c r="AD10" s="191">
        <v>26</v>
      </c>
      <c r="AE10" s="191">
        <v>21</v>
      </c>
      <c r="AF10" s="191">
        <v>20</v>
      </c>
      <c r="AG10" s="191">
        <v>11</v>
      </c>
      <c r="AH10" s="196">
        <v>113</v>
      </c>
      <c r="AI10" s="195">
        <v>117</v>
      </c>
      <c r="AJ10" s="190">
        <v>1</v>
      </c>
      <c r="AK10" s="191">
        <v>1</v>
      </c>
      <c r="AL10" s="196">
        <v>2</v>
      </c>
      <c r="AM10" s="193">
        <v>0</v>
      </c>
      <c r="AN10" s="191">
        <v>4</v>
      </c>
      <c r="AO10" s="191">
        <v>4</v>
      </c>
      <c r="AP10" s="191">
        <v>2</v>
      </c>
      <c r="AQ10" s="191">
        <v>4</v>
      </c>
      <c r="AR10" s="191">
        <v>0</v>
      </c>
      <c r="AS10" s="196">
        <v>14</v>
      </c>
      <c r="AT10" s="195">
        <v>16</v>
      </c>
      <c r="AU10" s="190">
        <v>21</v>
      </c>
      <c r="AV10" s="191">
        <v>13</v>
      </c>
      <c r="AW10" s="196">
        <v>34</v>
      </c>
      <c r="AX10" s="193">
        <v>0</v>
      </c>
      <c r="AY10" s="191">
        <v>79</v>
      </c>
      <c r="AZ10" s="191">
        <v>50</v>
      </c>
      <c r="BA10" s="191">
        <v>45</v>
      </c>
      <c r="BB10" s="191">
        <v>54</v>
      </c>
      <c r="BC10" s="191">
        <v>27</v>
      </c>
      <c r="BD10" s="194">
        <v>255</v>
      </c>
      <c r="BE10" s="195">
        <v>289</v>
      </c>
      <c r="BF10" s="190">
        <v>0</v>
      </c>
      <c r="BG10" s="191">
        <v>0</v>
      </c>
      <c r="BH10" s="196">
        <v>0</v>
      </c>
      <c r="BI10" s="193">
        <v>0</v>
      </c>
      <c r="BJ10" s="191">
        <v>81</v>
      </c>
      <c r="BK10" s="191">
        <v>39</v>
      </c>
      <c r="BL10" s="191">
        <v>20</v>
      </c>
      <c r="BM10" s="191">
        <v>12</v>
      </c>
      <c r="BN10" s="191">
        <v>5</v>
      </c>
      <c r="BO10" s="196">
        <v>157</v>
      </c>
      <c r="BP10" s="195">
        <v>157</v>
      </c>
      <c r="BQ10" s="190">
        <v>1</v>
      </c>
      <c r="BR10" s="191">
        <v>3</v>
      </c>
      <c r="BS10" s="196">
        <v>4</v>
      </c>
      <c r="BT10" s="193">
        <v>0</v>
      </c>
      <c r="BU10" s="191">
        <v>14</v>
      </c>
      <c r="BV10" s="191">
        <v>12</v>
      </c>
      <c r="BW10" s="191">
        <v>5</v>
      </c>
      <c r="BX10" s="191">
        <v>5</v>
      </c>
      <c r="BY10" s="191">
        <v>1</v>
      </c>
      <c r="BZ10" s="196">
        <v>37</v>
      </c>
      <c r="CA10" s="195">
        <v>41</v>
      </c>
      <c r="CB10" s="190">
        <v>0</v>
      </c>
      <c r="CC10" s="191">
        <v>0</v>
      </c>
      <c r="CD10" s="196">
        <v>0</v>
      </c>
      <c r="CE10" s="193">
        <v>0</v>
      </c>
      <c r="CF10" s="191">
        <v>14</v>
      </c>
      <c r="CG10" s="191">
        <v>9</v>
      </c>
      <c r="CH10" s="191">
        <v>7</v>
      </c>
      <c r="CI10" s="191">
        <v>9</v>
      </c>
      <c r="CJ10" s="191">
        <v>4</v>
      </c>
      <c r="CK10" s="196">
        <v>43</v>
      </c>
      <c r="CL10" s="195">
        <v>43</v>
      </c>
      <c r="CM10" s="190">
        <v>0</v>
      </c>
      <c r="CN10" s="191">
        <v>0</v>
      </c>
      <c r="CO10" s="196">
        <v>0</v>
      </c>
      <c r="CP10" s="193">
        <v>0</v>
      </c>
      <c r="CQ10" s="191">
        <v>0</v>
      </c>
      <c r="CR10" s="191">
        <v>0</v>
      </c>
      <c r="CS10" s="191">
        <v>1</v>
      </c>
      <c r="CT10" s="191">
        <v>0</v>
      </c>
      <c r="CU10" s="191">
        <v>0</v>
      </c>
      <c r="CV10" s="196">
        <v>1</v>
      </c>
      <c r="CW10" s="195">
        <v>1</v>
      </c>
      <c r="CX10" s="190">
        <v>0</v>
      </c>
      <c r="CY10" s="191">
        <v>0</v>
      </c>
      <c r="CZ10" s="196">
        <v>0</v>
      </c>
      <c r="DA10" s="193">
        <v>0</v>
      </c>
      <c r="DB10" s="191">
        <v>0</v>
      </c>
      <c r="DC10" s="191">
        <v>0</v>
      </c>
      <c r="DD10" s="191">
        <v>0</v>
      </c>
      <c r="DE10" s="191">
        <v>0</v>
      </c>
      <c r="DF10" s="191">
        <v>0</v>
      </c>
      <c r="DG10" s="196">
        <v>0</v>
      </c>
      <c r="DH10" s="195">
        <v>0</v>
      </c>
      <c r="DI10" s="190">
        <v>0</v>
      </c>
      <c r="DJ10" s="191">
        <v>0</v>
      </c>
      <c r="DK10" s="196">
        <v>0</v>
      </c>
      <c r="DL10" s="193">
        <v>0</v>
      </c>
      <c r="DM10" s="191">
        <v>0</v>
      </c>
      <c r="DN10" s="191">
        <v>0</v>
      </c>
      <c r="DO10" s="191">
        <v>0</v>
      </c>
      <c r="DP10" s="191">
        <v>0</v>
      </c>
      <c r="DQ10" s="191">
        <v>0</v>
      </c>
      <c r="DR10" s="196">
        <v>0</v>
      </c>
      <c r="DS10" s="195">
        <v>0</v>
      </c>
      <c r="DT10" s="190">
        <v>28</v>
      </c>
      <c r="DU10" s="191">
        <v>24</v>
      </c>
      <c r="DV10" s="196">
        <v>52</v>
      </c>
      <c r="DW10" s="193">
        <v>0</v>
      </c>
      <c r="DX10" s="191">
        <v>96</v>
      </c>
      <c r="DY10" s="191">
        <v>88</v>
      </c>
      <c r="DZ10" s="191">
        <v>55</v>
      </c>
      <c r="EA10" s="191">
        <v>48</v>
      </c>
      <c r="EB10" s="191">
        <v>19</v>
      </c>
      <c r="EC10" s="196">
        <v>306</v>
      </c>
      <c r="ED10" s="195">
        <v>358</v>
      </c>
      <c r="EE10" s="190">
        <v>16</v>
      </c>
      <c r="EF10" s="191">
        <v>6</v>
      </c>
      <c r="EG10" s="196">
        <v>22</v>
      </c>
      <c r="EH10" s="193">
        <v>0</v>
      </c>
      <c r="EI10" s="191">
        <v>36</v>
      </c>
      <c r="EJ10" s="191">
        <v>20</v>
      </c>
      <c r="EK10" s="191">
        <v>18</v>
      </c>
      <c r="EL10" s="191">
        <v>24</v>
      </c>
      <c r="EM10" s="191">
        <v>11</v>
      </c>
      <c r="EN10" s="196">
        <v>109</v>
      </c>
      <c r="EO10" s="195">
        <v>131</v>
      </c>
      <c r="EP10" s="190">
        <v>30</v>
      </c>
      <c r="EQ10" s="191">
        <v>28</v>
      </c>
      <c r="ER10" s="196">
        <v>58</v>
      </c>
      <c r="ES10" s="193">
        <v>0</v>
      </c>
      <c r="ET10" s="191">
        <v>212</v>
      </c>
      <c r="EU10" s="191">
        <v>120</v>
      </c>
      <c r="EV10" s="191">
        <v>65</v>
      </c>
      <c r="EW10" s="191">
        <v>53</v>
      </c>
      <c r="EX10" s="191">
        <v>21</v>
      </c>
      <c r="EY10" s="196">
        <v>471</v>
      </c>
      <c r="EZ10" s="195">
        <v>529</v>
      </c>
    </row>
    <row r="11" spans="2:156" ht="21" customHeight="1" x14ac:dyDescent="0.2">
      <c r="B11" s="106" t="s">
        <v>8</v>
      </c>
      <c r="C11" s="190">
        <v>0</v>
      </c>
      <c r="D11" s="191">
        <v>0</v>
      </c>
      <c r="E11" s="192">
        <v>0</v>
      </c>
      <c r="F11" s="193">
        <v>0</v>
      </c>
      <c r="G11" s="191">
        <v>15</v>
      </c>
      <c r="H11" s="191">
        <v>24</v>
      </c>
      <c r="I11" s="191">
        <v>18</v>
      </c>
      <c r="J11" s="191">
        <v>13</v>
      </c>
      <c r="K11" s="191">
        <v>8</v>
      </c>
      <c r="L11" s="194">
        <v>78</v>
      </c>
      <c r="M11" s="195">
        <v>78</v>
      </c>
      <c r="N11" s="190">
        <v>0</v>
      </c>
      <c r="O11" s="191">
        <v>0</v>
      </c>
      <c r="P11" s="196">
        <v>0</v>
      </c>
      <c r="Q11" s="193">
        <v>0</v>
      </c>
      <c r="R11" s="191">
        <v>0</v>
      </c>
      <c r="S11" s="191">
        <v>2</v>
      </c>
      <c r="T11" s="191">
        <v>2</v>
      </c>
      <c r="U11" s="191">
        <v>2</v>
      </c>
      <c r="V11" s="191">
        <v>2</v>
      </c>
      <c r="W11" s="196">
        <v>8</v>
      </c>
      <c r="X11" s="195">
        <v>8</v>
      </c>
      <c r="Y11" s="190">
        <v>5</v>
      </c>
      <c r="Z11" s="191">
        <v>6</v>
      </c>
      <c r="AA11" s="196">
        <v>11</v>
      </c>
      <c r="AB11" s="193">
        <v>0</v>
      </c>
      <c r="AC11" s="191">
        <v>18</v>
      </c>
      <c r="AD11" s="191">
        <v>29</v>
      </c>
      <c r="AE11" s="191">
        <v>17</v>
      </c>
      <c r="AF11" s="191">
        <v>17</v>
      </c>
      <c r="AG11" s="191">
        <v>11</v>
      </c>
      <c r="AH11" s="196">
        <v>92</v>
      </c>
      <c r="AI11" s="195">
        <v>103</v>
      </c>
      <c r="AJ11" s="190">
        <v>1</v>
      </c>
      <c r="AK11" s="191">
        <v>0</v>
      </c>
      <c r="AL11" s="196">
        <v>1</v>
      </c>
      <c r="AM11" s="193">
        <v>0</v>
      </c>
      <c r="AN11" s="191">
        <v>3</v>
      </c>
      <c r="AO11" s="191">
        <v>3</v>
      </c>
      <c r="AP11" s="191">
        <v>4</v>
      </c>
      <c r="AQ11" s="191">
        <v>3</v>
      </c>
      <c r="AR11" s="191">
        <v>0</v>
      </c>
      <c r="AS11" s="196">
        <v>13</v>
      </c>
      <c r="AT11" s="195">
        <v>14</v>
      </c>
      <c r="AU11" s="190">
        <v>3</v>
      </c>
      <c r="AV11" s="191">
        <v>3</v>
      </c>
      <c r="AW11" s="196">
        <v>6</v>
      </c>
      <c r="AX11" s="193">
        <v>0</v>
      </c>
      <c r="AY11" s="191">
        <v>30</v>
      </c>
      <c r="AZ11" s="191">
        <v>30</v>
      </c>
      <c r="BA11" s="191">
        <v>32</v>
      </c>
      <c r="BB11" s="191">
        <v>31</v>
      </c>
      <c r="BC11" s="191">
        <v>19</v>
      </c>
      <c r="BD11" s="194">
        <v>142</v>
      </c>
      <c r="BE11" s="195">
        <v>148</v>
      </c>
      <c r="BF11" s="190">
        <v>0</v>
      </c>
      <c r="BG11" s="191">
        <v>0</v>
      </c>
      <c r="BH11" s="196">
        <v>0</v>
      </c>
      <c r="BI11" s="193">
        <v>0</v>
      </c>
      <c r="BJ11" s="191">
        <v>26</v>
      </c>
      <c r="BK11" s="191">
        <v>25</v>
      </c>
      <c r="BL11" s="191">
        <v>20</v>
      </c>
      <c r="BM11" s="191">
        <v>5</v>
      </c>
      <c r="BN11" s="191">
        <v>5</v>
      </c>
      <c r="BO11" s="196">
        <v>81</v>
      </c>
      <c r="BP11" s="195">
        <v>81</v>
      </c>
      <c r="BQ11" s="190">
        <v>3</v>
      </c>
      <c r="BR11" s="191">
        <v>4</v>
      </c>
      <c r="BS11" s="196">
        <v>7</v>
      </c>
      <c r="BT11" s="193">
        <v>0</v>
      </c>
      <c r="BU11" s="191">
        <v>13</v>
      </c>
      <c r="BV11" s="191">
        <v>9</v>
      </c>
      <c r="BW11" s="191">
        <v>14</v>
      </c>
      <c r="BX11" s="191">
        <v>4</v>
      </c>
      <c r="BY11" s="191">
        <v>1</v>
      </c>
      <c r="BZ11" s="196">
        <v>41</v>
      </c>
      <c r="CA11" s="195">
        <v>48</v>
      </c>
      <c r="CB11" s="190">
        <v>1</v>
      </c>
      <c r="CC11" s="191">
        <v>0</v>
      </c>
      <c r="CD11" s="196">
        <v>1</v>
      </c>
      <c r="CE11" s="193">
        <v>0</v>
      </c>
      <c r="CF11" s="191">
        <v>4</v>
      </c>
      <c r="CG11" s="191">
        <v>6</v>
      </c>
      <c r="CH11" s="191">
        <v>12</v>
      </c>
      <c r="CI11" s="191">
        <v>4</v>
      </c>
      <c r="CJ11" s="191">
        <v>3</v>
      </c>
      <c r="CK11" s="196">
        <v>29</v>
      </c>
      <c r="CL11" s="195">
        <v>30</v>
      </c>
      <c r="CM11" s="190">
        <v>0</v>
      </c>
      <c r="CN11" s="191">
        <v>0</v>
      </c>
      <c r="CO11" s="196">
        <v>0</v>
      </c>
      <c r="CP11" s="193">
        <v>0</v>
      </c>
      <c r="CQ11" s="191">
        <v>0</v>
      </c>
      <c r="CR11" s="191">
        <v>0</v>
      </c>
      <c r="CS11" s="191">
        <v>0</v>
      </c>
      <c r="CT11" s="191">
        <v>1</v>
      </c>
      <c r="CU11" s="191">
        <v>0</v>
      </c>
      <c r="CV11" s="196">
        <v>1</v>
      </c>
      <c r="CW11" s="195">
        <v>1</v>
      </c>
      <c r="CX11" s="190">
        <v>0</v>
      </c>
      <c r="CY11" s="191">
        <v>0</v>
      </c>
      <c r="CZ11" s="196">
        <v>0</v>
      </c>
      <c r="DA11" s="193">
        <v>0</v>
      </c>
      <c r="DB11" s="191">
        <v>0</v>
      </c>
      <c r="DC11" s="191">
        <v>0</v>
      </c>
      <c r="DD11" s="191">
        <v>0</v>
      </c>
      <c r="DE11" s="191">
        <v>0</v>
      </c>
      <c r="DF11" s="191">
        <v>0</v>
      </c>
      <c r="DG11" s="196">
        <v>0</v>
      </c>
      <c r="DH11" s="195">
        <v>0</v>
      </c>
      <c r="DI11" s="190">
        <v>0</v>
      </c>
      <c r="DJ11" s="191">
        <v>0</v>
      </c>
      <c r="DK11" s="196">
        <v>0</v>
      </c>
      <c r="DL11" s="193">
        <v>0</v>
      </c>
      <c r="DM11" s="191">
        <v>0</v>
      </c>
      <c r="DN11" s="191">
        <v>0</v>
      </c>
      <c r="DO11" s="191">
        <v>0</v>
      </c>
      <c r="DP11" s="191">
        <v>0</v>
      </c>
      <c r="DQ11" s="191">
        <v>0</v>
      </c>
      <c r="DR11" s="196">
        <v>0</v>
      </c>
      <c r="DS11" s="195">
        <v>0</v>
      </c>
      <c r="DT11" s="190">
        <v>16</v>
      </c>
      <c r="DU11" s="191">
        <v>22</v>
      </c>
      <c r="DV11" s="196">
        <v>38</v>
      </c>
      <c r="DW11" s="193">
        <v>0</v>
      </c>
      <c r="DX11" s="191">
        <v>48</v>
      </c>
      <c r="DY11" s="191">
        <v>76</v>
      </c>
      <c r="DZ11" s="191">
        <v>50</v>
      </c>
      <c r="EA11" s="191">
        <v>26</v>
      </c>
      <c r="EB11" s="191">
        <v>13</v>
      </c>
      <c r="EC11" s="196">
        <v>213</v>
      </c>
      <c r="ED11" s="195">
        <v>251</v>
      </c>
      <c r="EE11" s="190">
        <v>3</v>
      </c>
      <c r="EF11" s="191">
        <v>2</v>
      </c>
      <c r="EG11" s="196">
        <v>5</v>
      </c>
      <c r="EH11" s="193">
        <v>0</v>
      </c>
      <c r="EI11" s="191">
        <v>16</v>
      </c>
      <c r="EJ11" s="191">
        <v>12</v>
      </c>
      <c r="EK11" s="191">
        <v>6</v>
      </c>
      <c r="EL11" s="191">
        <v>10</v>
      </c>
      <c r="EM11" s="191">
        <v>6</v>
      </c>
      <c r="EN11" s="196">
        <v>50</v>
      </c>
      <c r="EO11" s="195">
        <v>55</v>
      </c>
      <c r="EP11" s="190">
        <v>26</v>
      </c>
      <c r="EQ11" s="191">
        <v>27</v>
      </c>
      <c r="ER11" s="196">
        <v>53</v>
      </c>
      <c r="ES11" s="193">
        <v>0</v>
      </c>
      <c r="ET11" s="191">
        <v>99</v>
      </c>
      <c r="EU11" s="191">
        <v>90</v>
      </c>
      <c r="EV11" s="191">
        <v>57</v>
      </c>
      <c r="EW11" s="191">
        <v>28</v>
      </c>
      <c r="EX11" s="191">
        <v>15</v>
      </c>
      <c r="EY11" s="196">
        <v>289</v>
      </c>
      <c r="EZ11" s="195">
        <v>342</v>
      </c>
    </row>
    <row r="12" spans="2:156" ht="21" customHeight="1" x14ac:dyDescent="0.2">
      <c r="B12" s="106" t="s">
        <v>9</v>
      </c>
      <c r="C12" s="190">
        <v>0</v>
      </c>
      <c r="D12" s="191">
        <v>0</v>
      </c>
      <c r="E12" s="192">
        <v>0</v>
      </c>
      <c r="F12" s="193">
        <v>0</v>
      </c>
      <c r="G12" s="191">
        <v>71</v>
      </c>
      <c r="H12" s="191">
        <v>62</v>
      </c>
      <c r="I12" s="191">
        <v>36</v>
      </c>
      <c r="J12" s="191">
        <v>28</v>
      </c>
      <c r="K12" s="191">
        <v>18</v>
      </c>
      <c r="L12" s="194">
        <v>215</v>
      </c>
      <c r="M12" s="195">
        <v>215</v>
      </c>
      <c r="N12" s="190">
        <v>0</v>
      </c>
      <c r="O12" s="191">
        <v>0</v>
      </c>
      <c r="P12" s="196">
        <v>0</v>
      </c>
      <c r="Q12" s="193">
        <v>0</v>
      </c>
      <c r="R12" s="191">
        <v>1</v>
      </c>
      <c r="S12" s="191">
        <v>0</v>
      </c>
      <c r="T12" s="191">
        <v>2</v>
      </c>
      <c r="U12" s="191">
        <v>9</v>
      </c>
      <c r="V12" s="191">
        <v>8</v>
      </c>
      <c r="W12" s="196">
        <v>20</v>
      </c>
      <c r="X12" s="195">
        <v>20</v>
      </c>
      <c r="Y12" s="190">
        <v>9</v>
      </c>
      <c r="Z12" s="191">
        <v>14</v>
      </c>
      <c r="AA12" s="196">
        <v>23</v>
      </c>
      <c r="AB12" s="193">
        <v>0</v>
      </c>
      <c r="AC12" s="191">
        <v>51</v>
      </c>
      <c r="AD12" s="191">
        <v>46</v>
      </c>
      <c r="AE12" s="191">
        <v>29</v>
      </c>
      <c r="AF12" s="191">
        <v>25</v>
      </c>
      <c r="AG12" s="191">
        <v>15</v>
      </c>
      <c r="AH12" s="196">
        <v>166</v>
      </c>
      <c r="AI12" s="195">
        <v>189</v>
      </c>
      <c r="AJ12" s="190">
        <v>0</v>
      </c>
      <c r="AK12" s="191">
        <v>0</v>
      </c>
      <c r="AL12" s="196">
        <v>0</v>
      </c>
      <c r="AM12" s="193">
        <v>0</v>
      </c>
      <c r="AN12" s="191">
        <v>5</v>
      </c>
      <c r="AO12" s="191">
        <v>8</v>
      </c>
      <c r="AP12" s="191">
        <v>3</v>
      </c>
      <c r="AQ12" s="191">
        <v>4</v>
      </c>
      <c r="AR12" s="191">
        <v>3</v>
      </c>
      <c r="AS12" s="196">
        <v>23</v>
      </c>
      <c r="AT12" s="195">
        <v>23</v>
      </c>
      <c r="AU12" s="190">
        <v>15</v>
      </c>
      <c r="AV12" s="191">
        <v>14</v>
      </c>
      <c r="AW12" s="196">
        <v>29</v>
      </c>
      <c r="AX12" s="193">
        <v>0</v>
      </c>
      <c r="AY12" s="191">
        <v>77</v>
      </c>
      <c r="AZ12" s="191">
        <v>72</v>
      </c>
      <c r="BA12" s="191">
        <v>67</v>
      </c>
      <c r="BB12" s="191">
        <v>75</v>
      </c>
      <c r="BC12" s="191">
        <v>36</v>
      </c>
      <c r="BD12" s="194">
        <v>327</v>
      </c>
      <c r="BE12" s="195">
        <v>356</v>
      </c>
      <c r="BF12" s="190">
        <v>0</v>
      </c>
      <c r="BG12" s="191">
        <v>0</v>
      </c>
      <c r="BH12" s="196">
        <v>0</v>
      </c>
      <c r="BI12" s="193">
        <v>0</v>
      </c>
      <c r="BJ12" s="191">
        <v>78</v>
      </c>
      <c r="BK12" s="191">
        <v>46</v>
      </c>
      <c r="BL12" s="191">
        <v>22</v>
      </c>
      <c r="BM12" s="191">
        <v>10</v>
      </c>
      <c r="BN12" s="191">
        <v>2</v>
      </c>
      <c r="BO12" s="196">
        <v>158</v>
      </c>
      <c r="BP12" s="195">
        <v>158</v>
      </c>
      <c r="BQ12" s="190">
        <v>9</v>
      </c>
      <c r="BR12" s="191">
        <v>13</v>
      </c>
      <c r="BS12" s="196">
        <v>22</v>
      </c>
      <c r="BT12" s="193">
        <v>0</v>
      </c>
      <c r="BU12" s="191">
        <v>23</v>
      </c>
      <c r="BV12" s="191">
        <v>9</v>
      </c>
      <c r="BW12" s="191">
        <v>10</v>
      </c>
      <c r="BX12" s="191">
        <v>8</v>
      </c>
      <c r="BY12" s="191">
        <v>2</v>
      </c>
      <c r="BZ12" s="196">
        <v>52</v>
      </c>
      <c r="CA12" s="195">
        <v>74</v>
      </c>
      <c r="CB12" s="190">
        <v>0</v>
      </c>
      <c r="CC12" s="191">
        <v>0</v>
      </c>
      <c r="CD12" s="196">
        <v>0</v>
      </c>
      <c r="CE12" s="193">
        <v>0</v>
      </c>
      <c r="CF12" s="191">
        <v>9</v>
      </c>
      <c r="CG12" s="191">
        <v>11</v>
      </c>
      <c r="CH12" s="191">
        <v>10</v>
      </c>
      <c r="CI12" s="191">
        <v>6</v>
      </c>
      <c r="CJ12" s="191">
        <v>6</v>
      </c>
      <c r="CK12" s="196">
        <v>42</v>
      </c>
      <c r="CL12" s="195">
        <v>42</v>
      </c>
      <c r="CM12" s="190">
        <v>0</v>
      </c>
      <c r="CN12" s="191">
        <v>0</v>
      </c>
      <c r="CO12" s="196">
        <v>0</v>
      </c>
      <c r="CP12" s="193">
        <v>0</v>
      </c>
      <c r="CQ12" s="191">
        <v>1</v>
      </c>
      <c r="CR12" s="191">
        <v>1</v>
      </c>
      <c r="CS12" s="191">
        <v>3</v>
      </c>
      <c r="CT12" s="191">
        <v>1</v>
      </c>
      <c r="CU12" s="191">
        <v>1</v>
      </c>
      <c r="CV12" s="196">
        <v>7</v>
      </c>
      <c r="CW12" s="195">
        <v>7</v>
      </c>
      <c r="CX12" s="190">
        <v>0</v>
      </c>
      <c r="CY12" s="191">
        <v>0</v>
      </c>
      <c r="CZ12" s="196">
        <v>0</v>
      </c>
      <c r="DA12" s="193">
        <v>0</v>
      </c>
      <c r="DB12" s="191">
        <v>0</v>
      </c>
      <c r="DC12" s="191">
        <v>0</v>
      </c>
      <c r="DD12" s="191">
        <v>0</v>
      </c>
      <c r="DE12" s="191">
        <v>0</v>
      </c>
      <c r="DF12" s="191">
        <v>0</v>
      </c>
      <c r="DG12" s="196">
        <v>0</v>
      </c>
      <c r="DH12" s="195">
        <v>0</v>
      </c>
      <c r="DI12" s="190">
        <v>0</v>
      </c>
      <c r="DJ12" s="191">
        <v>0</v>
      </c>
      <c r="DK12" s="196">
        <v>0</v>
      </c>
      <c r="DL12" s="193">
        <v>0</v>
      </c>
      <c r="DM12" s="191">
        <v>0</v>
      </c>
      <c r="DN12" s="191">
        <v>0</v>
      </c>
      <c r="DO12" s="191">
        <v>0</v>
      </c>
      <c r="DP12" s="191">
        <v>0</v>
      </c>
      <c r="DQ12" s="191">
        <v>0</v>
      </c>
      <c r="DR12" s="196">
        <v>0</v>
      </c>
      <c r="DS12" s="195">
        <v>0</v>
      </c>
      <c r="DT12" s="190">
        <v>31</v>
      </c>
      <c r="DU12" s="191">
        <v>46</v>
      </c>
      <c r="DV12" s="196">
        <v>77</v>
      </c>
      <c r="DW12" s="193">
        <v>0</v>
      </c>
      <c r="DX12" s="191">
        <v>110</v>
      </c>
      <c r="DY12" s="191">
        <v>123</v>
      </c>
      <c r="DZ12" s="191">
        <v>66</v>
      </c>
      <c r="EA12" s="191">
        <v>54</v>
      </c>
      <c r="EB12" s="191">
        <v>26</v>
      </c>
      <c r="EC12" s="196">
        <v>379</v>
      </c>
      <c r="ED12" s="195">
        <v>456</v>
      </c>
      <c r="EE12" s="190">
        <v>12</v>
      </c>
      <c r="EF12" s="191">
        <v>9</v>
      </c>
      <c r="EG12" s="196">
        <v>21</v>
      </c>
      <c r="EH12" s="193">
        <v>0</v>
      </c>
      <c r="EI12" s="191">
        <v>43</v>
      </c>
      <c r="EJ12" s="191">
        <v>28</v>
      </c>
      <c r="EK12" s="191">
        <v>33</v>
      </c>
      <c r="EL12" s="191">
        <v>27</v>
      </c>
      <c r="EM12" s="191">
        <v>17</v>
      </c>
      <c r="EN12" s="196">
        <v>148</v>
      </c>
      <c r="EO12" s="195">
        <v>169</v>
      </c>
      <c r="EP12" s="190">
        <v>47</v>
      </c>
      <c r="EQ12" s="191">
        <v>58</v>
      </c>
      <c r="ER12" s="196">
        <v>105</v>
      </c>
      <c r="ES12" s="193">
        <v>0</v>
      </c>
      <c r="ET12" s="191">
        <v>207</v>
      </c>
      <c r="EU12" s="191">
        <v>158</v>
      </c>
      <c r="EV12" s="191">
        <v>76</v>
      </c>
      <c r="EW12" s="191">
        <v>61</v>
      </c>
      <c r="EX12" s="191">
        <v>25</v>
      </c>
      <c r="EY12" s="196">
        <v>527</v>
      </c>
      <c r="EZ12" s="195">
        <v>632</v>
      </c>
    </row>
    <row r="13" spans="2:156" ht="21" customHeight="1" x14ac:dyDescent="0.2">
      <c r="B13" s="106" t="s">
        <v>10</v>
      </c>
      <c r="C13" s="190">
        <v>0</v>
      </c>
      <c r="D13" s="191">
        <v>0</v>
      </c>
      <c r="E13" s="192">
        <v>0</v>
      </c>
      <c r="F13" s="193">
        <v>0</v>
      </c>
      <c r="G13" s="191">
        <v>92</v>
      </c>
      <c r="H13" s="191">
        <v>58</v>
      </c>
      <c r="I13" s="191">
        <v>38</v>
      </c>
      <c r="J13" s="191">
        <v>38</v>
      </c>
      <c r="K13" s="191">
        <v>25</v>
      </c>
      <c r="L13" s="194">
        <v>251</v>
      </c>
      <c r="M13" s="195">
        <v>251</v>
      </c>
      <c r="N13" s="190">
        <v>0</v>
      </c>
      <c r="O13" s="191">
        <v>1</v>
      </c>
      <c r="P13" s="196">
        <v>1</v>
      </c>
      <c r="Q13" s="193">
        <v>0</v>
      </c>
      <c r="R13" s="191">
        <v>0</v>
      </c>
      <c r="S13" s="191">
        <v>2</v>
      </c>
      <c r="T13" s="191">
        <v>3</v>
      </c>
      <c r="U13" s="191">
        <v>5</v>
      </c>
      <c r="V13" s="191">
        <v>5</v>
      </c>
      <c r="W13" s="196">
        <v>15</v>
      </c>
      <c r="X13" s="195">
        <v>16</v>
      </c>
      <c r="Y13" s="190">
        <v>17</v>
      </c>
      <c r="Z13" s="191">
        <v>34</v>
      </c>
      <c r="AA13" s="196">
        <v>51</v>
      </c>
      <c r="AB13" s="193">
        <v>0</v>
      </c>
      <c r="AC13" s="191">
        <v>74</v>
      </c>
      <c r="AD13" s="191">
        <v>43</v>
      </c>
      <c r="AE13" s="191">
        <v>30</v>
      </c>
      <c r="AF13" s="191">
        <v>33</v>
      </c>
      <c r="AG13" s="191">
        <v>13</v>
      </c>
      <c r="AH13" s="196">
        <v>193</v>
      </c>
      <c r="AI13" s="195">
        <v>244</v>
      </c>
      <c r="AJ13" s="190">
        <v>0</v>
      </c>
      <c r="AK13" s="191">
        <v>6</v>
      </c>
      <c r="AL13" s="196">
        <v>6</v>
      </c>
      <c r="AM13" s="193">
        <v>0</v>
      </c>
      <c r="AN13" s="191">
        <v>17</v>
      </c>
      <c r="AO13" s="191">
        <v>10</v>
      </c>
      <c r="AP13" s="191">
        <v>1</v>
      </c>
      <c r="AQ13" s="191">
        <v>5</v>
      </c>
      <c r="AR13" s="191">
        <v>3</v>
      </c>
      <c r="AS13" s="196">
        <v>36</v>
      </c>
      <c r="AT13" s="195">
        <v>42</v>
      </c>
      <c r="AU13" s="190">
        <v>25</v>
      </c>
      <c r="AV13" s="191">
        <v>25</v>
      </c>
      <c r="AW13" s="196">
        <v>50</v>
      </c>
      <c r="AX13" s="193">
        <v>0</v>
      </c>
      <c r="AY13" s="191">
        <v>109</v>
      </c>
      <c r="AZ13" s="191">
        <v>84</v>
      </c>
      <c r="BA13" s="191">
        <v>84</v>
      </c>
      <c r="BB13" s="191">
        <v>71</v>
      </c>
      <c r="BC13" s="191">
        <v>68</v>
      </c>
      <c r="BD13" s="194">
        <v>416</v>
      </c>
      <c r="BE13" s="195">
        <v>466</v>
      </c>
      <c r="BF13" s="190">
        <v>0</v>
      </c>
      <c r="BG13" s="191">
        <v>0</v>
      </c>
      <c r="BH13" s="196">
        <v>0</v>
      </c>
      <c r="BI13" s="193">
        <v>0</v>
      </c>
      <c r="BJ13" s="191">
        <v>127</v>
      </c>
      <c r="BK13" s="191">
        <v>56</v>
      </c>
      <c r="BL13" s="191">
        <v>38</v>
      </c>
      <c r="BM13" s="191">
        <v>19</v>
      </c>
      <c r="BN13" s="191">
        <v>7</v>
      </c>
      <c r="BO13" s="196">
        <v>247</v>
      </c>
      <c r="BP13" s="195">
        <v>247</v>
      </c>
      <c r="BQ13" s="190">
        <v>5</v>
      </c>
      <c r="BR13" s="191">
        <v>3</v>
      </c>
      <c r="BS13" s="196">
        <v>8</v>
      </c>
      <c r="BT13" s="193">
        <v>0</v>
      </c>
      <c r="BU13" s="191">
        <v>22</v>
      </c>
      <c r="BV13" s="191">
        <v>15</v>
      </c>
      <c r="BW13" s="191">
        <v>14</v>
      </c>
      <c r="BX13" s="191">
        <v>4</v>
      </c>
      <c r="BY13" s="191">
        <v>2</v>
      </c>
      <c r="BZ13" s="196">
        <v>57</v>
      </c>
      <c r="CA13" s="195">
        <v>65</v>
      </c>
      <c r="CB13" s="190">
        <v>0</v>
      </c>
      <c r="CC13" s="191">
        <v>2</v>
      </c>
      <c r="CD13" s="196">
        <v>2</v>
      </c>
      <c r="CE13" s="193">
        <v>0</v>
      </c>
      <c r="CF13" s="191">
        <v>11</v>
      </c>
      <c r="CG13" s="191">
        <v>13</v>
      </c>
      <c r="CH13" s="191">
        <v>14</v>
      </c>
      <c r="CI13" s="191">
        <v>6</v>
      </c>
      <c r="CJ13" s="191">
        <v>2</v>
      </c>
      <c r="CK13" s="196">
        <v>46</v>
      </c>
      <c r="CL13" s="195">
        <v>48</v>
      </c>
      <c r="CM13" s="190">
        <v>0</v>
      </c>
      <c r="CN13" s="191">
        <v>0</v>
      </c>
      <c r="CO13" s="196">
        <v>0</v>
      </c>
      <c r="CP13" s="193">
        <v>0</v>
      </c>
      <c r="CQ13" s="191">
        <v>3</v>
      </c>
      <c r="CR13" s="191">
        <v>2</v>
      </c>
      <c r="CS13" s="191">
        <v>2</v>
      </c>
      <c r="CT13" s="191">
        <v>0</v>
      </c>
      <c r="CU13" s="191">
        <v>1</v>
      </c>
      <c r="CV13" s="196">
        <v>8</v>
      </c>
      <c r="CW13" s="195">
        <v>8</v>
      </c>
      <c r="CX13" s="190">
        <v>0</v>
      </c>
      <c r="CY13" s="191">
        <v>0</v>
      </c>
      <c r="CZ13" s="196">
        <v>0</v>
      </c>
      <c r="DA13" s="193">
        <v>0</v>
      </c>
      <c r="DB13" s="191">
        <v>0</v>
      </c>
      <c r="DC13" s="191">
        <v>0</v>
      </c>
      <c r="DD13" s="191">
        <v>0</v>
      </c>
      <c r="DE13" s="191">
        <v>0</v>
      </c>
      <c r="DF13" s="191">
        <v>0</v>
      </c>
      <c r="DG13" s="196">
        <v>0</v>
      </c>
      <c r="DH13" s="195">
        <v>0</v>
      </c>
      <c r="DI13" s="190">
        <v>0</v>
      </c>
      <c r="DJ13" s="191">
        <v>0</v>
      </c>
      <c r="DK13" s="196">
        <v>0</v>
      </c>
      <c r="DL13" s="193">
        <v>0</v>
      </c>
      <c r="DM13" s="191">
        <v>0</v>
      </c>
      <c r="DN13" s="191">
        <v>0</v>
      </c>
      <c r="DO13" s="191">
        <v>0</v>
      </c>
      <c r="DP13" s="191">
        <v>0</v>
      </c>
      <c r="DQ13" s="191">
        <v>0</v>
      </c>
      <c r="DR13" s="196">
        <v>0</v>
      </c>
      <c r="DS13" s="195">
        <v>0</v>
      </c>
      <c r="DT13" s="190">
        <v>63</v>
      </c>
      <c r="DU13" s="191">
        <v>98</v>
      </c>
      <c r="DV13" s="196">
        <v>161</v>
      </c>
      <c r="DW13" s="193">
        <v>0</v>
      </c>
      <c r="DX13" s="191">
        <v>136</v>
      </c>
      <c r="DY13" s="191">
        <v>114</v>
      </c>
      <c r="DZ13" s="191">
        <v>78</v>
      </c>
      <c r="EA13" s="191">
        <v>65</v>
      </c>
      <c r="EB13" s="191">
        <v>34</v>
      </c>
      <c r="EC13" s="196">
        <v>427</v>
      </c>
      <c r="ED13" s="195">
        <v>588</v>
      </c>
      <c r="EE13" s="190">
        <v>9</v>
      </c>
      <c r="EF13" s="191">
        <v>13</v>
      </c>
      <c r="EG13" s="196">
        <v>22</v>
      </c>
      <c r="EH13" s="193">
        <v>0</v>
      </c>
      <c r="EI13" s="191">
        <v>32</v>
      </c>
      <c r="EJ13" s="191">
        <v>27</v>
      </c>
      <c r="EK13" s="191">
        <v>23</v>
      </c>
      <c r="EL13" s="191">
        <v>21</v>
      </c>
      <c r="EM13" s="191">
        <v>22</v>
      </c>
      <c r="EN13" s="196">
        <v>125</v>
      </c>
      <c r="EO13" s="195">
        <v>147</v>
      </c>
      <c r="EP13" s="190">
        <v>76</v>
      </c>
      <c r="EQ13" s="191">
        <v>114</v>
      </c>
      <c r="ER13" s="196">
        <v>190</v>
      </c>
      <c r="ES13" s="193">
        <v>0</v>
      </c>
      <c r="ET13" s="191">
        <v>269</v>
      </c>
      <c r="EU13" s="191">
        <v>148</v>
      </c>
      <c r="EV13" s="191">
        <v>94</v>
      </c>
      <c r="EW13" s="191">
        <v>67</v>
      </c>
      <c r="EX13" s="191">
        <v>32</v>
      </c>
      <c r="EY13" s="196">
        <v>610</v>
      </c>
      <c r="EZ13" s="195">
        <v>800</v>
      </c>
    </row>
    <row r="14" spans="2:156" ht="21" customHeight="1" x14ac:dyDescent="0.2">
      <c r="B14" s="106" t="s">
        <v>11</v>
      </c>
      <c r="C14" s="190">
        <v>0</v>
      </c>
      <c r="D14" s="191">
        <v>0</v>
      </c>
      <c r="E14" s="192">
        <v>0</v>
      </c>
      <c r="F14" s="193">
        <v>0</v>
      </c>
      <c r="G14" s="191">
        <v>21</v>
      </c>
      <c r="H14" s="191">
        <v>10</v>
      </c>
      <c r="I14" s="191">
        <v>7</v>
      </c>
      <c r="J14" s="191">
        <v>8</v>
      </c>
      <c r="K14" s="191">
        <v>9</v>
      </c>
      <c r="L14" s="194">
        <v>55</v>
      </c>
      <c r="M14" s="195">
        <v>55</v>
      </c>
      <c r="N14" s="190">
        <v>0</v>
      </c>
      <c r="O14" s="191">
        <v>0</v>
      </c>
      <c r="P14" s="196">
        <v>0</v>
      </c>
      <c r="Q14" s="193">
        <v>0</v>
      </c>
      <c r="R14" s="191">
        <v>0</v>
      </c>
      <c r="S14" s="191">
        <v>1</v>
      </c>
      <c r="T14" s="191">
        <v>0</v>
      </c>
      <c r="U14" s="191">
        <v>5</v>
      </c>
      <c r="V14" s="191">
        <v>3</v>
      </c>
      <c r="W14" s="196">
        <v>9</v>
      </c>
      <c r="X14" s="195">
        <v>9</v>
      </c>
      <c r="Y14" s="190">
        <v>5</v>
      </c>
      <c r="Z14" s="191">
        <v>4</v>
      </c>
      <c r="AA14" s="196">
        <v>9</v>
      </c>
      <c r="AB14" s="193">
        <v>0</v>
      </c>
      <c r="AC14" s="191">
        <v>23</v>
      </c>
      <c r="AD14" s="191">
        <v>19</v>
      </c>
      <c r="AE14" s="191">
        <v>4</v>
      </c>
      <c r="AF14" s="191">
        <v>11</v>
      </c>
      <c r="AG14" s="191">
        <v>8</v>
      </c>
      <c r="AH14" s="196">
        <v>65</v>
      </c>
      <c r="AI14" s="195">
        <v>74</v>
      </c>
      <c r="AJ14" s="190">
        <v>0</v>
      </c>
      <c r="AK14" s="191">
        <v>0</v>
      </c>
      <c r="AL14" s="196">
        <v>0</v>
      </c>
      <c r="AM14" s="193">
        <v>0</v>
      </c>
      <c r="AN14" s="191">
        <v>1</v>
      </c>
      <c r="AO14" s="191">
        <v>3</v>
      </c>
      <c r="AP14" s="191">
        <v>2</v>
      </c>
      <c r="AQ14" s="191">
        <v>1</v>
      </c>
      <c r="AR14" s="191">
        <v>1</v>
      </c>
      <c r="AS14" s="196">
        <v>8</v>
      </c>
      <c r="AT14" s="195">
        <v>8</v>
      </c>
      <c r="AU14" s="190">
        <v>5</v>
      </c>
      <c r="AV14" s="191">
        <v>6</v>
      </c>
      <c r="AW14" s="196">
        <v>11</v>
      </c>
      <c r="AX14" s="193">
        <v>0</v>
      </c>
      <c r="AY14" s="191">
        <v>22</v>
      </c>
      <c r="AZ14" s="191">
        <v>31</v>
      </c>
      <c r="BA14" s="191">
        <v>23</v>
      </c>
      <c r="BB14" s="191">
        <v>22</v>
      </c>
      <c r="BC14" s="191">
        <v>18</v>
      </c>
      <c r="BD14" s="194">
        <v>116</v>
      </c>
      <c r="BE14" s="195">
        <v>127</v>
      </c>
      <c r="BF14" s="190">
        <v>0</v>
      </c>
      <c r="BG14" s="191">
        <v>0</v>
      </c>
      <c r="BH14" s="196">
        <v>0</v>
      </c>
      <c r="BI14" s="193">
        <v>0</v>
      </c>
      <c r="BJ14" s="191">
        <v>19</v>
      </c>
      <c r="BK14" s="191">
        <v>18</v>
      </c>
      <c r="BL14" s="191">
        <v>5</v>
      </c>
      <c r="BM14" s="191">
        <v>6</v>
      </c>
      <c r="BN14" s="191">
        <v>6</v>
      </c>
      <c r="BO14" s="196">
        <v>54</v>
      </c>
      <c r="BP14" s="195">
        <v>54</v>
      </c>
      <c r="BQ14" s="190">
        <v>6</v>
      </c>
      <c r="BR14" s="191">
        <v>4</v>
      </c>
      <c r="BS14" s="196">
        <v>10</v>
      </c>
      <c r="BT14" s="193">
        <v>0</v>
      </c>
      <c r="BU14" s="191">
        <v>12</v>
      </c>
      <c r="BV14" s="191">
        <v>8</v>
      </c>
      <c r="BW14" s="191">
        <v>3</v>
      </c>
      <c r="BX14" s="191">
        <v>5</v>
      </c>
      <c r="BY14" s="191">
        <v>1</v>
      </c>
      <c r="BZ14" s="196">
        <v>29</v>
      </c>
      <c r="CA14" s="195">
        <v>39</v>
      </c>
      <c r="CB14" s="190">
        <v>0</v>
      </c>
      <c r="CC14" s="191">
        <v>0</v>
      </c>
      <c r="CD14" s="196">
        <v>0</v>
      </c>
      <c r="CE14" s="193">
        <v>0</v>
      </c>
      <c r="CF14" s="191">
        <v>2</v>
      </c>
      <c r="CG14" s="191">
        <v>1</v>
      </c>
      <c r="CH14" s="191">
        <v>0</v>
      </c>
      <c r="CI14" s="191">
        <v>4</v>
      </c>
      <c r="CJ14" s="191">
        <v>3</v>
      </c>
      <c r="CK14" s="196">
        <v>10</v>
      </c>
      <c r="CL14" s="195">
        <v>10</v>
      </c>
      <c r="CM14" s="190">
        <v>0</v>
      </c>
      <c r="CN14" s="191">
        <v>0</v>
      </c>
      <c r="CO14" s="196">
        <v>0</v>
      </c>
      <c r="CP14" s="193">
        <v>0</v>
      </c>
      <c r="CQ14" s="191">
        <v>0</v>
      </c>
      <c r="CR14" s="191">
        <v>0</v>
      </c>
      <c r="CS14" s="191">
        <v>1</v>
      </c>
      <c r="CT14" s="191">
        <v>0</v>
      </c>
      <c r="CU14" s="191">
        <v>2</v>
      </c>
      <c r="CV14" s="196">
        <v>3</v>
      </c>
      <c r="CW14" s="195">
        <v>3</v>
      </c>
      <c r="CX14" s="190">
        <v>0</v>
      </c>
      <c r="CY14" s="191">
        <v>0</v>
      </c>
      <c r="CZ14" s="196">
        <v>0</v>
      </c>
      <c r="DA14" s="193">
        <v>0</v>
      </c>
      <c r="DB14" s="191">
        <v>0</v>
      </c>
      <c r="DC14" s="191">
        <v>0</v>
      </c>
      <c r="DD14" s="191">
        <v>0</v>
      </c>
      <c r="DE14" s="191">
        <v>0</v>
      </c>
      <c r="DF14" s="191">
        <v>0</v>
      </c>
      <c r="DG14" s="196">
        <v>0</v>
      </c>
      <c r="DH14" s="195">
        <v>0</v>
      </c>
      <c r="DI14" s="190">
        <v>0</v>
      </c>
      <c r="DJ14" s="191">
        <v>0</v>
      </c>
      <c r="DK14" s="196">
        <v>0</v>
      </c>
      <c r="DL14" s="193">
        <v>0</v>
      </c>
      <c r="DM14" s="191">
        <v>0</v>
      </c>
      <c r="DN14" s="191">
        <v>0</v>
      </c>
      <c r="DO14" s="191">
        <v>0</v>
      </c>
      <c r="DP14" s="191">
        <v>0</v>
      </c>
      <c r="DQ14" s="191">
        <v>0</v>
      </c>
      <c r="DR14" s="196">
        <v>0</v>
      </c>
      <c r="DS14" s="195">
        <v>0</v>
      </c>
      <c r="DT14" s="190">
        <v>22</v>
      </c>
      <c r="DU14" s="191">
        <v>23</v>
      </c>
      <c r="DV14" s="196">
        <v>45</v>
      </c>
      <c r="DW14" s="193">
        <v>0</v>
      </c>
      <c r="DX14" s="191">
        <v>44</v>
      </c>
      <c r="DY14" s="191">
        <v>49</v>
      </c>
      <c r="DZ14" s="191">
        <v>24</v>
      </c>
      <c r="EA14" s="191">
        <v>26</v>
      </c>
      <c r="EB14" s="191">
        <v>15</v>
      </c>
      <c r="EC14" s="196">
        <v>158</v>
      </c>
      <c r="ED14" s="195">
        <v>203</v>
      </c>
      <c r="EE14" s="190">
        <v>5</v>
      </c>
      <c r="EF14" s="191">
        <v>4</v>
      </c>
      <c r="EG14" s="196">
        <v>9</v>
      </c>
      <c r="EH14" s="193">
        <v>0</v>
      </c>
      <c r="EI14" s="191">
        <v>19</v>
      </c>
      <c r="EJ14" s="191">
        <v>13</v>
      </c>
      <c r="EK14" s="191">
        <v>9</v>
      </c>
      <c r="EL14" s="191">
        <v>15</v>
      </c>
      <c r="EM14" s="191">
        <v>11</v>
      </c>
      <c r="EN14" s="196">
        <v>67</v>
      </c>
      <c r="EO14" s="195">
        <v>76</v>
      </c>
      <c r="EP14" s="190">
        <v>30</v>
      </c>
      <c r="EQ14" s="191">
        <v>27</v>
      </c>
      <c r="ER14" s="196">
        <v>57</v>
      </c>
      <c r="ES14" s="193">
        <v>0</v>
      </c>
      <c r="ET14" s="191">
        <v>92</v>
      </c>
      <c r="EU14" s="191">
        <v>68</v>
      </c>
      <c r="EV14" s="191">
        <v>25</v>
      </c>
      <c r="EW14" s="191">
        <v>27</v>
      </c>
      <c r="EX14" s="191">
        <v>15</v>
      </c>
      <c r="EY14" s="196">
        <v>227</v>
      </c>
      <c r="EZ14" s="195">
        <v>284</v>
      </c>
    </row>
    <row r="15" spans="2:156" ht="21" customHeight="1" x14ac:dyDescent="0.2">
      <c r="B15" s="106" t="s">
        <v>12</v>
      </c>
      <c r="C15" s="190">
        <v>0</v>
      </c>
      <c r="D15" s="191">
        <v>0</v>
      </c>
      <c r="E15" s="192">
        <v>0</v>
      </c>
      <c r="F15" s="193">
        <v>0</v>
      </c>
      <c r="G15" s="191">
        <v>42</v>
      </c>
      <c r="H15" s="191">
        <v>25</v>
      </c>
      <c r="I15" s="191">
        <v>24</v>
      </c>
      <c r="J15" s="191">
        <v>13</v>
      </c>
      <c r="K15" s="191">
        <v>11</v>
      </c>
      <c r="L15" s="194">
        <v>115</v>
      </c>
      <c r="M15" s="195">
        <v>115</v>
      </c>
      <c r="N15" s="190">
        <v>0</v>
      </c>
      <c r="O15" s="191">
        <v>0</v>
      </c>
      <c r="P15" s="196">
        <v>0</v>
      </c>
      <c r="Q15" s="193">
        <v>0</v>
      </c>
      <c r="R15" s="191">
        <v>0</v>
      </c>
      <c r="S15" s="191">
        <v>3</v>
      </c>
      <c r="T15" s="191">
        <v>0</v>
      </c>
      <c r="U15" s="191">
        <v>3</v>
      </c>
      <c r="V15" s="191">
        <v>4</v>
      </c>
      <c r="W15" s="196">
        <v>10</v>
      </c>
      <c r="X15" s="195">
        <v>10</v>
      </c>
      <c r="Y15" s="190">
        <v>14</v>
      </c>
      <c r="Z15" s="191">
        <v>21</v>
      </c>
      <c r="AA15" s="196">
        <v>35</v>
      </c>
      <c r="AB15" s="193">
        <v>0</v>
      </c>
      <c r="AC15" s="191">
        <v>23</v>
      </c>
      <c r="AD15" s="191">
        <v>39</v>
      </c>
      <c r="AE15" s="191">
        <v>13</v>
      </c>
      <c r="AF15" s="191">
        <v>19</v>
      </c>
      <c r="AG15" s="191">
        <v>14</v>
      </c>
      <c r="AH15" s="196">
        <v>108</v>
      </c>
      <c r="AI15" s="195">
        <v>143</v>
      </c>
      <c r="AJ15" s="190">
        <v>2</v>
      </c>
      <c r="AK15" s="191">
        <v>2</v>
      </c>
      <c r="AL15" s="196">
        <v>4</v>
      </c>
      <c r="AM15" s="193">
        <v>0</v>
      </c>
      <c r="AN15" s="191">
        <v>3</v>
      </c>
      <c r="AO15" s="191">
        <v>1</v>
      </c>
      <c r="AP15" s="191">
        <v>1</v>
      </c>
      <c r="AQ15" s="191">
        <v>5</v>
      </c>
      <c r="AR15" s="191">
        <v>1</v>
      </c>
      <c r="AS15" s="196">
        <v>11</v>
      </c>
      <c r="AT15" s="195">
        <v>15</v>
      </c>
      <c r="AU15" s="190">
        <v>8</v>
      </c>
      <c r="AV15" s="191">
        <v>10</v>
      </c>
      <c r="AW15" s="196">
        <v>18</v>
      </c>
      <c r="AX15" s="193">
        <v>0</v>
      </c>
      <c r="AY15" s="191">
        <v>25</v>
      </c>
      <c r="AZ15" s="191">
        <v>34</v>
      </c>
      <c r="BA15" s="191">
        <v>30</v>
      </c>
      <c r="BB15" s="191">
        <v>35</v>
      </c>
      <c r="BC15" s="191">
        <v>20</v>
      </c>
      <c r="BD15" s="194">
        <v>144</v>
      </c>
      <c r="BE15" s="195">
        <v>162</v>
      </c>
      <c r="BF15" s="190">
        <v>0</v>
      </c>
      <c r="BG15" s="191">
        <v>0</v>
      </c>
      <c r="BH15" s="196">
        <v>0</v>
      </c>
      <c r="BI15" s="193">
        <v>0</v>
      </c>
      <c r="BJ15" s="191">
        <v>48</v>
      </c>
      <c r="BK15" s="191">
        <v>34</v>
      </c>
      <c r="BL15" s="191">
        <v>18</v>
      </c>
      <c r="BM15" s="191">
        <v>8</v>
      </c>
      <c r="BN15" s="191">
        <v>6</v>
      </c>
      <c r="BO15" s="196">
        <v>114</v>
      </c>
      <c r="BP15" s="195">
        <v>114</v>
      </c>
      <c r="BQ15" s="190">
        <v>7</v>
      </c>
      <c r="BR15" s="191">
        <v>11</v>
      </c>
      <c r="BS15" s="196">
        <v>18</v>
      </c>
      <c r="BT15" s="193">
        <v>0</v>
      </c>
      <c r="BU15" s="191">
        <v>16</v>
      </c>
      <c r="BV15" s="191">
        <v>11</v>
      </c>
      <c r="BW15" s="191">
        <v>6</v>
      </c>
      <c r="BX15" s="191">
        <v>1</v>
      </c>
      <c r="BY15" s="191">
        <v>1</v>
      </c>
      <c r="BZ15" s="196">
        <v>35</v>
      </c>
      <c r="CA15" s="195">
        <v>53</v>
      </c>
      <c r="CB15" s="190">
        <v>0</v>
      </c>
      <c r="CC15" s="191">
        <v>0</v>
      </c>
      <c r="CD15" s="196">
        <v>0</v>
      </c>
      <c r="CE15" s="193">
        <v>0</v>
      </c>
      <c r="CF15" s="191">
        <v>7</v>
      </c>
      <c r="CG15" s="191">
        <v>5</v>
      </c>
      <c r="CH15" s="191">
        <v>7</v>
      </c>
      <c r="CI15" s="191">
        <v>6</v>
      </c>
      <c r="CJ15" s="191">
        <v>2</v>
      </c>
      <c r="CK15" s="196">
        <v>27</v>
      </c>
      <c r="CL15" s="195">
        <v>27</v>
      </c>
      <c r="CM15" s="190">
        <v>0</v>
      </c>
      <c r="CN15" s="191">
        <v>0</v>
      </c>
      <c r="CO15" s="196">
        <v>0</v>
      </c>
      <c r="CP15" s="193">
        <v>0</v>
      </c>
      <c r="CQ15" s="191">
        <v>0</v>
      </c>
      <c r="CR15" s="191">
        <v>0</v>
      </c>
      <c r="CS15" s="191">
        <v>0</v>
      </c>
      <c r="CT15" s="191">
        <v>0</v>
      </c>
      <c r="CU15" s="191">
        <v>1</v>
      </c>
      <c r="CV15" s="196">
        <v>1</v>
      </c>
      <c r="CW15" s="195">
        <v>1</v>
      </c>
      <c r="CX15" s="190">
        <v>0</v>
      </c>
      <c r="CY15" s="191">
        <v>0</v>
      </c>
      <c r="CZ15" s="196">
        <v>0</v>
      </c>
      <c r="DA15" s="193">
        <v>0</v>
      </c>
      <c r="DB15" s="191">
        <v>0</v>
      </c>
      <c r="DC15" s="191">
        <v>0</v>
      </c>
      <c r="DD15" s="191">
        <v>0</v>
      </c>
      <c r="DE15" s="191">
        <v>0</v>
      </c>
      <c r="DF15" s="191">
        <v>0</v>
      </c>
      <c r="DG15" s="196">
        <v>0</v>
      </c>
      <c r="DH15" s="195">
        <v>0</v>
      </c>
      <c r="DI15" s="190">
        <v>0</v>
      </c>
      <c r="DJ15" s="191">
        <v>0</v>
      </c>
      <c r="DK15" s="196">
        <v>0</v>
      </c>
      <c r="DL15" s="193">
        <v>0</v>
      </c>
      <c r="DM15" s="191">
        <v>0</v>
      </c>
      <c r="DN15" s="191">
        <v>0</v>
      </c>
      <c r="DO15" s="191">
        <v>0</v>
      </c>
      <c r="DP15" s="191">
        <v>0</v>
      </c>
      <c r="DQ15" s="191">
        <v>0</v>
      </c>
      <c r="DR15" s="196">
        <v>0</v>
      </c>
      <c r="DS15" s="195">
        <v>0</v>
      </c>
      <c r="DT15" s="190">
        <v>26</v>
      </c>
      <c r="DU15" s="191">
        <v>68</v>
      </c>
      <c r="DV15" s="196">
        <v>94</v>
      </c>
      <c r="DW15" s="193">
        <v>0</v>
      </c>
      <c r="DX15" s="191">
        <v>45</v>
      </c>
      <c r="DY15" s="191">
        <v>73</v>
      </c>
      <c r="DZ15" s="191">
        <v>44</v>
      </c>
      <c r="EA15" s="191">
        <v>46</v>
      </c>
      <c r="EB15" s="191">
        <v>22</v>
      </c>
      <c r="EC15" s="196">
        <v>230</v>
      </c>
      <c r="ED15" s="195">
        <v>324</v>
      </c>
      <c r="EE15" s="190">
        <v>7</v>
      </c>
      <c r="EF15" s="191">
        <v>6</v>
      </c>
      <c r="EG15" s="196">
        <v>13</v>
      </c>
      <c r="EH15" s="193">
        <v>0</v>
      </c>
      <c r="EI15" s="191">
        <v>9</v>
      </c>
      <c r="EJ15" s="191">
        <v>18</v>
      </c>
      <c r="EK15" s="191">
        <v>14</v>
      </c>
      <c r="EL15" s="191">
        <v>12</v>
      </c>
      <c r="EM15" s="191">
        <v>13</v>
      </c>
      <c r="EN15" s="196">
        <v>66</v>
      </c>
      <c r="EO15" s="195">
        <v>79</v>
      </c>
      <c r="EP15" s="190">
        <v>43</v>
      </c>
      <c r="EQ15" s="191">
        <v>78</v>
      </c>
      <c r="ER15" s="196">
        <v>121</v>
      </c>
      <c r="ES15" s="193">
        <v>0</v>
      </c>
      <c r="ET15" s="191">
        <v>113</v>
      </c>
      <c r="EU15" s="191">
        <v>92</v>
      </c>
      <c r="EV15" s="191">
        <v>51</v>
      </c>
      <c r="EW15" s="191">
        <v>46</v>
      </c>
      <c r="EX15" s="191">
        <v>22</v>
      </c>
      <c r="EY15" s="196">
        <v>324</v>
      </c>
      <c r="EZ15" s="195">
        <v>445</v>
      </c>
    </row>
    <row r="16" spans="2:156" ht="21" customHeight="1" x14ac:dyDescent="0.2">
      <c r="B16" s="106" t="s">
        <v>13</v>
      </c>
      <c r="C16" s="190">
        <v>0</v>
      </c>
      <c r="D16" s="191">
        <v>0</v>
      </c>
      <c r="E16" s="192">
        <v>0</v>
      </c>
      <c r="F16" s="193">
        <v>0</v>
      </c>
      <c r="G16" s="191">
        <v>23</v>
      </c>
      <c r="H16" s="191">
        <v>26</v>
      </c>
      <c r="I16" s="191">
        <v>13</v>
      </c>
      <c r="J16" s="191">
        <v>10</v>
      </c>
      <c r="K16" s="191">
        <v>16</v>
      </c>
      <c r="L16" s="194">
        <v>88</v>
      </c>
      <c r="M16" s="195">
        <v>88</v>
      </c>
      <c r="N16" s="190">
        <v>0</v>
      </c>
      <c r="O16" s="191">
        <v>0</v>
      </c>
      <c r="P16" s="196">
        <v>0</v>
      </c>
      <c r="Q16" s="193">
        <v>0</v>
      </c>
      <c r="R16" s="191">
        <v>0</v>
      </c>
      <c r="S16" s="191">
        <v>1</v>
      </c>
      <c r="T16" s="191">
        <v>0</v>
      </c>
      <c r="U16" s="191">
        <v>2</v>
      </c>
      <c r="V16" s="191">
        <v>6</v>
      </c>
      <c r="W16" s="196">
        <v>9</v>
      </c>
      <c r="X16" s="195">
        <v>9</v>
      </c>
      <c r="Y16" s="190">
        <v>2</v>
      </c>
      <c r="Z16" s="191">
        <v>6</v>
      </c>
      <c r="AA16" s="196">
        <v>8</v>
      </c>
      <c r="AB16" s="193">
        <v>0</v>
      </c>
      <c r="AC16" s="191">
        <v>14</v>
      </c>
      <c r="AD16" s="191">
        <v>28</v>
      </c>
      <c r="AE16" s="191">
        <v>11</v>
      </c>
      <c r="AF16" s="191">
        <v>7</v>
      </c>
      <c r="AG16" s="191">
        <v>8</v>
      </c>
      <c r="AH16" s="196">
        <v>68</v>
      </c>
      <c r="AI16" s="195">
        <v>76</v>
      </c>
      <c r="AJ16" s="190">
        <v>0</v>
      </c>
      <c r="AK16" s="191">
        <v>0</v>
      </c>
      <c r="AL16" s="196">
        <v>0</v>
      </c>
      <c r="AM16" s="193">
        <v>0</v>
      </c>
      <c r="AN16" s="191">
        <v>1</v>
      </c>
      <c r="AO16" s="191">
        <v>2</v>
      </c>
      <c r="AP16" s="191">
        <v>0</v>
      </c>
      <c r="AQ16" s="191">
        <v>0</v>
      </c>
      <c r="AR16" s="191">
        <v>4</v>
      </c>
      <c r="AS16" s="196">
        <v>7</v>
      </c>
      <c r="AT16" s="195">
        <v>7</v>
      </c>
      <c r="AU16" s="190">
        <v>5</v>
      </c>
      <c r="AV16" s="191">
        <v>4</v>
      </c>
      <c r="AW16" s="196">
        <v>9</v>
      </c>
      <c r="AX16" s="193">
        <v>0</v>
      </c>
      <c r="AY16" s="191">
        <v>17</v>
      </c>
      <c r="AZ16" s="191">
        <v>34</v>
      </c>
      <c r="BA16" s="191">
        <v>19</v>
      </c>
      <c r="BB16" s="191">
        <v>12</v>
      </c>
      <c r="BC16" s="191">
        <v>21</v>
      </c>
      <c r="BD16" s="194">
        <v>103</v>
      </c>
      <c r="BE16" s="195">
        <v>112</v>
      </c>
      <c r="BF16" s="190">
        <v>0</v>
      </c>
      <c r="BG16" s="191">
        <v>0</v>
      </c>
      <c r="BH16" s="196">
        <v>0</v>
      </c>
      <c r="BI16" s="193">
        <v>0</v>
      </c>
      <c r="BJ16" s="191">
        <v>19</v>
      </c>
      <c r="BK16" s="191">
        <v>14</v>
      </c>
      <c r="BL16" s="191">
        <v>10</v>
      </c>
      <c r="BM16" s="191">
        <v>4</v>
      </c>
      <c r="BN16" s="191">
        <v>3</v>
      </c>
      <c r="BO16" s="196">
        <v>50</v>
      </c>
      <c r="BP16" s="195">
        <v>50</v>
      </c>
      <c r="BQ16" s="190">
        <v>1</v>
      </c>
      <c r="BR16" s="191">
        <v>0</v>
      </c>
      <c r="BS16" s="196">
        <v>1</v>
      </c>
      <c r="BT16" s="193">
        <v>0</v>
      </c>
      <c r="BU16" s="191">
        <v>2</v>
      </c>
      <c r="BV16" s="191">
        <v>3</v>
      </c>
      <c r="BW16" s="191">
        <v>2</v>
      </c>
      <c r="BX16" s="191">
        <v>3</v>
      </c>
      <c r="BY16" s="191">
        <v>1</v>
      </c>
      <c r="BZ16" s="196">
        <v>11</v>
      </c>
      <c r="CA16" s="195">
        <v>12</v>
      </c>
      <c r="CB16" s="190">
        <v>0</v>
      </c>
      <c r="CC16" s="191">
        <v>0</v>
      </c>
      <c r="CD16" s="196">
        <v>0</v>
      </c>
      <c r="CE16" s="193">
        <v>0</v>
      </c>
      <c r="CF16" s="191">
        <v>1</v>
      </c>
      <c r="CG16" s="191">
        <v>4</v>
      </c>
      <c r="CH16" s="191">
        <v>3</v>
      </c>
      <c r="CI16" s="191">
        <v>0</v>
      </c>
      <c r="CJ16" s="191">
        <v>0</v>
      </c>
      <c r="CK16" s="196">
        <v>8</v>
      </c>
      <c r="CL16" s="195">
        <v>8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1</v>
      </c>
      <c r="CS16" s="191">
        <v>0</v>
      </c>
      <c r="CT16" s="191">
        <v>1</v>
      </c>
      <c r="CU16" s="191">
        <v>0</v>
      </c>
      <c r="CV16" s="196">
        <v>2</v>
      </c>
      <c r="CW16" s="195">
        <v>2</v>
      </c>
      <c r="CX16" s="190">
        <v>0</v>
      </c>
      <c r="CY16" s="191">
        <v>0</v>
      </c>
      <c r="CZ16" s="196">
        <v>0</v>
      </c>
      <c r="DA16" s="193">
        <v>0</v>
      </c>
      <c r="DB16" s="191">
        <v>0</v>
      </c>
      <c r="DC16" s="191">
        <v>0</v>
      </c>
      <c r="DD16" s="191">
        <v>0</v>
      </c>
      <c r="DE16" s="191">
        <v>0</v>
      </c>
      <c r="DF16" s="191">
        <v>0</v>
      </c>
      <c r="DG16" s="196">
        <v>0</v>
      </c>
      <c r="DH16" s="195">
        <v>0</v>
      </c>
      <c r="DI16" s="190">
        <v>0</v>
      </c>
      <c r="DJ16" s="191">
        <v>0</v>
      </c>
      <c r="DK16" s="196">
        <v>0</v>
      </c>
      <c r="DL16" s="193">
        <v>0</v>
      </c>
      <c r="DM16" s="191">
        <v>0</v>
      </c>
      <c r="DN16" s="191">
        <v>0</v>
      </c>
      <c r="DO16" s="191">
        <v>0</v>
      </c>
      <c r="DP16" s="191">
        <v>0</v>
      </c>
      <c r="DQ16" s="191">
        <v>0</v>
      </c>
      <c r="DR16" s="196">
        <v>0</v>
      </c>
      <c r="DS16" s="195">
        <v>0</v>
      </c>
      <c r="DT16" s="190">
        <v>4</v>
      </c>
      <c r="DU16" s="191">
        <v>14</v>
      </c>
      <c r="DV16" s="196">
        <v>18</v>
      </c>
      <c r="DW16" s="193">
        <v>0</v>
      </c>
      <c r="DX16" s="191">
        <v>22</v>
      </c>
      <c r="DY16" s="191">
        <v>49</v>
      </c>
      <c r="DZ16" s="191">
        <v>20</v>
      </c>
      <c r="EA16" s="191">
        <v>9</v>
      </c>
      <c r="EB16" s="191">
        <v>21</v>
      </c>
      <c r="EC16" s="196">
        <v>121</v>
      </c>
      <c r="ED16" s="195">
        <v>139</v>
      </c>
      <c r="EE16" s="190">
        <v>3</v>
      </c>
      <c r="EF16" s="191">
        <v>3</v>
      </c>
      <c r="EG16" s="196">
        <v>6</v>
      </c>
      <c r="EH16" s="193">
        <v>0</v>
      </c>
      <c r="EI16" s="191">
        <v>10</v>
      </c>
      <c r="EJ16" s="191">
        <v>8</v>
      </c>
      <c r="EK16" s="191">
        <v>6</v>
      </c>
      <c r="EL16" s="191">
        <v>6</v>
      </c>
      <c r="EM16" s="191">
        <v>2</v>
      </c>
      <c r="EN16" s="196">
        <v>32</v>
      </c>
      <c r="EO16" s="195">
        <v>38</v>
      </c>
      <c r="EP16" s="190">
        <v>6</v>
      </c>
      <c r="EQ16" s="191">
        <v>17</v>
      </c>
      <c r="ER16" s="196">
        <v>23</v>
      </c>
      <c r="ES16" s="193">
        <v>0</v>
      </c>
      <c r="ET16" s="191">
        <v>59</v>
      </c>
      <c r="EU16" s="191">
        <v>65</v>
      </c>
      <c r="EV16" s="191">
        <v>28</v>
      </c>
      <c r="EW16" s="191">
        <v>12</v>
      </c>
      <c r="EX16" s="191">
        <v>21</v>
      </c>
      <c r="EY16" s="196">
        <v>185</v>
      </c>
      <c r="EZ16" s="195">
        <v>208</v>
      </c>
    </row>
    <row r="17" spans="2:156" ht="21" customHeight="1" x14ac:dyDescent="0.2">
      <c r="B17" s="106" t="s">
        <v>15</v>
      </c>
      <c r="C17" s="190">
        <v>0</v>
      </c>
      <c r="D17" s="191">
        <v>0</v>
      </c>
      <c r="E17" s="192">
        <v>0</v>
      </c>
      <c r="F17" s="193">
        <v>0</v>
      </c>
      <c r="G17" s="191">
        <v>5</v>
      </c>
      <c r="H17" s="191">
        <v>4</v>
      </c>
      <c r="I17" s="191">
        <v>0</v>
      </c>
      <c r="J17" s="191">
        <v>0</v>
      </c>
      <c r="K17" s="191">
        <v>0</v>
      </c>
      <c r="L17" s="194">
        <v>9</v>
      </c>
      <c r="M17" s="195">
        <v>9</v>
      </c>
      <c r="N17" s="190">
        <v>0</v>
      </c>
      <c r="O17" s="191">
        <v>0</v>
      </c>
      <c r="P17" s="196">
        <v>0</v>
      </c>
      <c r="Q17" s="193">
        <v>0</v>
      </c>
      <c r="R17" s="191">
        <v>0</v>
      </c>
      <c r="S17" s="191">
        <v>0</v>
      </c>
      <c r="T17" s="191">
        <v>0</v>
      </c>
      <c r="U17" s="191">
        <v>0</v>
      </c>
      <c r="V17" s="191">
        <v>1</v>
      </c>
      <c r="W17" s="196">
        <v>1</v>
      </c>
      <c r="X17" s="195">
        <v>1</v>
      </c>
      <c r="Y17" s="190">
        <v>1</v>
      </c>
      <c r="Z17" s="191">
        <v>2</v>
      </c>
      <c r="AA17" s="196">
        <v>3</v>
      </c>
      <c r="AB17" s="193">
        <v>0</v>
      </c>
      <c r="AC17" s="191">
        <v>1</v>
      </c>
      <c r="AD17" s="191">
        <v>4</v>
      </c>
      <c r="AE17" s="191">
        <v>2</v>
      </c>
      <c r="AF17" s="191">
        <v>2</v>
      </c>
      <c r="AG17" s="191">
        <v>2</v>
      </c>
      <c r="AH17" s="196">
        <v>11</v>
      </c>
      <c r="AI17" s="195">
        <v>14</v>
      </c>
      <c r="AJ17" s="190">
        <v>0</v>
      </c>
      <c r="AK17" s="191">
        <v>0</v>
      </c>
      <c r="AL17" s="196">
        <v>0</v>
      </c>
      <c r="AM17" s="193">
        <v>0</v>
      </c>
      <c r="AN17" s="191">
        <v>0</v>
      </c>
      <c r="AO17" s="191">
        <v>1</v>
      </c>
      <c r="AP17" s="191">
        <v>0</v>
      </c>
      <c r="AQ17" s="191">
        <v>1</v>
      </c>
      <c r="AR17" s="191">
        <v>1</v>
      </c>
      <c r="AS17" s="196">
        <v>3</v>
      </c>
      <c r="AT17" s="195">
        <v>3</v>
      </c>
      <c r="AU17" s="190">
        <v>2</v>
      </c>
      <c r="AV17" s="191">
        <v>1</v>
      </c>
      <c r="AW17" s="196">
        <v>3</v>
      </c>
      <c r="AX17" s="193">
        <v>0</v>
      </c>
      <c r="AY17" s="191">
        <v>3</v>
      </c>
      <c r="AZ17" s="191">
        <v>8</v>
      </c>
      <c r="BA17" s="191">
        <v>2</v>
      </c>
      <c r="BB17" s="191">
        <v>1</v>
      </c>
      <c r="BC17" s="191">
        <v>2</v>
      </c>
      <c r="BD17" s="194">
        <v>16</v>
      </c>
      <c r="BE17" s="195">
        <v>19</v>
      </c>
      <c r="BF17" s="190">
        <v>0</v>
      </c>
      <c r="BG17" s="191">
        <v>0</v>
      </c>
      <c r="BH17" s="196">
        <v>0</v>
      </c>
      <c r="BI17" s="193">
        <v>0</v>
      </c>
      <c r="BJ17" s="191">
        <v>2</v>
      </c>
      <c r="BK17" s="191">
        <v>1</v>
      </c>
      <c r="BL17" s="191">
        <v>0</v>
      </c>
      <c r="BM17" s="191">
        <v>1</v>
      </c>
      <c r="BN17" s="191">
        <v>0</v>
      </c>
      <c r="BO17" s="196">
        <v>4</v>
      </c>
      <c r="BP17" s="195">
        <v>4</v>
      </c>
      <c r="BQ17" s="190">
        <v>1</v>
      </c>
      <c r="BR17" s="191">
        <v>0</v>
      </c>
      <c r="BS17" s="196">
        <v>1</v>
      </c>
      <c r="BT17" s="193">
        <v>0</v>
      </c>
      <c r="BU17" s="191">
        <v>0</v>
      </c>
      <c r="BV17" s="191">
        <v>1</v>
      </c>
      <c r="BW17" s="191">
        <v>1</v>
      </c>
      <c r="BX17" s="191">
        <v>1</v>
      </c>
      <c r="BY17" s="191">
        <v>1</v>
      </c>
      <c r="BZ17" s="196">
        <v>4</v>
      </c>
      <c r="CA17" s="195">
        <v>5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1</v>
      </c>
      <c r="CH17" s="191">
        <v>0</v>
      </c>
      <c r="CI17" s="191">
        <v>1</v>
      </c>
      <c r="CJ17" s="191">
        <v>1</v>
      </c>
      <c r="CK17" s="196">
        <v>3</v>
      </c>
      <c r="CL17" s="195">
        <v>3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1</v>
      </c>
      <c r="CS17" s="191">
        <v>1</v>
      </c>
      <c r="CT17" s="191">
        <v>0</v>
      </c>
      <c r="CU17" s="191">
        <v>0</v>
      </c>
      <c r="CV17" s="196">
        <v>2</v>
      </c>
      <c r="CW17" s="195">
        <v>2</v>
      </c>
      <c r="CX17" s="190">
        <v>0</v>
      </c>
      <c r="CY17" s="191">
        <v>0</v>
      </c>
      <c r="CZ17" s="196">
        <v>0</v>
      </c>
      <c r="DA17" s="193">
        <v>0</v>
      </c>
      <c r="DB17" s="191">
        <v>0</v>
      </c>
      <c r="DC17" s="191">
        <v>0</v>
      </c>
      <c r="DD17" s="191">
        <v>0</v>
      </c>
      <c r="DE17" s="191">
        <v>0</v>
      </c>
      <c r="DF17" s="191">
        <v>0</v>
      </c>
      <c r="DG17" s="196">
        <v>0</v>
      </c>
      <c r="DH17" s="195">
        <v>0</v>
      </c>
      <c r="DI17" s="190">
        <v>0</v>
      </c>
      <c r="DJ17" s="191">
        <v>0</v>
      </c>
      <c r="DK17" s="196">
        <v>0</v>
      </c>
      <c r="DL17" s="193">
        <v>0</v>
      </c>
      <c r="DM17" s="191">
        <v>0</v>
      </c>
      <c r="DN17" s="191">
        <v>0</v>
      </c>
      <c r="DO17" s="191">
        <v>0</v>
      </c>
      <c r="DP17" s="191">
        <v>0</v>
      </c>
      <c r="DQ17" s="191">
        <v>0</v>
      </c>
      <c r="DR17" s="196">
        <v>0</v>
      </c>
      <c r="DS17" s="195">
        <v>0</v>
      </c>
      <c r="DT17" s="190">
        <v>3</v>
      </c>
      <c r="DU17" s="191">
        <v>5</v>
      </c>
      <c r="DV17" s="196">
        <v>8</v>
      </c>
      <c r="DW17" s="193">
        <v>0</v>
      </c>
      <c r="DX17" s="191">
        <v>3</v>
      </c>
      <c r="DY17" s="191">
        <v>9</v>
      </c>
      <c r="DZ17" s="191">
        <v>3</v>
      </c>
      <c r="EA17" s="191">
        <v>2</v>
      </c>
      <c r="EB17" s="191">
        <v>2</v>
      </c>
      <c r="EC17" s="196">
        <v>19</v>
      </c>
      <c r="ED17" s="195">
        <v>27</v>
      </c>
      <c r="EE17" s="190">
        <v>4</v>
      </c>
      <c r="EF17" s="191">
        <v>2</v>
      </c>
      <c r="EG17" s="196">
        <v>6</v>
      </c>
      <c r="EH17" s="193">
        <v>0</v>
      </c>
      <c r="EI17" s="191">
        <v>3</v>
      </c>
      <c r="EJ17" s="191">
        <v>2</v>
      </c>
      <c r="EK17" s="191">
        <v>1</v>
      </c>
      <c r="EL17" s="191">
        <v>1</v>
      </c>
      <c r="EM17" s="191">
        <v>2</v>
      </c>
      <c r="EN17" s="196">
        <v>9</v>
      </c>
      <c r="EO17" s="195">
        <v>15</v>
      </c>
      <c r="EP17" s="190">
        <v>4</v>
      </c>
      <c r="EQ17" s="191">
        <v>6</v>
      </c>
      <c r="ER17" s="196">
        <v>10</v>
      </c>
      <c r="ES17" s="193">
        <v>0</v>
      </c>
      <c r="ET17" s="191">
        <v>7</v>
      </c>
      <c r="EU17" s="191">
        <v>13</v>
      </c>
      <c r="EV17" s="191">
        <v>4</v>
      </c>
      <c r="EW17" s="191">
        <v>2</v>
      </c>
      <c r="EX17" s="191">
        <v>2</v>
      </c>
      <c r="EY17" s="196">
        <v>28</v>
      </c>
      <c r="EZ17" s="195">
        <v>38</v>
      </c>
    </row>
    <row r="18" spans="2:156" ht="21" customHeight="1" x14ac:dyDescent="0.2">
      <c r="B18" s="106" t="s">
        <v>16</v>
      </c>
      <c r="C18" s="190">
        <v>0</v>
      </c>
      <c r="D18" s="191">
        <v>0</v>
      </c>
      <c r="E18" s="192">
        <v>0</v>
      </c>
      <c r="F18" s="193">
        <v>0</v>
      </c>
      <c r="G18" s="191">
        <v>3</v>
      </c>
      <c r="H18" s="191">
        <v>19</v>
      </c>
      <c r="I18" s="191">
        <v>5</v>
      </c>
      <c r="J18" s="191">
        <v>3</v>
      </c>
      <c r="K18" s="191">
        <v>2</v>
      </c>
      <c r="L18" s="194">
        <v>32</v>
      </c>
      <c r="M18" s="195">
        <v>32</v>
      </c>
      <c r="N18" s="190">
        <v>0</v>
      </c>
      <c r="O18" s="191">
        <v>0</v>
      </c>
      <c r="P18" s="196">
        <v>0</v>
      </c>
      <c r="Q18" s="193">
        <v>0</v>
      </c>
      <c r="R18" s="191">
        <v>0</v>
      </c>
      <c r="S18" s="191">
        <v>0</v>
      </c>
      <c r="T18" s="191">
        <v>0</v>
      </c>
      <c r="U18" s="191">
        <v>1</v>
      </c>
      <c r="V18" s="191">
        <v>3</v>
      </c>
      <c r="W18" s="196">
        <v>4</v>
      </c>
      <c r="X18" s="195">
        <v>4</v>
      </c>
      <c r="Y18" s="190">
        <v>5</v>
      </c>
      <c r="Z18" s="191">
        <v>2</v>
      </c>
      <c r="AA18" s="196">
        <v>7</v>
      </c>
      <c r="AB18" s="193">
        <v>0</v>
      </c>
      <c r="AC18" s="191">
        <v>10</v>
      </c>
      <c r="AD18" s="191">
        <v>18</v>
      </c>
      <c r="AE18" s="191">
        <v>7</v>
      </c>
      <c r="AF18" s="191">
        <v>8</v>
      </c>
      <c r="AG18" s="191">
        <v>4</v>
      </c>
      <c r="AH18" s="196">
        <v>47</v>
      </c>
      <c r="AI18" s="195">
        <v>54</v>
      </c>
      <c r="AJ18" s="190">
        <v>1</v>
      </c>
      <c r="AK18" s="191">
        <v>0</v>
      </c>
      <c r="AL18" s="196">
        <v>1</v>
      </c>
      <c r="AM18" s="193">
        <v>0</v>
      </c>
      <c r="AN18" s="191">
        <v>0</v>
      </c>
      <c r="AO18" s="191">
        <v>1</v>
      </c>
      <c r="AP18" s="191">
        <v>0</v>
      </c>
      <c r="AQ18" s="191">
        <v>0</v>
      </c>
      <c r="AR18" s="191">
        <v>1</v>
      </c>
      <c r="AS18" s="196">
        <v>2</v>
      </c>
      <c r="AT18" s="195">
        <v>3</v>
      </c>
      <c r="AU18" s="190">
        <v>3</v>
      </c>
      <c r="AV18" s="191">
        <v>0</v>
      </c>
      <c r="AW18" s="196">
        <v>3</v>
      </c>
      <c r="AX18" s="193">
        <v>0</v>
      </c>
      <c r="AY18" s="191">
        <v>9</v>
      </c>
      <c r="AZ18" s="191">
        <v>18</v>
      </c>
      <c r="BA18" s="191">
        <v>14</v>
      </c>
      <c r="BB18" s="191">
        <v>13</v>
      </c>
      <c r="BC18" s="191">
        <v>11</v>
      </c>
      <c r="BD18" s="194">
        <v>65</v>
      </c>
      <c r="BE18" s="195">
        <v>68</v>
      </c>
      <c r="BF18" s="190">
        <v>0</v>
      </c>
      <c r="BG18" s="191">
        <v>0</v>
      </c>
      <c r="BH18" s="196">
        <v>0</v>
      </c>
      <c r="BI18" s="193">
        <v>0</v>
      </c>
      <c r="BJ18" s="191">
        <v>20</v>
      </c>
      <c r="BK18" s="191">
        <v>23</v>
      </c>
      <c r="BL18" s="191">
        <v>6</v>
      </c>
      <c r="BM18" s="191">
        <v>3</v>
      </c>
      <c r="BN18" s="191">
        <v>2</v>
      </c>
      <c r="BO18" s="196">
        <v>54</v>
      </c>
      <c r="BP18" s="195">
        <v>54</v>
      </c>
      <c r="BQ18" s="190">
        <v>5</v>
      </c>
      <c r="BR18" s="191">
        <v>6</v>
      </c>
      <c r="BS18" s="196">
        <v>11</v>
      </c>
      <c r="BT18" s="193">
        <v>0</v>
      </c>
      <c r="BU18" s="191">
        <v>9</v>
      </c>
      <c r="BV18" s="191">
        <v>11</v>
      </c>
      <c r="BW18" s="191">
        <v>6</v>
      </c>
      <c r="BX18" s="191">
        <v>1</v>
      </c>
      <c r="BY18" s="191">
        <v>2</v>
      </c>
      <c r="BZ18" s="196">
        <v>29</v>
      </c>
      <c r="CA18" s="195">
        <v>40</v>
      </c>
      <c r="CB18" s="190">
        <v>0</v>
      </c>
      <c r="CC18" s="191">
        <v>1</v>
      </c>
      <c r="CD18" s="196">
        <v>1</v>
      </c>
      <c r="CE18" s="193">
        <v>0</v>
      </c>
      <c r="CF18" s="191">
        <v>3</v>
      </c>
      <c r="CG18" s="191">
        <v>9</v>
      </c>
      <c r="CH18" s="191">
        <v>5</v>
      </c>
      <c r="CI18" s="191">
        <v>1</v>
      </c>
      <c r="CJ18" s="191">
        <v>2</v>
      </c>
      <c r="CK18" s="196">
        <v>20</v>
      </c>
      <c r="CL18" s="195">
        <v>21</v>
      </c>
      <c r="CM18" s="190">
        <v>0</v>
      </c>
      <c r="CN18" s="191">
        <v>0</v>
      </c>
      <c r="CO18" s="196">
        <v>0</v>
      </c>
      <c r="CP18" s="193">
        <v>0</v>
      </c>
      <c r="CQ18" s="191">
        <v>0</v>
      </c>
      <c r="CR18" s="191">
        <v>1</v>
      </c>
      <c r="CS18" s="191">
        <v>1</v>
      </c>
      <c r="CT18" s="191">
        <v>0</v>
      </c>
      <c r="CU18" s="191">
        <v>0</v>
      </c>
      <c r="CV18" s="196">
        <v>2</v>
      </c>
      <c r="CW18" s="195">
        <v>2</v>
      </c>
      <c r="CX18" s="190">
        <v>0</v>
      </c>
      <c r="CY18" s="191">
        <v>0</v>
      </c>
      <c r="CZ18" s="196">
        <v>0</v>
      </c>
      <c r="DA18" s="193">
        <v>0</v>
      </c>
      <c r="DB18" s="191">
        <v>0</v>
      </c>
      <c r="DC18" s="191">
        <v>0</v>
      </c>
      <c r="DD18" s="191">
        <v>0</v>
      </c>
      <c r="DE18" s="191">
        <v>0</v>
      </c>
      <c r="DF18" s="191">
        <v>0</v>
      </c>
      <c r="DG18" s="196">
        <v>0</v>
      </c>
      <c r="DH18" s="195">
        <v>0</v>
      </c>
      <c r="DI18" s="190">
        <v>0</v>
      </c>
      <c r="DJ18" s="191">
        <v>0</v>
      </c>
      <c r="DK18" s="196">
        <v>0</v>
      </c>
      <c r="DL18" s="193">
        <v>0</v>
      </c>
      <c r="DM18" s="191">
        <v>0</v>
      </c>
      <c r="DN18" s="191">
        <v>0</v>
      </c>
      <c r="DO18" s="191">
        <v>0</v>
      </c>
      <c r="DP18" s="191">
        <v>0</v>
      </c>
      <c r="DQ18" s="191">
        <v>0</v>
      </c>
      <c r="DR18" s="196">
        <v>0</v>
      </c>
      <c r="DS18" s="195">
        <v>0</v>
      </c>
      <c r="DT18" s="190">
        <v>11</v>
      </c>
      <c r="DU18" s="191">
        <v>19</v>
      </c>
      <c r="DV18" s="196">
        <v>30</v>
      </c>
      <c r="DW18" s="193">
        <v>0</v>
      </c>
      <c r="DX18" s="191">
        <v>19</v>
      </c>
      <c r="DY18" s="191">
        <v>48</v>
      </c>
      <c r="DZ18" s="191">
        <v>18</v>
      </c>
      <c r="EA18" s="191">
        <v>9</v>
      </c>
      <c r="EB18" s="191">
        <v>8</v>
      </c>
      <c r="EC18" s="196">
        <v>102</v>
      </c>
      <c r="ED18" s="195">
        <v>132</v>
      </c>
      <c r="EE18" s="190">
        <v>3</v>
      </c>
      <c r="EF18" s="191">
        <v>0</v>
      </c>
      <c r="EG18" s="196">
        <v>3</v>
      </c>
      <c r="EH18" s="193">
        <v>0</v>
      </c>
      <c r="EI18" s="191">
        <v>5</v>
      </c>
      <c r="EJ18" s="191">
        <v>9</v>
      </c>
      <c r="EK18" s="191">
        <v>12</v>
      </c>
      <c r="EL18" s="191">
        <v>10</v>
      </c>
      <c r="EM18" s="191">
        <v>7</v>
      </c>
      <c r="EN18" s="196">
        <v>43</v>
      </c>
      <c r="EO18" s="195">
        <v>46</v>
      </c>
      <c r="EP18" s="190">
        <v>19</v>
      </c>
      <c r="EQ18" s="191">
        <v>23</v>
      </c>
      <c r="ER18" s="196">
        <v>42</v>
      </c>
      <c r="ES18" s="193">
        <v>0</v>
      </c>
      <c r="ET18" s="191">
        <v>49</v>
      </c>
      <c r="EU18" s="191">
        <v>67</v>
      </c>
      <c r="EV18" s="191">
        <v>22</v>
      </c>
      <c r="EW18" s="191">
        <v>13</v>
      </c>
      <c r="EX18" s="191">
        <v>7</v>
      </c>
      <c r="EY18" s="196">
        <v>158</v>
      </c>
      <c r="EZ18" s="195">
        <v>200</v>
      </c>
    </row>
    <row r="19" spans="2:156" ht="21" customHeight="1" x14ac:dyDescent="0.2">
      <c r="B19" s="106" t="s">
        <v>17</v>
      </c>
      <c r="C19" s="190">
        <v>0</v>
      </c>
      <c r="D19" s="191">
        <v>0</v>
      </c>
      <c r="E19" s="192">
        <v>0</v>
      </c>
      <c r="F19" s="193">
        <v>0</v>
      </c>
      <c r="G19" s="191">
        <v>10</v>
      </c>
      <c r="H19" s="191">
        <v>30</v>
      </c>
      <c r="I19" s="191">
        <v>17</v>
      </c>
      <c r="J19" s="191">
        <v>10</v>
      </c>
      <c r="K19" s="191">
        <v>3</v>
      </c>
      <c r="L19" s="194">
        <v>70</v>
      </c>
      <c r="M19" s="195">
        <v>70</v>
      </c>
      <c r="N19" s="190">
        <v>0</v>
      </c>
      <c r="O19" s="191">
        <v>0</v>
      </c>
      <c r="P19" s="196">
        <v>0</v>
      </c>
      <c r="Q19" s="193">
        <v>0</v>
      </c>
      <c r="R19" s="191">
        <v>0</v>
      </c>
      <c r="S19" s="191">
        <v>0</v>
      </c>
      <c r="T19" s="191">
        <v>2</v>
      </c>
      <c r="U19" s="191">
        <v>3</v>
      </c>
      <c r="V19" s="191">
        <v>5</v>
      </c>
      <c r="W19" s="196">
        <v>10</v>
      </c>
      <c r="X19" s="195">
        <v>10</v>
      </c>
      <c r="Y19" s="190">
        <v>4</v>
      </c>
      <c r="Z19" s="191">
        <v>9</v>
      </c>
      <c r="AA19" s="196">
        <v>13</v>
      </c>
      <c r="AB19" s="193">
        <v>0</v>
      </c>
      <c r="AC19" s="191">
        <v>8</v>
      </c>
      <c r="AD19" s="191">
        <v>28</v>
      </c>
      <c r="AE19" s="191">
        <v>20</v>
      </c>
      <c r="AF19" s="191">
        <v>15</v>
      </c>
      <c r="AG19" s="191">
        <v>5</v>
      </c>
      <c r="AH19" s="196">
        <v>76</v>
      </c>
      <c r="AI19" s="195">
        <v>89</v>
      </c>
      <c r="AJ19" s="190">
        <v>2</v>
      </c>
      <c r="AK19" s="191">
        <v>0</v>
      </c>
      <c r="AL19" s="196">
        <v>2</v>
      </c>
      <c r="AM19" s="193">
        <v>0</v>
      </c>
      <c r="AN19" s="191">
        <v>1</v>
      </c>
      <c r="AO19" s="191">
        <v>4</v>
      </c>
      <c r="AP19" s="191">
        <v>5</v>
      </c>
      <c r="AQ19" s="191">
        <v>0</v>
      </c>
      <c r="AR19" s="191">
        <v>0</v>
      </c>
      <c r="AS19" s="196">
        <v>10</v>
      </c>
      <c r="AT19" s="195">
        <v>12</v>
      </c>
      <c r="AU19" s="190">
        <v>5</v>
      </c>
      <c r="AV19" s="191">
        <v>5</v>
      </c>
      <c r="AW19" s="196">
        <v>10</v>
      </c>
      <c r="AX19" s="193">
        <v>0</v>
      </c>
      <c r="AY19" s="191">
        <v>21</v>
      </c>
      <c r="AZ19" s="191">
        <v>31</v>
      </c>
      <c r="BA19" s="191">
        <v>29</v>
      </c>
      <c r="BB19" s="191">
        <v>27</v>
      </c>
      <c r="BC19" s="191">
        <v>18</v>
      </c>
      <c r="BD19" s="194">
        <v>126</v>
      </c>
      <c r="BE19" s="195">
        <v>136</v>
      </c>
      <c r="BF19" s="190">
        <v>0</v>
      </c>
      <c r="BG19" s="191">
        <v>0</v>
      </c>
      <c r="BH19" s="196">
        <v>0</v>
      </c>
      <c r="BI19" s="193">
        <v>0</v>
      </c>
      <c r="BJ19" s="191">
        <v>12</v>
      </c>
      <c r="BK19" s="191">
        <v>31</v>
      </c>
      <c r="BL19" s="191">
        <v>14</v>
      </c>
      <c r="BM19" s="191">
        <v>7</v>
      </c>
      <c r="BN19" s="191">
        <v>0</v>
      </c>
      <c r="BO19" s="196">
        <v>64</v>
      </c>
      <c r="BP19" s="195">
        <v>64</v>
      </c>
      <c r="BQ19" s="190">
        <v>5</v>
      </c>
      <c r="BR19" s="191">
        <v>5</v>
      </c>
      <c r="BS19" s="196">
        <v>10</v>
      </c>
      <c r="BT19" s="193">
        <v>0</v>
      </c>
      <c r="BU19" s="191">
        <v>8</v>
      </c>
      <c r="BV19" s="191">
        <v>10</v>
      </c>
      <c r="BW19" s="191">
        <v>10</v>
      </c>
      <c r="BX19" s="191">
        <v>4</v>
      </c>
      <c r="BY19" s="191">
        <v>0</v>
      </c>
      <c r="BZ19" s="196">
        <v>32</v>
      </c>
      <c r="CA19" s="195">
        <v>42</v>
      </c>
      <c r="CB19" s="190">
        <v>0</v>
      </c>
      <c r="CC19" s="191">
        <v>0</v>
      </c>
      <c r="CD19" s="196">
        <v>0</v>
      </c>
      <c r="CE19" s="193">
        <v>0</v>
      </c>
      <c r="CF19" s="191">
        <v>3</v>
      </c>
      <c r="CG19" s="191">
        <v>5</v>
      </c>
      <c r="CH19" s="191">
        <v>6</v>
      </c>
      <c r="CI19" s="191">
        <v>4</v>
      </c>
      <c r="CJ19" s="191">
        <v>1</v>
      </c>
      <c r="CK19" s="196">
        <v>19</v>
      </c>
      <c r="CL19" s="195">
        <v>19</v>
      </c>
      <c r="CM19" s="190">
        <v>0</v>
      </c>
      <c r="CN19" s="191">
        <v>0</v>
      </c>
      <c r="CO19" s="196">
        <v>0</v>
      </c>
      <c r="CP19" s="193">
        <v>0</v>
      </c>
      <c r="CQ19" s="191">
        <v>1</v>
      </c>
      <c r="CR19" s="191">
        <v>2</v>
      </c>
      <c r="CS19" s="191">
        <v>1</v>
      </c>
      <c r="CT19" s="191">
        <v>0</v>
      </c>
      <c r="CU19" s="191">
        <v>0</v>
      </c>
      <c r="CV19" s="196">
        <v>4</v>
      </c>
      <c r="CW19" s="195">
        <v>4</v>
      </c>
      <c r="CX19" s="190">
        <v>0</v>
      </c>
      <c r="CY19" s="191">
        <v>0</v>
      </c>
      <c r="CZ19" s="196">
        <v>0</v>
      </c>
      <c r="DA19" s="193">
        <v>0</v>
      </c>
      <c r="DB19" s="191">
        <v>0</v>
      </c>
      <c r="DC19" s="191">
        <v>0</v>
      </c>
      <c r="DD19" s="191">
        <v>0</v>
      </c>
      <c r="DE19" s="191">
        <v>0</v>
      </c>
      <c r="DF19" s="191">
        <v>0</v>
      </c>
      <c r="DG19" s="196">
        <v>0</v>
      </c>
      <c r="DH19" s="195">
        <v>0</v>
      </c>
      <c r="DI19" s="190">
        <v>0</v>
      </c>
      <c r="DJ19" s="191">
        <v>0</v>
      </c>
      <c r="DK19" s="196">
        <v>0</v>
      </c>
      <c r="DL19" s="193">
        <v>0</v>
      </c>
      <c r="DM19" s="191">
        <v>0</v>
      </c>
      <c r="DN19" s="191">
        <v>0</v>
      </c>
      <c r="DO19" s="191">
        <v>0</v>
      </c>
      <c r="DP19" s="191">
        <v>0</v>
      </c>
      <c r="DQ19" s="191">
        <v>0</v>
      </c>
      <c r="DR19" s="196">
        <v>0</v>
      </c>
      <c r="DS19" s="195">
        <v>0</v>
      </c>
      <c r="DT19" s="190">
        <v>11</v>
      </c>
      <c r="DU19" s="191">
        <v>30</v>
      </c>
      <c r="DV19" s="196">
        <v>41</v>
      </c>
      <c r="DW19" s="193">
        <v>0</v>
      </c>
      <c r="DX19" s="191">
        <v>25</v>
      </c>
      <c r="DY19" s="191">
        <v>75</v>
      </c>
      <c r="DZ19" s="191">
        <v>50</v>
      </c>
      <c r="EA19" s="191">
        <v>33</v>
      </c>
      <c r="EB19" s="191">
        <v>12</v>
      </c>
      <c r="EC19" s="196">
        <v>195</v>
      </c>
      <c r="ED19" s="195">
        <v>236</v>
      </c>
      <c r="EE19" s="190">
        <v>2</v>
      </c>
      <c r="EF19" s="191">
        <v>3</v>
      </c>
      <c r="EG19" s="196">
        <v>5</v>
      </c>
      <c r="EH19" s="193">
        <v>0</v>
      </c>
      <c r="EI19" s="191">
        <v>15</v>
      </c>
      <c r="EJ19" s="191">
        <v>9</v>
      </c>
      <c r="EK19" s="191">
        <v>9</v>
      </c>
      <c r="EL19" s="191">
        <v>11</v>
      </c>
      <c r="EM19" s="191">
        <v>7</v>
      </c>
      <c r="EN19" s="196">
        <v>51</v>
      </c>
      <c r="EO19" s="195">
        <v>56</v>
      </c>
      <c r="EP19" s="190">
        <v>18</v>
      </c>
      <c r="EQ19" s="191">
        <v>35</v>
      </c>
      <c r="ER19" s="196">
        <v>53</v>
      </c>
      <c r="ES19" s="193">
        <v>0</v>
      </c>
      <c r="ET19" s="191">
        <v>59</v>
      </c>
      <c r="EU19" s="191">
        <v>103</v>
      </c>
      <c r="EV19" s="191">
        <v>56</v>
      </c>
      <c r="EW19" s="191">
        <v>36</v>
      </c>
      <c r="EX19" s="191">
        <v>11</v>
      </c>
      <c r="EY19" s="196">
        <v>265</v>
      </c>
      <c r="EZ19" s="195">
        <v>318</v>
      </c>
    </row>
    <row r="20" spans="2:156" ht="21" customHeight="1" x14ac:dyDescent="0.2">
      <c r="B20" s="106" t="s">
        <v>18</v>
      </c>
      <c r="C20" s="190">
        <v>0</v>
      </c>
      <c r="D20" s="191">
        <v>0</v>
      </c>
      <c r="E20" s="192">
        <v>0</v>
      </c>
      <c r="F20" s="193">
        <v>0</v>
      </c>
      <c r="G20" s="191">
        <v>28</v>
      </c>
      <c r="H20" s="191">
        <v>36</v>
      </c>
      <c r="I20" s="191">
        <v>24</v>
      </c>
      <c r="J20" s="191">
        <v>15</v>
      </c>
      <c r="K20" s="191">
        <v>12</v>
      </c>
      <c r="L20" s="194">
        <v>115</v>
      </c>
      <c r="M20" s="195">
        <v>115</v>
      </c>
      <c r="N20" s="190">
        <v>0</v>
      </c>
      <c r="O20" s="191">
        <v>0</v>
      </c>
      <c r="P20" s="196">
        <v>0</v>
      </c>
      <c r="Q20" s="193">
        <v>0</v>
      </c>
      <c r="R20" s="191">
        <v>0</v>
      </c>
      <c r="S20" s="191">
        <v>0</v>
      </c>
      <c r="T20" s="191">
        <v>1</v>
      </c>
      <c r="U20" s="191">
        <v>5</v>
      </c>
      <c r="V20" s="191">
        <v>2</v>
      </c>
      <c r="W20" s="196">
        <v>8</v>
      </c>
      <c r="X20" s="195">
        <v>8</v>
      </c>
      <c r="Y20" s="190">
        <v>6</v>
      </c>
      <c r="Z20" s="191">
        <v>4</v>
      </c>
      <c r="AA20" s="196">
        <v>10</v>
      </c>
      <c r="AB20" s="193">
        <v>0</v>
      </c>
      <c r="AC20" s="191">
        <v>31</v>
      </c>
      <c r="AD20" s="191">
        <v>26</v>
      </c>
      <c r="AE20" s="191">
        <v>24</v>
      </c>
      <c r="AF20" s="191">
        <v>16</v>
      </c>
      <c r="AG20" s="191">
        <v>8</v>
      </c>
      <c r="AH20" s="196">
        <v>105</v>
      </c>
      <c r="AI20" s="195">
        <v>115</v>
      </c>
      <c r="AJ20" s="190">
        <v>1</v>
      </c>
      <c r="AK20" s="191">
        <v>1</v>
      </c>
      <c r="AL20" s="196">
        <v>2</v>
      </c>
      <c r="AM20" s="193">
        <v>0</v>
      </c>
      <c r="AN20" s="191">
        <v>4</v>
      </c>
      <c r="AO20" s="191">
        <v>4</v>
      </c>
      <c r="AP20" s="191">
        <v>1</v>
      </c>
      <c r="AQ20" s="191">
        <v>1</v>
      </c>
      <c r="AR20" s="191">
        <v>1</v>
      </c>
      <c r="AS20" s="196">
        <v>11</v>
      </c>
      <c r="AT20" s="195">
        <v>13</v>
      </c>
      <c r="AU20" s="190">
        <v>5</v>
      </c>
      <c r="AV20" s="191">
        <v>5</v>
      </c>
      <c r="AW20" s="196">
        <v>10</v>
      </c>
      <c r="AX20" s="193">
        <v>0</v>
      </c>
      <c r="AY20" s="191">
        <v>38</v>
      </c>
      <c r="AZ20" s="191">
        <v>41</v>
      </c>
      <c r="BA20" s="191">
        <v>39</v>
      </c>
      <c r="BB20" s="191">
        <v>31</v>
      </c>
      <c r="BC20" s="191">
        <v>26</v>
      </c>
      <c r="BD20" s="194">
        <v>175</v>
      </c>
      <c r="BE20" s="195">
        <v>185</v>
      </c>
      <c r="BF20" s="190">
        <v>0</v>
      </c>
      <c r="BG20" s="191">
        <v>0</v>
      </c>
      <c r="BH20" s="196">
        <v>0</v>
      </c>
      <c r="BI20" s="193">
        <v>0</v>
      </c>
      <c r="BJ20" s="191">
        <v>33</v>
      </c>
      <c r="BK20" s="191">
        <v>35</v>
      </c>
      <c r="BL20" s="191">
        <v>21</v>
      </c>
      <c r="BM20" s="191">
        <v>9</v>
      </c>
      <c r="BN20" s="191">
        <v>5</v>
      </c>
      <c r="BO20" s="196">
        <v>103</v>
      </c>
      <c r="BP20" s="195">
        <v>103</v>
      </c>
      <c r="BQ20" s="190">
        <v>5</v>
      </c>
      <c r="BR20" s="191">
        <v>8</v>
      </c>
      <c r="BS20" s="196">
        <v>13</v>
      </c>
      <c r="BT20" s="193">
        <v>0</v>
      </c>
      <c r="BU20" s="191">
        <v>20</v>
      </c>
      <c r="BV20" s="191">
        <v>13</v>
      </c>
      <c r="BW20" s="191">
        <v>8</v>
      </c>
      <c r="BX20" s="191">
        <v>9</v>
      </c>
      <c r="BY20" s="191">
        <v>4</v>
      </c>
      <c r="BZ20" s="196">
        <v>54</v>
      </c>
      <c r="CA20" s="195">
        <v>67</v>
      </c>
      <c r="CB20" s="190">
        <v>0</v>
      </c>
      <c r="CC20" s="191">
        <v>0</v>
      </c>
      <c r="CD20" s="196">
        <v>0</v>
      </c>
      <c r="CE20" s="193">
        <v>0</v>
      </c>
      <c r="CF20" s="191">
        <v>10</v>
      </c>
      <c r="CG20" s="191">
        <v>9</v>
      </c>
      <c r="CH20" s="191">
        <v>12</v>
      </c>
      <c r="CI20" s="191">
        <v>6</v>
      </c>
      <c r="CJ20" s="191">
        <v>6</v>
      </c>
      <c r="CK20" s="196">
        <v>43</v>
      </c>
      <c r="CL20" s="195">
        <v>43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2</v>
      </c>
      <c r="CS20" s="191">
        <v>0</v>
      </c>
      <c r="CT20" s="191">
        <v>0</v>
      </c>
      <c r="CU20" s="191">
        <v>0</v>
      </c>
      <c r="CV20" s="196">
        <v>2</v>
      </c>
      <c r="CW20" s="195">
        <v>2</v>
      </c>
      <c r="CX20" s="190">
        <v>0</v>
      </c>
      <c r="CY20" s="191">
        <v>0</v>
      </c>
      <c r="CZ20" s="196">
        <v>0</v>
      </c>
      <c r="DA20" s="193">
        <v>0</v>
      </c>
      <c r="DB20" s="191">
        <v>0</v>
      </c>
      <c r="DC20" s="191">
        <v>0</v>
      </c>
      <c r="DD20" s="191">
        <v>0</v>
      </c>
      <c r="DE20" s="191">
        <v>0</v>
      </c>
      <c r="DF20" s="191">
        <v>0</v>
      </c>
      <c r="DG20" s="196">
        <v>0</v>
      </c>
      <c r="DH20" s="195">
        <v>0</v>
      </c>
      <c r="DI20" s="190">
        <v>0</v>
      </c>
      <c r="DJ20" s="191">
        <v>0</v>
      </c>
      <c r="DK20" s="196">
        <v>0</v>
      </c>
      <c r="DL20" s="193">
        <v>0</v>
      </c>
      <c r="DM20" s="191">
        <v>0</v>
      </c>
      <c r="DN20" s="191">
        <v>0</v>
      </c>
      <c r="DO20" s="191">
        <v>0</v>
      </c>
      <c r="DP20" s="191">
        <v>0</v>
      </c>
      <c r="DQ20" s="191">
        <v>0</v>
      </c>
      <c r="DR20" s="196">
        <v>0</v>
      </c>
      <c r="DS20" s="195">
        <v>0</v>
      </c>
      <c r="DT20" s="190">
        <v>9</v>
      </c>
      <c r="DU20" s="191">
        <v>26</v>
      </c>
      <c r="DV20" s="196">
        <v>35</v>
      </c>
      <c r="DW20" s="193">
        <v>0</v>
      </c>
      <c r="DX20" s="191">
        <v>49</v>
      </c>
      <c r="DY20" s="191">
        <v>66</v>
      </c>
      <c r="DZ20" s="191">
        <v>49</v>
      </c>
      <c r="EA20" s="191">
        <v>35</v>
      </c>
      <c r="EB20" s="191">
        <v>20</v>
      </c>
      <c r="EC20" s="196">
        <v>219</v>
      </c>
      <c r="ED20" s="195">
        <v>254</v>
      </c>
      <c r="EE20" s="190">
        <v>3</v>
      </c>
      <c r="EF20" s="191">
        <v>3</v>
      </c>
      <c r="EG20" s="196">
        <v>6</v>
      </c>
      <c r="EH20" s="193">
        <v>0</v>
      </c>
      <c r="EI20" s="191">
        <v>17</v>
      </c>
      <c r="EJ20" s="191">
        <v>17</v>
      </c>
      <c r="EK20" s="191">
        <v>15</v>
      </c>
      <c r="EL20" s="191">
        <v>9</v>
      </c>
      <c r="EM20" s="191">
        <v>13</v>
      </c>
      <c r="EN20" s="196">
        <v>71</v>
      </c>
      <c r="EO20" s="195">
        <v>77</v>
      </c>
      <c r="EP20" s="190">
        <v>19</v>
      </c>
      <c r="EQ20" s="191">
        <v>31</v>
      </c>
      <c r="ER20" s="196">
        <v>50</v>
      </c>
      <c r="ES20" s="193">
        <v>0</v>
      </c>
      <c r="ET20" s="191">
        <v>110</v>
      </c>
      <c r="EU20" s="191">
        <v>91</v>
      </c>
      <c r="EV20" s="191">
        <v>52</v>
      </c>
      <c r="EW20" s="191">
        <v>40</v>
      </c>
      <c r="EX20" s="191">
        <v>20</v>
      </c>
      <c r="EY20" s="196">
        <v>313</v>
      </c>
      <c r="EZ20" s="195">
        <v>363</v>
      </c>
    </row>
    <row r="21" spans="2:156" ht="21" customHeight="1" x14ac:dyDescent="0.2">
      <c r="B21" s="106" t="s">
        <v>19</v>
      </c>
      <c r="C21" s="190">
        <v>0</v>
      </c>
      <c r="D21" s="191">
        <v>0</v>
      </c>
      <c r="E21" s="192">
        <v>0</v>
      </c>
      <c r="F21" s="193">
        <v>0</v>
      </c>
      <c r="G21" s="191">
        <v>6</v>
      </c>
      <c r="H21" s="191">
        <v>9</v>
      </c>
      <c r="I21" s="191">
        <v>6</v>
      </c>
      <c r="J21" s="191">
        <v>4</v>
      </c>
      <c r="K21" s="191">
        <v>2</v>
      </c>
      <c r="L21" s="194">
        <v>27</v>
      </c>
      <c r="M21" s="195">
        <v>27</v>
      </c>
      <c r="N21" s="190">
        <v>0</v>
      </c>
      <c r="O21" s="191">
        <v>0</v>
      </c>
      <c r="P21" s="196">
        <v>0</v>
      </c>
      <c r="Q21" s="193">
        <v>0</v>
      </c>
      <c r="R21" s="191">
        <v>0</v>
      </c>
      <c r="S21" s="191">
        <v>0</v>
      </c>
      <c r="T21" s="191">
        <v>2</v>
      </c>
      <c r="U21" s="191">
        <v>1</v>
      </c>
      <c r="V21" s="191">
        <v>0</v>
      </c>
      <c r="W21" s="196">
        <v>3</v>
      </c>
      <c r="X21" s="195">
        <v>3</v>
      </c>
      <c r="Y21" s="190">
        <v>2</v>
      </c>
      <c r="Z21" s="191">
        <v>3</v>
      </c>
      <c r="AA21" s="196">
        <v>5</v>
      </c>
      <c r="AB21" s="193">
        <v>0</v>
      </c>
      <c r="AC21" s="191">
        <v>15</v>
      </c>
      <c r="AD21" s="191">
        <v>7</v>
      </c>
      <c r="AE21" s="191">
        <v>7</v>
      </c>
      <c r="AF21" s="191">
        <v>6</v>
      </c>
      <c r="AG21" s="191">
        <v>3</v>
      </c>
      <c r="AH21" s="196">
        <v>38</v>
      </c>
      <c r="AI21" s="195">
        <v>43</v>
      </c>
      <c r="AJ21" s="190">
        <v>2</v>
      </c>
      <c r="AK21" s="191">
        <v>0</v>
      </c>
      <c r="AL21" s="196">
        <v>2</v>
      </c>
      <c r="AM21" s="193">
        <v>0</v>
      </c>
      <c r="AN21" s="191">
        <v>4</v>
      </c>
      <c r="AO21" s="191">
        <v>1</v>
      </c>
      <c r="AP21" s="191">
        <v>1</v>
      </c>
      <c r="AQ21" s="191">
        <v>1</v>
      </c>
      <c r="AR21" s="191">
        <v>0</v>
      </c>
      <c r="AS21" s="196">
        <v>7</v>
      </c>
      <c r="AT21" s="195">
        <v>9</v>
      </c>
      <c r="AU21" s="190">
        <v>5</v>
      </c>
      <c r="AV21" s="191">
        <v>3</v>
      </c>
      <c r="AW21" s="196">
        <v>8</v>
      </c>
      <c r="AX21" s="193">
        <v>0</v>
      </c>
      <c r="AY21" s="191">
        <v>11</v>
      </c>
      <c r="AZ21" s="191">
        <v>21</v>
      </c>
      <c r="BA21" s="191">
        <v>14</v>
      </c>
      <c r="BB21" s="191">
        <v>5</v>
      </c>
      <c r="BC21" s="191">
        <v>5</v>
      </c>
      <c r="BD21" s="194">
        <v>56</v>
      </c>
      <c r="BE21" s="195">
        <v>64</v>
      </c>
      <c r="BF21" s="190">
        <v>0</v>
      </c>
      <c r="BG21" s="191">
        <v>0</v>
      </c>
      <c r="BH21" s="196">
        <v>0</v>
      </c>
      <c r="BI21" s="193">
        <v>0</v>
      </c>
      <c r="BJ21" s="191">
        <v>15</v>
      </c>
      <c r="BK21" s="191">
        <v>9</v>
      </c>
      <c r="BL21" s="191">
        <v>5</v>
      </c>
      <c r="BM21" s="191">
        <v>2</v>
      </c>
      <c r="BN21" s="191">
        <v>2</v>
      </c>
      <c r="BO21" s="196">
        <v>33</v>
      </c>
      <c r="BP21" s="195">
        <v>33</v>
      </c>
      <c r="BQ21" s="190">
        <v>3</v>
      </c>
      <c r="BR21" s="191">
        <v>3</v>
      </c>
      <c r="BS21" s="196">
        <v>6</v>
      </c>
      <c r="BT21" s="193">
        <v>0</v>
      </c>
      <c r="BU21" s="191">
        <v>14</v>
      </c>
      <c r="BV21" s="191">
        <v>5</v>
      </c>
      <c r="BW21" s="191">
        <v>1</v>
      </c>
      <c r="BX21" s="191">
        <v>4</v>
      </c>
      <c r="BY21" s="191">
        <v>1</v>
      </c>
      <c r="BZ21" s="196">
        <v>25</v>
      </c>
      <c r="CA21" s="195">
        <v>31</v>
      </c>
      <c r="CB21" s="190">
        <v>0</v>
      </c>
      <c r="CC21" s="191">
        <v>0</v>
      </c>
      <c r="CD21" s="196">
        <v>0</v>
      </c>
      <c r="CE21" s="193">
        <v>0</v>
      </c>
      <c r="CF21" s="191">
        <v>2</v>
      </c>
      <c r="CG21" s="191">
        <v>0</v>
      </c>
      <c r="CH21" s="191">
        <v>1</v>
      </c>
      <c r="CI21" s="191">
        <v>0</v>
      </c>
      <c r="CJ21" s="191">
        <v>0</v>
      </c>
      <c r="CK21" s="196">
        <v>3</v>
      </c>
      <c r="CL21" s="195">
        <v>3</v>
      </c>
      <c r="CM21" s="190">
        <v>0</v>
      </c>
      <c r="CN21" s="191">
        <v>0</v>
      </c>
      <c r="CO21" s="196">
        <v>0</v>
      </c>
      <c r="CP21" s="193">
        <v>0</v>
      </c>
      <c r="CQ21" s="191">
        <v>1</v>
      </c>
      <c r="CR21" s="191">
        <v>0</v>
      </c>
      <c r="CS21" s="191">
        <v>0</v>
      </c>
      <c r="CT21" s="191">
        <v>1</v>
      </c>
      <c r="CU21" s="191">
        <v>0</v>
      </c>
      <c r="CV21" s="196">
        <v>2</v>
      </c>
      <c r="CW21" s="195">
        <v>2</v>
      </c>
      <c r="CX21" s="190">
        <v>0</v>
      </c>
      <c r="CY21" s="191">
        <v>0</v>
      </c>
      <c r="CZ21" s="196">
        <v>0</v>
      </c>
      <c r="DA21" s="193">
        <v>0</v>
      </c>
      <c r="DB21" s="191">
        <v>0</v>
      </c>
      <c r="DC21" s="191">
        <v>0</v>
      </c>
      <c r="DD21" s="191">
        <v>0</v>
      </c>
      <c r="DE21" s="191">
        <v>0</v>
      </c>
      <c r="DF21" s="191">
        <v>0</v>
      </c>
      <c r="DG21" s="196">
        <v>0</v>
      </c>
      <c r="DH21" s="195">
        <v>0</v>
      </c>
      <c r="DI21" s="190">
        <v>0</v>
      </c>
      <c r="DJ21" s="191">
        <v>0</v>
      </c>
      <c r="DK21" s="196">
        <v>0</v>
      </c>
      <c r="DL21" s="193">
        <v>0</v>
      </c>
      <c r="DM21" s="191">
        <v>0</v>
      </c>
      <c r="DN21" s="191">
        <v>0</v>
      </c>
      <c r="DO21" s="191">
        <v>0</v>
      </c>
      <c r="DP21" s="191">
        <v>0</v>
      </c>
      <c r="DQ21" s="191">
        <v>0</v>
      </c>
      <c r="DR21" s="196">
        <v>0</v>
      </c>
      <c r="DS21" s="195">
        <v>0</v>
      </c>
      <c r="DT21" s="190">
        <v>5</v>
      </c>
      <c r="DU21" s="191">
        <v>12</v>
      </c>
      <c r="DV21" s="196">
        <v>17</v>
      </c>
      <c r="DW21" s="193">
        <v>0</v>
      </c>
      <c r="DX21" s="191">
        <v>28</v>
      </c>
      <c r="DY21" s="191">
        <v>22</v>
      </c>
      <c r="DZ21" s="191">
        <v>15</v>
      </c>
      <c r="EA21" s="191">
        <v>13</v>
      </c>
      <c r="EB21" s="191">
        <v>3</v>
      </c>
      <c r="EC21" s="196">
        <v>81</v>
      </c>
      <c r="ED21" s="195">
        <v>98</v>
      </c>
      <c r="EE21" s="190">
        <v>5</v>
      </c>
      <c r="EF21" s="191">
        <v>1</v>
      </c>
      <c r="EG21" s="196">
        <v>6</v>
      </c>
      <c r="EH21" s="193">
        <v>0</v>
      </c>
      <c r="EI21" s="191">
        <v>1</v>
      </c>
      <c r="EJ21" s="191">
        <v>9</v>
      </c>
      <c r="EK21" s="191">
        <v>5</v>
      </c>
      <c r="EL21" s="191">
        <v>0</v>
      </c>
      <c r="EM21" s="191">
        <v>3</v>
      </c>
      <c r="EN21" s="196">
        <v>18</v>
      </c>
      <c r="EO21" s="195">
        <v>24</v>
      </c>
      <c r="EP21" s="190">
        <v>11</v>
      </c>
      <c r="EQ21" s="191">
        <v>13</v>
      </c>
      <c r="ER21" s="196">
        <v>24</v>
      </c>
      <c r="ES21" s="193">
        <v>0</v>
      </c>
      <c r="ET21" s="191">
        <v>57</v>
      </c>
      <c r="EU21" s="191">
        <v>30</v>
      </c>
      <c r="EV21" s="191">
        <v>16</v>
      </c>
      <c r="EW21" s="191">
        <v>12</v>
      </c>
      <c r="EX21" s="191">
        <v>3</v>
      </c>
      <c r="EY21" s="196">
        <v>118</v>
      </c>
      <c r="EZ21" s="195">
        <v>142</v>
      </c>
    </row>
    <row r="22" spans="2:156" ht="21" customHeight="1" x14ac:dyDescent="0.2">
      <c r="B22" s="106" t="s">
        <v>20</v>
      </c>
      <c r="C22" s="190">
        <v>0</v>
      </c>
      <c r="D22" s="191">
        <v>0</v>
      </c>
      <c r="E22" s="192">
        <v>0</v>
      </c>
      <c r="F22" s="193">
        <v>0</v>
      </c>
      <c r="G22" s="191">
        <v>19</v>
      </c>
      <c r="H22" s="191">
        <v>13</v>
      </c>
      <c r="I22" s="191">
        <v>6</v>
      </c>
      <c r="J22" s="191">
        <v>2</v>
      </c>
      <c r="K22" s="191">
        <v>7</v>
      </c>
      <c r="L22" s="194">
        <v>47</v>
      </c>
      <c r="M22" s="195">
        <v>47</v>
      </c>
      <c r="N22" s="190">
        <v>0</v>
      </c>
      <c r="O22" s="191">
        <v>0</v>
      </c>
      <c r="P22" s="196">
        <v>0</v>
      </c>
      <c r="Q22" s="193">
        <v>0</v>
      </c>
      <c r="R22" s="191">
        <v>0</v>
      </c>
      <c r="S22" s="191">
        <v>0</v>
      </c>
      <c r="T22" s="191">
        <v>1</v>
      </c>
      <c r="U22" s="191">
        <v>1</v>
      </c>
      <c r="V22" s="191">
        <v>2</v>
      </c>
      <c r="W22" s="196">
        <v>4</v>
      </c>
      <c r="X22" s="195">
        <v>4</v>
      </c>
      <c r="Y22" s="190">
        <v>6</v>
      </c>
      <c r="Z22" s="191">
        <v>5</v>
      </c>
      <c r="AA22" s="196">
        <v>11</v>
      </c>
      <c r="AB22" s="193">
        <v>0</v>
      </c>
      <c r="AC22" s="191">
        <v>17</v>
      </c>
      <c r="AD22" s="191">
        <v>17</v>
      </c>
      <c r="AE22" s="191">
        <v>11</v>
      </c>
      <c r="AF22" s="191">
        <v>3</v>
      </c>
      <c r="AG22" s="191">
        <v>1</v>
      </c>
      <c r="AH22" s="196">
        <v>49</v>
      </c>
      <c r="AI22" s="195">
        <v>60</v>
      </c>
      <c r="AJ22" s="190">
        <v>1</v>
      </c>
      <c r="AK22" s="191">
        <v>6</v>
      </c>
      <c r="AL22" s="196">
        <v>7</v>
      </c>
      <c r="AM22" s="193">
        <v>0</v>
      </c>
      <c r="AN22" s="191">
        <v>3</v>
      </c>
      <c r="AO22" s="191">
        <v>2</v>
      </c>
      <c r="AP22" s="191">
        <v>4</v>
      </c>
      <c r="AQ22" s="191">
        <v>1</v>
      </c>
      <c r="AR22" s="191">
        <v>2</v>
      </c>
      <c r="AS22" s="196">
        <v>12</v>
      </c>
      <c r="AT22" s="195">
        <v>19</v>
      </c>
      <c r="AU22" s="190">
        <v>3</v>
      </c>
      <c r="AV22" s="191">
        <v>3</v>
      </c>
      <c r="AW22" s="196">
        <v>6</v>
      </c>
      <c r="AX22" s="193">
        <v>0</v>
      </c>
      <c r="AY22" s="191">
        <v>19</v>
      </c>
      <c r="AZ22" s="191">
        <v>22</v>
      </c>
      <c r="BA22" s="191">
        <v>14</v>
      </c>
      <c r="BB22" s="191">
        <v>10</v>
      </c>
      <c r="BC22" s="191">
        <v>14</v>
      </c>
      <c r="BD22" s="194">
        <v>79</v>
      </c>
      <c r="BE22" s="195">
        <v>85</v>
      </c>
      <c r="BF22" s="190">
        <v>0</v>
      </c>
      <c r="BG22" s="191">
        <v>0</v>
      </c>
      <c r="BH22" s="196">
        <v>0</v>
      </c>
      <c r="BI22" s="193">
        <v>0</v>
      </c>
      <c r="BJ22" s="191">
        <v>14</v>
      </c>
      <c r="BK22" s="191">
        <v>17</v>
      </c>
      <c r="BL22" s="191">
        <v>14</v>
      </c>
      <c r="BM22" s="191">
        <v>4</v>
      </c>
      <c r="BN22" s="191">
        <v>1</v>
      </c>
      <c r="BO22" s="196">
        <v>50</v>
      </c>
      <c r="BP22" s="195">
        <v>50</v>
      </c>
      <c r="BQ22" s="190">
        <v>0</v>
      </c>
      <c r="BR22" s="191">
        <v>3</v>
      </c>
      <c r="BS22" s="196">
        <v>3</v>
      </c>
      <c r="BT22" s="193">
        <v>0</v>
      </c>
      <c r="BU22" s="191">
        <v>6</v>
      </c>
      <c r="BV22" s="191">
        <v>12</v>
      </c>
      <c r="BW22" s="191">
        <v>3</v>
      </c>
      <c r="BX22" s="191">
        <v>2</v>
      </c>
      <c r="BY22" s="191">
        <v>1</v>
      </c>
      <c r="BZ22" s="196">
        <v>24</v>
      </c>
      <c r="CA22" s="195">
        <v>27</v>
      </c>
      <c r="CB22" s="190">
        <v>0</v>
      </c>
      <c r="CC22" s="191">
        <v>0</v>
      </c>
      <c r="CD22" s="196">
        <v>0</v>
      </c>
      <c r="CE22" s="193">
        <v>0</v>
      </c>
      <c r="CF22" s="191">
        <v>2</v>
      </c>
      <c r="CG22" s="191">
        <v>4</v>
      </c>
      <c r="CH22" s="191">
        <v>6</v>
      </c>
      <c r="CI22" s="191">
        <v>4</v>
      </c>
      <c r="CJ22" s="191">
        <v>0</v>
      </c>
      <c r="CK22" s="196">
        <v>16</v>
      </c>
      <c r="CL22" s="195">
        <v>16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1</v>
      </c>
      <c r="CS22" s="191">
        <v>1</v>
      </c>
      <c r="CT22" s="191">
        <v>0</v>
      </c>
      <c r="CU22" s="191">
        <v>0</v>
      </c>
      <c r="CV22" s="196">
        <v>2</v>
      </c>
      <c r="CW22" s="195">
        <v>2</v>
      </c>
      <c r="CX22" s="190">
        <v>0</v>
      </c>
      <c r="CY22" s="191">
        <v>0</v>
      </c>
      <c r="CZ22" s="196">
        <v>0</v>
      </c>
      <c r="DA22" s="193">
        <v>0</v>
      </c>
      <c r="DB22" s="191">
        <v>0</v>
      </c>
      <c r="DC22" s="191">
        <v>0</v>
      </c>
      <c r="DD22" s="191">
        <v>0</v>
      </c>
      <c r="DE22" s="191">
        <v>0</v>
      </c>
      <c r="DF22" s="191">
        <v>0</v>
      </c>
      <c r="DG22" s="196">
        <v>0</v>
      </c>
      <c r="DH22" s="195">
        <v>0</v>
      </c>
      <c r="DI22" s="190">
        <v>0</v>
      </c>
      <c r="DJ22" s="191">
        <v>0</v>
      </c>
      <c r="DK22" s="196">
        <v>0</v>
      </c>
      <c r="DL22" s="193">
        <v>0</v>
      </c>
      <c r="DM22" s="191">
        <v>0</v>
      </c>
      <c r="DN22" s="191">
        <v>0</v>
      </c>
      <c r="DO22" s="191">
        <v>0</v>
      </c>
      <c r="DP22" s="191">
        <v>0</v>
      </c>
      <c r="DQ22" s="191">
        <v>0</v>
      </c>
      <c r="DR22" s="196">
        <v>0</v>
      </c>
      <c r="DS22" s="195">
        <v>0</v>
      </c>
      <c r="DT22" s="190">
        <v>11</v>
      </c>
      <c r="DU22" s="191">
        <v>16</v>
      </c>
      <c r="DV22" s="196">
        <v>27</v>
      </c>
      <c r="DW22" s="193">
        <v>0</v>
      </c>
      <c r="DX22" s="191">
        <v>29</v>
      </c>
      <c r="DY22" s="191">
        <v>34</v>
      </c>
      <c r="DZ22" s="191">
        <v>21</v>
      </c>
      <c r="EA22" s="191">
        <v>10</v>
      </c>
      <c r="EB22" s="191">
        <v>7</v>
      </c>
      <c r="EC22" s="196">
        <v>101</v>
      </c>
      <c r="ED22" s="195">
        <v>128</v>
      </c>
      <c r="EE22" s="190">
        <v>2</v>
      </c>
      <c r="EF22" s="191">
        <v>0</v>
      </c>
      <c r="EG22" s="196">
        <v>2</v>
      </c>
      <c r="EH22" s="193">
        <v>0</v>
      </c>
      <c r="EI22" s="191">
        <v>9</v>
      </c>
      <c r="EJ22" s="191">
        <v>7</v>
      </c>
      <c r="EK22" s="191">
        <v>3</v>
      </c>
      <c r="EL22" s="191">
        <v>8</v>
      </c>
      <c r="EM22" s="191">
        <v>5</v>
      </c>
      <c r="EN22" s="196">
        <v>32</v>
      </c>
      <c r="EO22" s="195">
        <v>34</v>
      </c>
      <c r="EP22" s="190">
        <v>17</v>
      </c>
      <c r="EQ22" s="191">
        <v>25</v>
      </c>
      <c r="ER22" s="196">
        <v>42</v>
      </c>
      <c r="ES22" s="193">
        <v>0</v>
      </c>
      <c r="ET22" s="191">
        <v>58</v>
      </c>
      <c r="EU22" s="191">
        <v>59</v>
      </c>
      <c r="EV22" s="191">
        <v>25</v>
      </c>
      <c r="EW22" s="191">
        <v>13</v>
      </c>
      <c r="EX22" s="191">
        <v>9</v>
      </c>
      <c r="EY22" s="196">
        <v>164</v>
      </c>
      <c r="EZ22" s="195">
        <v>206</v>
      </c>
    </row>
    <row r="23" spans="2:156" ht="21" customHeight="1" x14ac:dyDescent="0.2">
      <c r="B23" s="106" t="s">
        <v>21</v>
      </c>
      <c r="C23" s="190">
        <v>0</v>
      </c>
      <c r="D23" s="191">
        <v>0</v>
      </c>
      <c r="E23" s="192">
        <v>0</v>
      </c>
      <c r="F23" s="193">
        <v>0</v>
      </c>
      <c r="G23" s="191">
        <v>13</v>
      </c>
      <c r="H23" s="191">
        <v>15</v>
      </c>
      <c r="I23" s="191">
        <v>4</v>
      </c>
      <c r="J23" s="191">
        <v>4</v>
      </c>
      <c r="K23" s="191">
        <v>8</v>
      </c>
      <c r="L23" s="194">
        <v>44</v>
      </c>
      <c r="M23" s="195">
        <v>44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0</v>
      </c>
      <c r="T23" s="191">
        <v>0</v>
      </c>
      <c r="U23" s="191">
        <v>2</v>
      </c>
      <c r="V23" s="191">
        <v>5</v>
      </c>
      <c r="W23" s="196">
        <v>7</v>
      </c>
      <c r="X23" s="195">
        <v>7</v>
      </c>
      <c r="Y23" s="190">
        <v>1</v>
      </c>
      <c r="Z23" s="191">
        <v>1</v>
      </c>
      <c r="AA23" s="196">
        <v>2</v>
      </c>
      <c r="AB23" s="193">
        <v>0</v>
      </c>
      <c r="AC23" s="191">
        <v>14</v>
      </c>
      <c r="AD23" s="191">
        <v>11</v>
      </c>
      <c r="AE23" s="191">
        <v>4</v>
      </c>
      <c r="AF23" s="191">
        <v>7</v>
      </c>
      <c r="AG23" s="191">
        <v>5</v>
      </c>
      <c r="AH23" s="196">
        <v>41</v>
      </c>
      <c r="AI23" s="195">
        <v>43</v>
      </c>
      <c r="AJ23" s="190">
        <v>0</v>
      </c>
      <c r="AK23" s="191">
        <v>1</v>
      </c>
      <c r="AL23" s="196">
        <v>1</v>
      </c>
      <c r="AM23" s="193">
        <v>0</v>
      </c>
      <c r="AN23" s="191">
        <v>0</v>
      </c>
      <c r="AO23" s="191">
        <v>0</v>
      </c>
      <c r="AP23" s="191">
        <v>3</v>
      </c>
      <c r="AQ23" s="191">
        <v>0</v>
      </c>
      <c r="AR23" s="191">
        <v>1</v>
      </c>
      <c r="AS23" s="196">
        <v>4</v>
      </c>
      <c r="AT23" s="195">
        <v>5</v>
      </c>
      <c r="AU23" s="190">
        <v>3</v>
      </c>
      <c r="AV23" s="191">
        <v>6</v>
      </c>
      <c r="AW23" s="196">
        <v>9</v>
      </c>
      <c r="AX23" s="193">
        <v>0</v>
      </c>
      <c r="AY23" s="191">
        <v>17</v>
      </c>
      <c r="AZ23" s="191">
        <v>22</v>
      </c>
      <c r="BA23" s="191">
        <v>8</v>
      </c>
      <c r="BB23" s="191">
        <v>9</v>
      </c>
      <c r="BC23" s="191">
        <v>11</v>
      </c>
      <c r="BD23" s="194">
        <v>67</v>
      </c>
      <c r="BE23" s="195">
        <v>76</v>
      </c>
      <c r="BF23" s="190">
        <v>0</v>
      </c>
      <c r="BG23" s="191">
        <v>0</v>
      </c>
      <c r="BH23" s="196">
        <v>0</v>
      </c>
      <c r="BI23" s="193">
        <v>0</v>
      </c>
      <c r="BJ23" s="191">
        <v>17</v>
      </c>
      <c r="BK23" s="191">
        <v>12</v>
      </c>
      <c r="BL23" s="191">
        <v>6</v>
      </c>
      <c r="BM23" s="191">
        <v>2</v>
      </c>
      <c r="BN23" s="191">
        <v>3</v>
      </c>
      <c r="BO23" s="196">
        <v>40</v>
      </c>
      <c r="BP23" s="195">
        <v>40</v>
      </c>
      <c r="BQ23" s="190">
        <v>1</v>
      </c>
      <c r="BR23" s="191">
        <v>0</v>
      </c>
      <c r="BS23" s="196">
        <v>1</v>
      </c>
      <c r="BT23" s="193">
        <v>0</v>
      </c>
      <c r="BU23" s="191">
        <v>2</v>
      </c>
      <c r="BV23" s="191">
        <v>1</v>
      </c>
      <c r="BW23" s="191">
        <v>1</v>
      </c>
      <c r="BX23" s="191">
        <v>1</v>
      </c>
      <c r="BY23" s="191">
        <v>2</v>
      </c>
      <c r="BZ23" s="196">
        <v>7</v>
      </c>
      <c r="CA23" s="195">
        <v>8</v>
      </c>
      <c r="CB23" s="190">
        <v>0</v>
      </c>
      <c r="CC23" s="191">
        <v>0</v>
      </c>
      <c r="CD23" s="196">
        <v>0</v>
      </c>
      <c r="CE23" s="193">
        <v>0</v>
      </c>
      <c r="CF23" s="191">
        <v>0</v>
      </c>
      <c r="CG23" s="191">
        <v>4</v>
      </c>
      <c r="CH23" s="191">
        <v>2</v>
      </c>
      <c r="CI23" s="191">
        <v>0</v>
      </c>
      <c r="CJ23" s="191">
        <v>3</v>
      </c>
      <c r="CK23" s="196">
        <v>9</v>
      </c>
      <c r="CL23" s="195">
        <v>9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  <c r="CX23" s="190">
        <v>0</v>
      </c>
      <c r="CY23" s="191">
        <v>0</v>
      </c>
      <c r="CZ23" s="196">
        <v>0</v>
      </c>
      <c r="DA23" s="193">
        <v>0</v>
      </c>
      <c r="DB23" s="191">
        <v>0</v>
      </c>
      <c r="DC23" s="191">
        <v>0</v>
      </c>
      <c r="DD23" s="191">
        <v>0</v>
      </c>
      <c r="DE23" s="191">
        <v>0</v>
      </c>
      <c r="DF23" s="191">
        <v>0</v>
      </c>
      <c r="DG23" s="196">
        <v>0</v>
      </c>
      <c r="DH23" s="195">
        <v>0</v>
      </c>
      <c r="DI23" s="190">
        <v>0</v>
      </c>
      <c r="DJ23" s="191">
        <v>0</v>
      </c>
      <c r="DK23" s="196">
        <v>0</v>
      </c>
      <c r="DL23" s="193">
        <v>0</v>
      </c>
      <c r="DM23" s="191">
        <v>0</v>
      </c>
      <c r="DN23" s="191">
        <v>0</v>
      </c>
      <c r="DO23" s="191">
        <v>0</v>
      </c>
      <c r="DP23" s="191">
        <v>0</v>
      </c>
      <c r="DQ23" s="191">
        <v>0</v>
      </c>
      <c r="DR23" s="196">
        <v>0</v>
      </c>
      <c r="DS23" s="195">
        <v>0</v>
      </c>
      <c r="DT23" s="190">
        <v>9</v>
      </c>
      <c r="DU23" s="191">
        <v>9</v>
      </c>
      <c r="DV23" s="196">
        <v>18</v>
      </c>
      <c r="DW23" s="193">
        <v>0</v>
      </c>
      <c r="DX23" s="191">
        <v>13</v>
      </c>
      <c r="DY23" s="191">
        <v>28</v>
      </c>
      <c r="DZ23" s="191">
        <v>10</v>
      </c>
      <c r="EA23" s="191">
        <v>5</v>
      </c>
      <c r="EB23" s="191">
        <v>6</v>
      </c>
      <c r="EC23" s="196">
        <v>62</v>
      </c>
      <c r="ED23" s="195">
        <v>80</v>
      </c>
      <c r="EE23" s="190">
        <v>3</v>
      </c>
      <c r="EF23" s="191">
        <v>2</v>
      </c>
      <c r="EG23" s="196">
        <v>5</v>
      </c>
      <c r="EH23" s="193">
        <v>0</v>
      </c>
      <c r="EI23" s="191">
        <v>5</v>
      </c>
      <c r="EJ23" s="191">
        <v>4</v>
      </c>
      <c r="EK23" s="191">
        <v>6</v>
      </c>
      <c r="EL23" s="191">
        <v>3</v>
      </c>
      <c r="EM23" s="191">
        <v>3</v>
      </c>
      <c r="EN23" s="196">
        <v>21</v>
      </c>
      <c r="EO23" s="195">
        <v>26</v>
      </c>
      <c r="EP23" s="190">
        <v>10</v>
      </c>
      <c r="EQ23" s="191">
        <v>11</v>
      </c>
      <c r="ER23" s="196">
        <v>21</v>
      </c>
      <c r="ES23" s="193">
        <v>0</v>
      </c>
      <c r="ET23" s="191">
        <v>45</v>
      </c>
      <c r="EU23" s="191">
        <v>41</v>
      </c>
      <c r="EV23" s="191">
        <v>16</v>
      </c>
      <c r="EW23" s="191">
        <v>7</v>
      </c>
      <c r="EX23" s="191">
        <v>11</v>
      </c>
      <c r="EY23" s="196">
        <v>120</v>
      </c>
      <c r="EZ23" s="195">
        <v>141</v>
      </c>
    </row>
    <row r="24" spans="2:156" ht="21" customHeight="1" x14ac:dyDescent="0.2">
      <c r="B24" s="106" t="s">
        <v>22</v>
      </c>
      <c r="C24" s="190">
        <v>0</v>
      </c>
      <c r="D24" s="191">
        <v>0</v>
      </c>
      <c r="E24" s="192">
        <v>0</v>
      </c>
      <c r="F24" s="193">
        <v>0</v>
      </c>
      <c r="G24" s="191">
        <v>2</v>
      </c>
      <c r="H24" s="191">
        <v>2</v>
      </c>
      <c r="I24" s="191">
        <v>3</v>
      </c>
      <c r="J24" s="191">
        <v>2</v>
      </c>
      <c r="K24" s="191">
        <v>3</v>
      </c>
      <c r="L24" s="194">
        <v>12</v>
      </c>
      <c r="M24" s="195">
        <v>12</v>
      </c>
      <c r="N24" s="190">
        <v>0</v>
      </c>
      <c r="O24" s="191">
        <v>0</v>
      </c>
      <c r="P24" s="196">
        <v>0</v>
      </c>
      <c r="Q24" s="193">
        <v>0</v>
      </c>
      <c r="R24" s="191">
        <v>0</v>
      </c>
      <c r="S24" s="191">
        <v>0</v>
      </c>
      <c r="T24" s="191">
        <v>0</v>
      </c>
      <c r="U24" s="191">
        <v>1</v>
      </c>
      <c r="V24" s="191">
        <v>3</v>
      </c>
      <c r="W24" s="196">
        <v>4</v>
      </c>
      <c r="X24" s="195">
        <v>4</v>
      </c>
      <c r="Y24" s="190">
        <v>0</v>
      </c>
      <c r="Z24" s="191">
        <v>1</v>
      </c>
      <c r="AA24" s="196">
        <v>1</v>
      </c>
      <c r="AB24" s="193">
        <v>0</v>
      </c>
      <c r="AC24" s="191">
        <v>5</v>
      </c>
      <c r="AD24" s="191">
        <v>3</v>
      </c>
      <c r="AE24" s="191">
        <v>3</v>
      </c>
      <c r="AF24" s="191">
        <v>0</v>
      </c>
      <c r="AG24" s="191">
        <v>3</v>
      </c>
      <c r="AH24" s="196">
        <v>14</v>
      </c>
      <c r="AI24" s="195">
        <v>15</v>
      </c>
      <c r="AJ24" s="190">
        <v>0</v>
      </c>
      <c r="AK24" s="191">
        <v>0</v>
      </c>
      <c r="AL24" s="196">
        <v>0</v>
      </c>
      <c r="AM24" s="193">
        <v>0</v>
      </c>
      <c r="AN24" s="191">
        <v>2</v>
      </c>
      <c r="AO24" s="191">
        <v>1</v>
      </c>
      <c r="AP24" s="191">
        <v>0</v>
      </c>
      <c r="AQ24" s="191">
        <v>1</v>
      </c>
      <c r="AR24" s="191">
        <v>0</v>
      </c>
      <c r="AS24" s="196">
        <v>4</v>
      </c>
      <c r="AT24" s="195">
        <v>4</v>
      </c>
      <c r="AU24" s="190">
        <v>0</v>
      </c>
      <c r="AV24" s="191">
        <v>0</v>
      </c>
      <c r="AW24" s="196">
        <v>0</v>
      </c>
      <c r="AX24" s="193">
        <v>0</v>
      </c>
      <c r="AY24" s="191">
        <v>4</v>
      </c>
      <c r="AZ24" s="191">
        <v>3</v>
      </c>
      <c r="BA24" s="191">
        <v>5</v>
      </c>
      <c r="BB24" s="191">
        <v>6</v>
      </c>
      <c r="BC24" s="191">
        <v>5</v>
      </c>
      <c r="BD24" s="194">
        <v>23</v>
      </c>
      <c r="BE24" s="195">
        <v>23</v>
      </c>
      <c r="BF24" s="190">
        <v>0</v>
      </c>
      <c r="BG24" s="191">
        <v>0</v>
      </c>
      <c r="BH24" s="196">
        <v>0</v>
      </c>
      <c r="BI24" s="193">
        <v>0</v>
      </c>
      <c r="BJ24" s="191">
        <v>4</v>
      </c>
      <c r="BK24" s="191">
        <v>4</v>
      </c>
      <c r="BL24" s="191">
        <v>5</v>
      </c>
      <c r="BM24" s="191">
        <v>2</v>
      </c>
      <c r="BN24" s="191">
        <v>2</v>
      </c>
      <c r="BO24" s="196">
        <v>17</v>
      </c>
      <c r="BP24" s="195">
        <v>17</v>
      </c>
      <c r="BQ24" s="190">
        <v>2</v>
      </c>
      <c r="BR24" s="191">
        <v>0</v>
      </c>
      <c r="BS24" s="196">
        <v>2</v>
      </c>
      <c r="BT24" s="193">
        <v>0</v>
      </c>
      <c r="BU24" s="191">
        <v>4</v>
      </c>
      <c r="BV24" s="191">
        <v>3</v>
      </c>
      <c r="BW24" s="191">
        <v>1</v>
      </c>
      <c r="BX24" s="191">
        <v>0</v>
      </c>
      <c r="BY24" s="191">
        <v>0</v>
      </c>
      <c r="BZ24" s="196">
        <v>8</v>
      </c>
      <c r="CA24" s="195">
        <v>10</v>
      </c>
      <c r="CB24" s="190">
        <v>0</v>
      </c>
      <c r="CC24" s="191">
        <v>0</v>
      </c>
      <c r="CD24" s="196">
        <v>0</v>
      </c>
      <c r="CE24" s="193">
        <v>0</v>
      </c>
      <c r="CF24" s="191">
        <v>0</v>
      </c>
      <c r="CG24" s="191">
        <v>4</v>
      </c>
      <c r="CH24" s="191">
        <v>1</v>
      </c>
      <c r="CI24" s="191">
        <v>0</v>
      </c>
      <c r="CJ24" s="191">
        <v>0</v>
      </c>
      <c r="CK24" s="196">
        <v>5</v>
      </c>
      <c r="CL24" s="195">
        <v>5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  <c r="CX24" s="190">
        <v>0</v>
      </c>
      <c r="CY24" s="191">
        <v>0</v>
      </c>
      <c r="CZ24" s="196">
        <v>0</v>
      </c>
      <c r="DA24" s="193">
        <v>0</v>
      </c>
      <c r="DB24" s="191">
        <v>0</v>
      </c>
      <c r="DC24" s="191">
        <v>0</v>
      </c>
      <c r="DD24" s="191">
        <v>0</v>
      </c>
      <c r="DE24" s="191">
        <v>0</v>
      </c>
      <c r="DF24" s="191">
        <v>0</v>
      </c>
      <c r="DG24" s="196">
        <v>0</v>
      </c>
      <c r="DH24" s="195">
        <v>0</v>
      </c>
      <c r="DI24" s="190">
        <v>0</v>
      </c>
      <c r="DJ24" s="191">
        <v>0</v>
      </c>
      <c r="DK24" s="196">
        <v>0</v>
      </c>
      <c r="DL24" s="193">
        <v>0</v>
      </c>
      <c r="DM24" s="191">
        <v>0</v>
      </c>
      <c r="DN24" s="191">
        <v>0</v>
      </c>
      <c r="DO24" s="191">
        <v>0</v>
      </c>
      <c r="DP24" s="191">
        <v>0</v>
      </c>
      <c r="DQ24" s="191">
        <v>0</v>
      </c>
      <c r="DR24" s="196">
        <v>0</v>
      </c>
      <c r="DS24" s="195">
        <v>0</v>
      </c>
      <c r="DT24" s="190">
        <v>4</v>
      </c>
      <c r="DU24" s="191">
        <v>10</v>
      </c>
      <c r="DV24" s="196">
        <v>14</v>
      </c>
      <c r="DW24" s="193">
        <v>0</v>
      </c>
      <c r="DX24" s="191">
        <v>11</v>
      </c>
      <c r="DY24" s="191">
        <v>10</v>
      </c>
      <c r="DZ24" s="191">
        <v>9</v>
      </c>
      <c r="EA24" s="191">
        <v>3</v>
      </c>
      <c r="EB24" s="191">
        <v>5</v>
      </c>
      <c r="EC24" s="196">
        <v>38</v>
      </c>
      <c r="ED24" s="195">
        <v>52</v>
      </c>
      <c r="EE24" s="190">
        <v>0</v>
      </c>
      <c r="EF24" s="191">
        <v>0</v>
      </c>
      <c r="EG24" s="196">
        <v>0</v>
      </c>
      <c r="EH24" s="193">
        <v>0</v>
      </c>
      <c r="EI24" s="191">
        <v>4</v>
      </c>
      <c r="EJ24" s="191">
        <v>1</v>
      </c>
      <c r="EK24" s="191">
        <v>3</v>
      </c>
      <c r="EL24" s="191">
        <v>4</v>
      </c>
      <c r="EM24" s="191">
        <v>2</v>
      </c>
      <c r="EN24" s="196">
        <v>14</v>
      </c>
      <c r="EO24" s="195">
        <v>14</v>
      </c>
      <c r="EP24" s="190">
        <v>5</v>
      </c>
      <c r="EQ24" s="191">
        <v>11</v>
      </c>
      <c r="ER24" s="196">
        <v>16</v>
      </c>
      <c r="ES24" s="193">
        <v>0</v>
      </c>
      <c r="ET24" s="191">
        <v>21</v>
      </c>
      <c r="EU24" s="191">
        <v>16</v>
      </c>
      <c r="EV24" s="191">
        <v>10</v>
      </c>
      <c r="EW24" s="191">
        <v>4</v>
      </c>
      <c r="EX24" s="191">
        <v>7</v>
      </c>
      <c r="EY24" s="196">
        <v>58</v>
      </c>
      <c r="EZ24" s="195">
        <v>74</v>
      </c>
    </row>
    <row r="25" spans="2:156" ht="21" customHeight="1" x14ac:dyDescent="0.2">
      <c r="B25" s="106" t="s">
        <v>23</v>
      </c>
      <c r="C25" s="190">
        <v>0</v>
      </c>
      <c r="D25" s="191">
        <v>0</v>
      </c>
      <c r="E25" s="192">
        <v>0</v>
      </c>
      <c r="F25" s="193">
        <v>0</v>
      </c>
      <c r="G25" s="191">
        <v>1</v>
      </c>
      <c r="H25" s="191">
        <v>3</v>
      </c>
      <c r="I25" s="191">
        <v>7</v>
      </c>
      <c r="J25" s="191">
        <v>2</v>
      </c>
      <c r="K25" s="191">
        <v>3</v>
      </c>
      <c r="L25" s="194">
        <v>16</v>
      </c>
      <c r="M25" s="195">
        <v>16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0</v>
      </c>
      <c r="T25" s="191">
        <v>1</v>
      </c>
      <c r="U25" s="191">
        <v>3</v>
      </c>
      <c r="V25" s="191">
        <v>0</v>
      </c>
      <c r="W25" s="196">
        <v>4</v>
      </c>
      <c r="X25" s="195">
        <v>4</v>
      </c>
      <c r="Y25" s="190">
        <v>6</v>
      </c>
      <c r="Z25" s="191">
        <v>4</v>
      </c>
      <c r="AA25" s="196">
        <v>10</v>
      </c>
      <c r="AB25" s="193">
        <v>0</v>
      </c>
      <c r="AC25" s="191">
        <v>1</v>
      </c>
      <c r="AD25" s="191">
        <v>11</v>
      </c>
      <c r="AE25" s="191">
        <v>8</v>
      </c>
      <c r="AF25" s="191">
        <v>4</v>
      </c>
      <c r="AG25" s="191">
        <v>2</v>
      </c>
      <c r="AH25" s="196">
        <v>26</v>
      </c>
      <c r="AI25" s="195">
        <v>36</v>
      </c>
      <c r="AJ25" s="190">
        <v>0</v>
      </c>
      <c r="AK25" s="191">
        <v>1</v>
      </c>
      <c r="AL25" s="196">
        <v>1</v>
      </c>
      <c r="AM25" s="193">
        <v>0</v>
      </c>
      <c r="AN25" s="191">
        <v>1</v>
      </c>
      <c r="AO25" s="191">
        <v>0</v>
      </c>
      <c r="AP25" s="191">
        <v>0</v>
      </c>
      <c r="AQ25" s="191">
        <v>0</v>
      </c>
      <c r="AR25" s="191">
        <v>0</v>
      </c>
      <c r="AS25" s="196">
        <v>1</v>
      </c>
      <c r="AT25" s="195">
        <v>2</v>
      </c>
      <c r="AU25" s="190">
        <v>1</v>
      </c>
      <c r="AV25" s="191">
        <v>2</v>
      </c>
      <c r="AW25" s="196">
        <v>3</v>
      </c>
      <c r="AX25" s="193">
        <v>0</v>
      </c>
      <c r="AY25" s="191">
        <v>4</v>
      </c>
      <c r="AZ25" s="191">
        <v>6</v>
      </c>
      <c r="BA25" s="191">
        <v>12</v>
      </c>
      <c r="BB25" s="191">
        <v>7</v>
      </c>
      <c r="BC25" s="191">
        <v>8</v>
      </c>
      <c r="BD25" s="194">
        <v>37</v>
      </c>
      <c r="BE25" s="195">
        <v>40</v>
      </c>
      <c r="BF25" s="190">
        <v>0</v>
      </c>
      <c r="BG25" s="191">
        <v>0</v>
      </c>
      <c r="BH25" s="196">
        <v>0</v>
      </c>
      <c r="BI25" s="193">
        <v>0</v>
      </c>
      <c r="BJ25" s="191">
        <v>9</v>
      </c>
      <c r="BK25" s="191">
        <v>15</v>
      </c>
      <c r="BL25" s="191">
        <v>10</v>
      </c>
      <c r="BM25" s="191">
        <v>1</v>
      </c>
      <c r="BN25" s="191">
        <v>2</v>
      </c>
      <c r="BO25" s="196">
        <v>37</v>
      </c>
      <c r="BP25" s="195">
        <v>37</v>
      </c>
      <c r="BQ25" s="190">
        <v>0</v>
      </c>
      <c r="BR25" s="191">
        <v>0</v>
      </c>
      <c r="BS25" s="196">
        <v>0</v>
      </c>
      <c r="BT25" s="193">
        <v>0</v>
      </c>
      <c r="BU25" s="191">
        <v>0</v>
      </c>
      <c r="BV25" s="191">
        <v>0</v>
      </c>
      <c r="BW25" s="191">
        <v>3</v>
      </c>
      <c r="BX25" s="191">
        <v>0</v>
      </c>
      <c r="BY25" s="191">
        <v>1</v>
      </c>
      <c r="BZ25" s="196">
        <v>4</v>
      </c>
      <c r="CA25" s="195">
        <v>4</v>
      </c>
      <c r="CB25" s="190">
        <v>0</v>
      </c>
      <c r="CC25" s="191">
        <v>0</v>
      </c>
      <c r="CD25" s="196">
        <v>0</v>
      </c>
      <c r="CE25" s="193">
        <v>0</v>
      </c>
      <c r="CF25" s="191">
        <v>2</v>
      </c>
      <c r="CG25" s="191">
        <v>2</v>
      </c>
      <c r="CH25" s="191">
        <v>4</v>
      </c>
      <c r="CI25" s="191">
        <v>0</v>
      </c>
      <c r="CJ25" s="191">
        <v>0</v>
      </c>
      <c r="CK25" s="196">
        <v>8</v>
      </c>
      <c r="CL25" s="195">
        <v>8</v>
      </c>
      <c r="CM25" s="190">
        <v>0</v>
      </c>
      <c r="CN25" s="191">
        <v>0</v>
      </c>
      <c r="CO25" s="196">
        <v>0</v>
      </c>
      <c r="CP25" s="193">
        <v>0</v>
      </c>
      <c r="CQ25" s="191">
        <v>0</v>
      </c>
      <c r="CR25" s="191">
        <v>0</v>
      </c>
      <c r="CS25" s="191">
        <v>0</v>
      </c>
      <c r="CT25" s="191">
        <v>0</v>
      </c>
      <c r="CU25" s="191">
        <v>1</v>
      </c>
      <c r="CV25" s="196">
        <v>1</v>
      </c>
      <c r="CW25" s="195">
        <v>1</v>
      </c>
      <c r="CX25" s="190">
        <v>0</v>
      </c>
      <c r="CY25" s="191">
        <v>0</v>
      </c>
      <c r="CZ25" s="196">
        <v>0</v>
      </c>
      <c r="DA25" s="193">
        <v>0</v>
      </c>
      <c r="DB25" s="191">
        <v>0</v>
      </c>
      <c r="DC25" s="191">
        <v>0</v>
      </c>
      <c r="DD25" s="191">
        <v>0</v>
      </c>
      <c r="DE25" s="191">
        <v>0</v>
      </c>
      <c r="DF25" s="191">
        <v>0</v>
      </c>
      <c r="DG25" s="196">
        <v>0</v>
      </c>
      <c r="DH25" s="195">
        <v>0</v>
      </c>
      <c r="DI25" s="190">
        <v>0</v>
      </c>
      <c r="DJ25" s="191">
        <v>0</v>
      </c>
      <c r="DK25" s="196">
        <v>0</v>
      </c>
      <c r="DL25" s="193">
        <v>0</v>
      </c>
      <c r="DM25" s="191">
        <v>0</v>
      </c>
      <c r="DN25" s="191">
        <v>0</v>
      </c>
      <c r="DO25" s="191">
        <v>0</v>
      </c>
      <c r="DP25" s="191">
        <v>0</v>
      </c>
      <c r="DQ25" s="191">
        <v>0</v>
      </c>
      <c r="DR25" s="196">
        <v>0</v>
      </c>
      <c r="DS25" s="195">
        <v>0</v>
      </c>
      <c r="DT25" s="190">
        <v>1</v>
      </c>
      <c r="DU25" s="191">
        <v>12</v>
      </c>
      <c r="DV25" s="196">
        <v>13</v>
      </c>
      <c r="DW25" s="193">
        <v>0</v>
      </c>
      <c r="DX25" s="191">
        <v>8</v>
      </c>
      <c r="DY25" s="191">
        <v>15</v>
      </c>
      <c r="DZ25" s="191">
        <v>15</v>
      </c>
      <c r="EA25" s="191">
        <v>5</v>
      </c>
      <c r="EB25" s="191">
        <v>5</v>
      </c>
      <c r="EC25" s="196">
        <v>48</v>
      </c>
      <c r="ED25" s="195">
        <v>61</v>
      </c>
      <c r="EE25" s="190">
        <v>1</v>
      </c>
      <c r="EF25" s="191">
        <v>1</v>
      </c>
      <c r="EG25" s="196">
        <v>2</v>
      </c>
      <c r="EH25" s="193">
        <v>0</v>
      </c>
      <c r="EI25" s="191">
        <v>1</v>
      </c>
      <c r="EJ25" s="191">
        <v>5</v>
      </c>
      <c r="EK25" s="191">
        <v>2</v>
      </c>
      <c r="EL25" s="191">
        <v>4</v>
      </c>
      <c r="EM25" s="191">
        <v>4</v>
      </c>
      <c r="EN25" s="196">
        <v>16</v>
      </c>
      <c r="EO25" s="195">
        <v>18</v>
      </c>
      <c r="EP25" s="190">
        <v>7</v>
      </c>
      <c r="EQ25" s="191">
        <v>13</v>
      </c>
      <c r="ER25" s="196">
        <v>20</v>
      </c>
      <c r="ES25" s="193">
        <v>0</v>
      </c>
      <c r="ET25" s="191">
        <v>18</v>
      </c>
      <c r="EU25" s="191">
        <v>26</v>
      </c>
      <c r="EV25" s="191">
        <v>19</v>
      </c>
      <c r="EW25" s="191">
        <v>4</v>
      </c>
      <c r="EX25" s="191">
        <v>6</v>
      </c>
      <c r="EY25" s="196">
        <v>73</v>
      </c>
      <c r="EZ25" s="195">
        <v>93</v>
      </c>
    </row>
    <row r="26" spans="2:156" ht="21" customHeight="1" x14ac:dyDescent="0.2">
      <c r="B26" s="106" t="s">
        <v>24</v>
      </c>
      <c r="C26" s="190">
        <v>0</v>
      </c>
      <c r="D26" s="191">
        <v>0</v>
      </c>
      <c r="E26" s="192">
        <v>0</v>
      </c>
      <c r="F26" s="193">
        <v>0</v>
      </c>
      <c r="G26" s="191">
        <v>9</v>
      </c>
      <c r="H26" s="191">
        <v>9</v>
      </c>
      <c r="I26" s="191">
        <v>3</v>
      </c>
      <c r="J26" s="191">
        <v>3</v>
      </c>
      <c r="K26" s="191">
        <v>3</v>
      </c>
      <c r="L26" s="194">
        <v>27</v>
      </c>
      <c r="M26" s="195">
        <v>27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1</v>
      </c>
      <c r="T26" s="191">
        <v>0</v>
      </c>
      <c r="U26" s="191">
        <v>2</v>
      </c>
      <c r="V26" s="191">
        <v>4</v>
      </c>
      <c r="W26" s="196">
        <v>7</v>
      </c>
      <c r="X26" s="195">
        <v>7</v>
      </c>
      <c r="Y26" s="190">
        <v>3</v>
      </c>
      <c r="Z26" s="191">
        <v>3</v>
      </c>
      <c r="AA26" s="196">
        <v>6</v>
      </c>
      <c r="AB26" s="193">
        <v>0</v>
      </c>
      <c r="AC26" s="191">
        <v>11</v>
      </c>
      <c r="AD26" s="191">
        <v>8</v>
      </c>
      <c r="AE26" s="191">
        <v>5</v>
      </c>
      <c r="AF26" s="191">
        <v>3</v>
      </c>
      <c r="AG26" s="191">
        <v>5</v>
      </c>
      <c r="AH26" s="196">
        <v>32</v>
      </c>
      <c r="AI26" s="195">
        <v>38</v>
      </c>
      <c r="AJ26" s="190">
        <v>0</v>
      </c>
      <c r="AK26" s="191">
        <v>0</v>
      </c>
      <c r="AL26" s="196">
        <v>0</v>
      </c>
      <c r="AM26" s="193">
        <v>0</v>
      </c>
      <c r="AN26" s="191">
        <v>0</v>
      </c>
      <c r="AO26" s="191">
        <v>0</v>
      </c>
      <c r="AP26" s="191">
        <v>0</v>
      </c>
      <c r="AQ26" s="191">
        <v>0</v>
      </c>
      <c r="AR26" s="191">
        <v>1</v>
      </c>
      <c r="AS26" s="196">
        <v>1</v>
      </c>
      <c r="AT26" s="195">
        <v>1</v>
      </c>
      <c r="AU26" s="190">
        <v>5</v>
      </c>
      <c r="AV26" s="191">
        <v>2</v>
      </c>
      <c r="AW26" s="196">
        <v>7</v>
      </c>
      <c r="AX26" s="193">
        <v>0</v>
      </c>
      <c r="AY26" s="191">
        <v>13</v>
      </c>
      <c r="AZ26" s="191">
        <v>10</v>
      </c>
      <c r="BA26" s="191">
        <v>8</v>
      </c>
      <c r="BB26" s="191">
        <v>10</v>
      </c>
      <c r="BC26" s="191">
        <v>14</v>
      </c>
      <c r="BD26" s="194">
        <v>55</v>
      </c>
      <c r="BE26" s="195">
        <v>62</v>
      </c>
      <c r="BF26" s="190">
        <v>0</v>
      </c>
      <c r="BG26" s="191">
        <v>0</v>
      </c>
      <c r="BH26" s="196">
        <v>0</v>
      </c>
      <c r="BI26" s="193">
        <v>0</v>
      </c>
      <c r="BJ26" s="191">
        <v>13</v>
      </c>
      <c r="BK26" s="191">
        <v>8</v>
      </c>
      <c r="BL26" s="191">
        <v>2</v>
      </c>
      <c r="BM26" s="191">
        <v>1</v>
      </c>
      <c r="BN26" s="191">
        <v>0</v>
      </c>
      <c r="BO26" s="196">
        <v>24</v>
      </c>
      <c r="BP26" s="195">
        <v>24</v>
      </c>
      <c r="BQ26" s="190">
        <v>2</v>
      </c>
      <c r="BR26" s="191">
        <v>1</v>
      </c>
      <c r="BS26" s="196">
        <v>3</v>
      </c>
      <c r="BT26" s="193">
        <v>0</v>
      </c>
      <c r="BU26" s="191">
        <v>8</v>
      </c>
      <c r="BV26" s="191">
        <v>3</v>
      </c>
      <c r="BW26" s="191">
        <v>0</v>
      </c>
      <c r="BX26" s="191">
        <v>0</v>
      </c>
      <c r="BY26" s="191">
        <v>0</v>
      </c>
      <c r="BZ26" s="196">
        <v>11</v>
      </c>
      <c r="CA26" s="195">
        <v>14</v>
      </c>
      <c r="CB26" s="190">
        <v>0</v>
      </c>
      <c r="CC26" s="191">
        <v>0</v>
      </c>
      <c r="CD26" s="196">
        <v>0</v>
      </c>
      <c r="CE26" s="193">
        <v>0</v>
      </c>
      <c r="CF26" s="191">
        <v>0</v>
      </c>
      <c r="CG26" s="191">
        <v>2</v>
      </c>
      <c r="CH26" s="191">
        <v>0</v>
      </c>
      <c r="CI26" s="191">
        <v>0</v>
      </c>
      <c r="CJ26" s="191">
        <v>0</v>
      </c>
      <c r="CK26" s="196">
        <v>2</v>
      </c>
      <c r="CL26" s="195">
        <v>2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  <c r="CX26" s="190">
        <v>0</v>
      </c>
      <c r="CY26" s="191">
        <v>0</v>
      </c>
      <c r="CZ26" s="196">
        <v>0</v>
      </c>
      <c r="DA26" s="193">
        <v>0</v>
      </c>
      <c r="DB26" s="191">
        <v>0</v>
      </c>
      <c r="DC26" s="191">
        <v>0</v>
      </c>
      <c r="DD26" s="191">
        <v>0</v>
      </c>
      <c r="DE26" s="191">
        <v>0</v>
      </c>
      <c r="DF26" s="191">
        <v>0</v>
      </c>
      <c r="DG26" s="196">
        <v>0</v>
      </c>
      <c r="DH26" s="195">
        <v>0</v>
      </c>
      <c r="DI26" s="190">
        <v>0</v>
      </c>
      <c r="DJ26" s="191">
        <v>0</v>
      </c>
      <c r="DK26" s="196">
        <v>0</v>
      </c>
      <c r="DL26" s="193">
        <v>0</v>
      </c>
      <c r="DM26" s="191">
        <v>0</v>
      </c>
      <c r="DN26" s="191">
        <v>0</v>
      </c>
      <c r="DO26" s="191">
        <v>0</v>
      </c>
      <c r="DP26" s="191">
        <v>0</v>
      </c>
      <c r="DQ26" s="191">
        <v>0</v>
      </c>
      <c r="DR26" s="196">
        <v>0</v>
      </c>
      <c r="DS26" s="195">
        <v>0</v>
      </c>
      <c r="DT26" s="190">
        <v>6</v>
      </c>
      <c r="DU26" s="191">
        <v>9</v>
      </c>
      <c r="DV26" s="196">
        <v>15</v>
      </c>
      <c r="DW26" s="193">
        <v>0</v>
      </c>
      <c r="DX26" s="191">
        <v>17</v>
      </c>
      <c r="DY26" s="191">
        <v>22</v>
      </c>
      <c r="DZ26" s="191">
        <v>7</v>
      </c>
      <c r="EA26" s="191">
        <v>6</v>
      </c>
      <c r="EB26" s="191">
        <v>8</v>
      </c>
      <c r="EC26" s="196">
        <v>60</v>
      </c>
      <c r="ED26" s="195">
        <v>75</v>
      </c>
      <c r="EE26" s="190">
        <v>4</v>
      </c>
      <c r="EF26" s="191">
        <v>1</v>
      </c>
      <c r="EG26" s="196">
        <v>5</v>
      </c>
      <c r="EH26" s="193">
        <v>0</v>
      </c>
      <c r="EI26" s="191">
        <v>6</v>
      </c>
      <c r="EJ26" s="191">
        <v>3</v>
      </c>
      <c r="EK26" s="191">
        <v>4</v>
      </c>
      <c r="EL26" s="191">
        <v>4</v>
      </c>
      <c r="EM26" s="191">
        <v>5</v>
      </c>
      <c r="EN26" s="196">
        <v>22</v>
      </c>
      <c r="EO26" s="195">
        <v>27</v>
      </c>
      <c r="EP26" s="190">
        <v>9</v>
      </c>
      <c r="EQ26" s="191">
        <v>11</v>
      </c>
      <c r="ER26" s="196">
        <v>20</v>
      </c>
      <c r="ES26" s="193">
        <v>0</v>
      </c>
      <c r="ET26" s="191">
        <v>33</v>
      </c>
      <c r="EU26" s="191">
        <v>23</v>
      </c>
      <c r="EV26" s="191">
        <v>8</v>
      </c>
      <c r="EW26" s="191">
        <v>7</v>
      </c>
      <c r="EX26" s="191">
        <v>9</v>
      </c>
      <c r="EY26" s="196">
        <v>80</v>
      </c>
      <c r="EZ26" s="195">
        <v>100</v>
      </c>
    </row>
    <row r="27" spans="2:156" ht="21" customHeight="1" x14ac:dyDescent="0.2">
      <c r="B27" s="106" t="s">
        <v>25</v>
      </c>
      <c r="C27" s="190">
        <v>0</v>
      </c>
      <c r="D27" s="191">
        <v>0</v>
      </c>
      <c r="E27" s="192">
        <v>0</v>
      </c>
      <c r="F27" s="193">
        <v>0</v>
      </c>
      <c r="G27" s="191">
        <v>3</v>
      </c>
      <c r="H27" s="191">
        <v>3</v>
      </c>
      <c r="I27" s="191">
        <v>2</v>
      </c>
      <c r="J27" s="191">
        <v>0</v>
      </c>
      <c r="K27" s="191">
        <v>1</v>
      </c>
      <c r="L27" s="194">
        <v>9</v>
      </c>
      <c r="M27" s="195">
        <v>9</v>
      </c>
      <c r="N27" s="190">
        <v>0</v>
      </c>
      <c r="O27" s="191">
        <v>0</v>
      </c>
      <c r="P27" s="196">
        <v>0</v>
      </c>
      <c r="Q27" s="193">
        <v>0</v>
      </c>
      <c r="R27" s="191">
        <v>0</v>
      </c>
      <c r="S27" s="191">
        <v>0</v>
      </c>
      <c r="T27" s="191">
        <v>0</v>
      </c>
      <c r="U27" s="191">
        <v>0</v>
      </c>
      <c r="V27" s="191">
        <v>2</v>
      </c>
      <c r="W27" s="196">
        <v>2</v>
      </c>
      <c r="X27" s="195">
        <v>2</v>
      </c>
      <c r="Y27" s="190">
        <v>5</v>
      </c>
      <c r="Z27" s="191">
        <v>4</v>
      </c>
      <c r="AA27" s="196">
        <v>9</v>
      </c>
      <c r="AB27" s="193">
        <v>0</v>
      </c>
      <c r="AC27" s="191">
        <v>2</v>
      </c>
      <c r="AD27" s="191">
        <v>2</v>
      </c>
      <c r="AE27" s="191">
        <v>2</v>
      </c>
      <c r="AF27" s="191">
        <v>2</v>
      </c>
      <c r="AG27" s="191">
        <v>3</v>
      </c>
      <c r="AH27" s="196">
        <v>11</v>
      </c>
      <c r="AI27" s="195">
        <v>20</v>
      </c>
      <c r="AJ27" s="190">
        <v>0</v>
      </c>
      <c r="AK27" s="191">
        <v>0</v>
      </c>
      <c r="AL27" s="196">
        <v>0</v>
      </c>
      <c r="AM27" s="193">
        <v>0</v>
      </c>
      <c r="AN27" s="191">
        <v>0</v>
      </c>
      <c r="AO27" s="191">
        <v>0</v>
      </c>
      <c r="AP27" s="191">
        <v>0</v>
      </c>
      <c r="AQ27" s="191">
        <v>0</v>
      </c>
      <c r="AR27" s="191">
        <v>0</v>
      </c>
      <c r="AS27" s="196">
        <v>0</v>
      </c>
      <c r="AT27" s="195">
        <v>0</v>
      </c>
      <c r="AU27" s="190">
        <v>1</v>
      </c>
      <c r="AV27" s="191">
        <v>1</v>
      </c>
      <c r="AW27" s="196">
        <v>2</v>
      </c>
      <c r="AX27" s="193">
        <v>0</v>
      </c>
      <c r="AY27" s="191">
        <v>2</v>
      </c>
      <c r="AZ27" s="191">
        <v>2</v>
      </c>
      <c r="BA27" s="191">
        <v>1</v>
      </c>
      <c r="BB27" s="191">
        <v>0</v>
      </c>
      <c r="BC27" s="191">
        <v>4</v>
      </c>
      <c r="BD27" s="194">
        <v>9</v>
      </c>
      <c r="BE27" s="195">
        <v>11</v>
      </c>
      <c r="BF27" s="190">
        <v>0</v>
      </c>
      <c r="BG27" s="191">
        <v>0</v>
      </c>
      <c r="BH27" s="196">
        <v>0</v>
      </c>
      <c r="BI27" s="193">
        <v>0</v>
      </c>
      <c r="BJ27" s="191">
        <v>2</v>
      </c>
      <c r="BK27" s="191">
        <v>4</v>
      </c>
      <c r="BL27" s="191">
        <v>1</v>
      </c>
      <c r="BM27" s="191">
        <v>1</v>
      </c>
      <c r="BN27" s="191">
        <v>0</v>
      </c>
      <c r="BO27" s="196">
        <v>8</v>
      </c>
      <c r="BP27" s="195">
        <v>8</v>
      </c>
      <c r="BQ27" s="190">
        <v>0</v>
      </c>
      <c r="BR27" s="191">
        <v>0</v>
      </c>
      <c r="BS27" s="196">
        <v>0</v>
      </c>
      <c r="BT27" s="193">
        <v>0</v>
      </c>
      <c r="BU27" s="191">
        <v>2</v>
      </c>
      <c r="BV27" s="191">
        <v>6</v>
      </c>
      <c r="BW27" s="191">
        <v>1</v>
      </c>
      <c r="BX27" s="191">
        <v>0</v>
      </c>
      <c r="BY27" s="191">
        <v>0</v>
      </c>
      <c r="BZ27" s="196">
        <v>9</v>
      </c>
      <c r="CA27" s="195">
        <v>9</v>
      </c>
      <c r="CB27" s="190">
        <v>0</v>
      </c>
      <c r="CC27" s="191">
        <v>0</v>
      </c>
      <c r="CD27" s="196">
        <v>0</v>
      </c>
      <c r="CE27" s="193">
        <v>0</v>
      </c>
      <c r="CF27" s="191">
        <v>2</v>
      </c>
      <c r="CG27" s="191">
        <v>0</v>
      </c>
      <c r="CH27" s="191">
        <v>0</v>
      </c>
      <c r="CI27" s="191">
        <v>0</v>
      </c>
      <c r="CJ27" s="191">
        <v>0</v>
      </c>
      <c r="CK27" s="196">
        <v>2</v>
      </c>
      <c r="CL27" s="195">
        <v>2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  <c r="CX27" s="190">
        <v>0</v>
      </c>
      <c r="CY27" s="191">
        <v>0</v>
      </c>
      <c r="CZ27" s="196">
        <v>0</v>
      </c>
      <c r="DA27" s="193">
        <v>0</v>
      </c>
      <c r="DB27" s="191">
        <v>0</v>
      </c>
      <c r="DC27" s="191">
        <v>0</v>
      </c>
      <c r="DD27" s="191">
        <v>0</v>
      </c>
      <c r="DE27" s="191">
        <v>0</v>
      </c>
      <c r="DF27" s="191">
        <v>0</v>
      </c>
      <c r="DG27" s="196">
        <v>0</v>
      </c>
      <c r="DH27" s="195">
        <v>0</v>
      </c>
      <c r="DI27" s="190">
        <v>0</v>
      </c>
      <c r="DJ27" s="191">
        <v>0</v>
      </c>
      <c r="DK27" s="196">
        <v>0</v>
      </c>
      <c r="DL27" s="193">
        <v>0</v>
      </c>
      <c r="DM27" s="191">
        <v>0</v>
      </c>
      <c r="DN27" s="191">
        <v>0</v>
      </c>
      <c r="DO27" s="191">
        <v>0</v>
      </c>
      <c r="DP27" s="191">
        <v>0</v>
      </c>
      <c r="DQ27" s="191">
        <v>0</v>
      </c>
      <c r="DR27" s="196">
        <v>0</v>
      </c>
      <c r="DS27" s="195">
        <v>0</v>
      </c>
      <c r="DT27" s="190">
        <v>2</v>
      </c>
      <c r="DU27" s="191">
        <v>9</v>
      </c>
      <c r="DV27" s="196">
        <v>11</v>
      </c>
      <c r="DW27" s="193">
        <v>0</v>
      </c>
      <c r="DX27" s="191">
        <v>6</v>
      </c>
      <c r="DY27" s="191">
        <v>11</v>
      </c>
      <c r="DZ27" s="191">
        <v>6</v>
      </c>
      <c r="EA27" s="191">
        <v>2</v>
      </c>
      <c r="EB27" s="191">
        <v>3</v>
      </c>
      <c r="EC27" s="196">
        <v>28</v>
      </c>
      <c r="ED27" s="195">
        <v>39</v>
      </c>
      <c r="EE27" s="190">
        <v>0</v>
      </c>
      <c r="EF27" s="191">
        <v>0</v>
      </c>
      <c r="EG27" s="196">
        <v>0</v>
      </c>
      <c r="EH27" s="193">
        <v>0</v>
      </c>
      <c r="EI27" s="191">
        <v>1</v>
      </c>
      <c r="EJ27" s="191">
        <v>2</v>
      </c>
      <c r="EK27" s="191">
        <v>0</v>
      </c>
      <c r="EL27" s="191">
        <v>0</v>
      </c>
      <c r="EM27" s="191">
        <v>0</v>
      </c>
      <c r="EN27" s="196">
        <v>3</v>
      </c>
      <c r="EO27" s="195">
        <v>3</v>
      </c>
      <c r="EP27" s="190">
        <v>7</v>
      </c>
      <c r="EQ27" s="191">
        <v>11</v>
      </c>
      <c r="ER27" s="196">
        <v>18</v>
      </c>
      <c r="ES27" s="193">
        <v>0</v>
      </c>
      <c r="ET27" s="191">
        <v>11</v>
      </c>
      <c r="EU27" s="191">
        <v>16</v>
      </c>
      <c r="EV27" s="191">
        <v>7</v>
      </c>
      <c r="EW27" s="191">
        <v>2</v>
      </c>
      <c r="EX27" s="191">
        <v>4</v>
      </c>
      <c r="EY27" s="196">
        <v>40</v>
      </c>
      <c r="EZ27" s="195">
        <v>58</v>
      </c>
    </row>
    <row r="28" spans="2:156" ht="21" customHeight="1" x14ac:dyDescent="0.2">
      <c r="B28" s="106" t="s">
        <v>26</v>
      </c>
      <c r="C28" s="190">
        <v>0</v>
      </c>
      <c r="D28" s="191">
        <v>0</v>
      </c>
      <c r="E28" s="192">
        <v>0</v>
      </c>
      <c r="F28" s="193">
        <v>0</v>
      </c>
      <c r="G28" s="191">
        <v>3</v>
      </c>
      <c r="H28" s="191">
        <v>5</v>
      </c>
      <c r="I28" s="191">
        <v>3</v>
      </c>
      <c r="J28" s="191">
        <v>1</v>
      </c>
      <c r="K28" s="191">
        <v>4</v>
      </c>
      <c r="L28" s="194">
        <v>16</v>
      </c>
      <c r="M28" s="195">
        <v>16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0</v>
      </c>
      <c r="T28" s="191">
        <v>0</v>
      </c>
      <c r="U28" s="191">
        <v>0</v>
      </c>
      <c r="V28" s="191">
        <v>0</v>
      </c>
      <c r="W28" s="196">
        <v>0</v>
      </c>
      <c r="X28" s="195">
        <v>0</v>
      </c>
      <c r="Y28" s="190">
        <v>2</v>
      </c>
      <c r="Z28" s="191">
        <v>1</v>
      </c>
      <c r="AA28" s="196">
        <v>3</v>
      </c>
      <c r="AB28" s="193">
        <v>0</v>
      </c>
      <c r="AC28" s="191">
        <v>5</v>
      </c>
      <c r="AD28" s="191">
        <v>4</v>
      </c>
      <c r="AE28" s="191">
        <v>4</v>
      </c>
      <c r="AF28" s="191">
        <v>0</v>
      </c>
      <c r="AG28" s="191">
        <v>2</v>
      </c>
      <c r="AH28" s="196">
        <v>15</v>
      </c>
      <c r="AI28" s="195">
        <v>18</v>
      </c>
      <c r="AJ28" s="190">
        <v>0</v>
      </c>
      <c r="AK28" s="191">
        <v>0</v>
      </c>
      <c r="AL28" s="196">
        <v>0</v>
      </c>
      <c r="AM28" s="193">
        <v>0</v>
      </c>
      <c r="AN28" s="191">
        <v>1</v>
      </c>
      <c r="AO28" s="191">
        <v>0</v>
      </c>
      <c r="AP28" s="191">
        <v>0</v>
      </c>
      <c r="AQ28" s="191">
        <v>0</v>
      </c>
      <c r="AR28" s="191">
        <v>0</v>
      </c>
      <c r="AS28" s="196">
        <v>1</v>
      </c>
      <c r="AT28" s="195">
        <v>1</v>
      </c>
      <c r="AU28" s="190">
        <v>1</v>
      </c>
      <c r="AV28" s="191">
        <v>0</v>
      </c>
      <c r="AW28" s="196">
        <v>1</v>
      </c>
      <c r="AX28" s="193">
        <v>0</v>
      </c>
      <c r="AY28" s="191">
        <v>8</v>
      </c>
      <c r="AZ28" s="191">
        <v>4</v>
      </c>
      <c r="BA28" s="191">
        <v>9</v>
      </c>
      <c r="BB28" s="191">
        <v>3</v>
      </c>
      <c r="BC28" s="191">
        <v>5</v>
      </c>
      <c r="BD28" s="194">
        <v>29</v>
      </c>
      <c r="BE28" s="195">
        <v>30</v>
      </c>
      <c r="BF28" s="190">
        <v>0</v>
      </c>
      <c r="BG28" s="191">
        <v>0</v>
      </c>
      <c r="BH28" s="196">
        <v>0</v>
      </c>
      <c r="BI28" s="193">
        <v>0</v>
      </c>
      <c r="BJ28" s="191">
        <v>8</v>
      </c>
      <c r="BK28" s="191">
        <v>5</v>
      </c>
      <c r="BL28" s="191">
        <v>2</v>
      </c>
      <c r="BM28" s="191">
        <v>1</v>
      </c>
      <c r="BN28" s="191">
        <v>2</v>
      </c>
      <c r="BO28" s="196">
        <v>18</v>
      </c>
      <c r="BP28" s="195">
        <v>18</v>
      </c>
      <c r="BQ28" s="190">
        <v>0</v>
      </c>
      <c r="BR28" s="191">
        <v>1</v>
      </c>
      <c r="BS28" s="196">
        <v>1</v>
      </c>
      <c r="BT28" s="193">
        <v>0</v>
      </c>
      <c r="BU28" s="191">
        <v>0</v>
      </c>
      <c r="BV28" s="191">
        <v>3</v>
      </c>
      <c r="BW28" s="191">
        <v>1</v>
      </c>
      <c r="BX28" s="191">
        <v>0</v>
      </c>
      <c r="BY28" s="191">
        <v>0</v>
      </c>
      <c r="BZ28" s="196">
        <v>4</v>
      </c>
      <c r="CA28" s="195">
        <v>5</v>
      </c>
      <c r="CB28" s="190">
        <v>0</v>
      </c>
      <c r="CC28" s="191">
        <v>0</v>
      </c>
      <c r="CD28" s="196">
        <v>0</v>
      </c>
      <c r="CE28" s="193">
        <v>0</v>
      </c>
      <c r="CF28" s="191">
        <v>1</v>
      </c>
      <c r="CG28" s="191">
        <v>3</v>
      </c>
      <c r="CH28" s="191">
        <v>0</v>
      </c>
      <c r="CI28" s="191">
        <v>0</v>
      </c>
      <c r="CJ28" s="191">
        <v>0</v>
      </c>
      <c r="CK28" s="196">
        <v>4</v>
      </c>
      <c r="CL28" s="195">
        <v>4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1</v>
      </c>
      <c r="CV28" s="196">
        <v>1</v>
      </c>
      <c r="CW28" s="195">
        <v>1</v>
      </c>
      <c r="CX28" s="190">
        <v>0</v>
      </c>
      <c r="CY28" s="191">
        <v>0</v>
      </c>
      <c r="CZ28" s="196">
        <v>0</v>
      </c>
      <c r="DA28" s="193">
        <v>0</v>
      </c>
      <c r="DB28" s="191">
        <v>0</v>
      </c>
      <c r="DC28" s="191">
        <v>0</v>
      </c>
      <c r="DD28" s="191">
        <v>0</v>
      </c>
      <c r="DE28" s="191">
        <v>0</v>
      </c>
      <c r="DF28" s="191">
        <v>0</v>
      </c>
      <c r="DG28" s="196">
        <v>0</v>
      </c>
      <c r="DH28" s="195">
        <v>0</v>
      </c>
      <c r="DI28" s="190">
        <v>0</v>
      </c>
      <c r="DJ28" s="191">
        <v>0</v>
      </c>
      <c r="DK28" s="196">
        <v>0</v>
      </c>
      <c r="DL28" s="193">
        <v>0</v>
      </c>
      <c r="DM28" s="191">
        <v>0</v>
      </c>
      <c r="DN28" s="191">
        <v>0</v>
      </c>
      <c r="DO28" s="191">
        <v>0</v>
      </c>
      <c r="DP28" s="191">
        <v>0</v>
      </c>
      <c r="DQ28" s="191">
        <v>0</v>
      </c>
      <c r="DR28" s="196">
        <v>0</v>
      </c>
      <c r="DS28" s="195">
        <v>0</v>
      </c>
      <c r="DT28" s="190">
        <v>1</v>
      </c>
      <c r="DU28" s="191">
        <v>6</v>
      </c>
      <c r="DV28" s="196">
        <v>7</v>
      </c>
      <c r="DW28" s="193">
        <v>0</v>
      </c>
      <c r="DX28" s="191">
        <v>7</v>
      </c>
      <c r="DY28" s="191">
        <v>10</v>
      </c>
      <c r="DZ28" s="191">
        <v>5</v>
      </c>
      <c r="EA28" s="191">
        <v>1</v>
      </c>
      <c r="EB28" s="191">
        <v>4</v>
      </c>
      <c r="EC28" s="196">
        <v>27</v>
      </c>
      <c r="ED28" s="195">
        <v>34</v>
      </c>
      <c r="EE28" s="190">
        <v>0</v>
      </c>
      <c r="EF28" s="191">
        <v>1</v>
      </c>
      <c r="EG28" s="196">
        <v>1</v>
      </c>
      <c r="EH28" s="193">
        <v>0</v>
      </c>
      <c r="EI28" s="191">
        <v>5</v>
      </c>
      <c r="EJ28" s="191">
        <v>2</v>
      </c>
      <c r="EK28" s="191">
        <v>4</v>
      </c>
      <c r="EL28" s="191">
        <v>3</v>
      </c>
      <c r="EM28" s="191">
        <v>2</v>
      </c>
      <c r="EN28" s="196">
        <v>16</v>
      </c>
      <c r="EO28" s="195">
        <v>17</v>
      </c>
      <c r="EP28" s="190">
        <v>3</v>
      </c>
      <c r="EQ28" s="191">
        <v>7</v>
      </c>
      <c r="ER28" s="196">
        <v>10</v>
      </c>
      <c r="ES28" s="193">
        <v>0</v>
      </c>
      <c r="ET28" s="191">
        <v>16</v>
      </c>
      <c r="EU28" s="191">
        <v>15</v>
      </c>
      <c r="EV28" s="191">
        <v>8</v>
      </c>
      <c r="EW28" s="191">
        <v>1</v>
      </c>
      <c r="EX28" s="191">
        <v>4</v>
      </c>
      <c r="EY28" s="196">
        <v>44</v>
      </c>
      <c r="EZ28" s="195">
        <v>54</v>
      </c>
    </row>
    <row r="29" spans="2:156" ht="21" customHeight="1" x14ac:dyDescent="0.2">
      <c r="B29" s="106" t="s">
        <v>27</v>
      </c>
      <c r="C29" s="190">
        <v>0</v>
      </c>
      <c r="D29" s="191">
        <v>0</v>
      </c>
      <c r="E29" s="192">
        <v>0</v>
      </c>
      <c r="F29" s="193">
        <v>0</v>
      </c>
      <c r="G29" s="191">
        <v>1</v>
      </c>
      <c r="H29" s="191">
        <v>2</v>
      </c>
      <c r="I29" s="191">
        <v>3</v>
      </c>
      <c r="J29" s="191">
        <v>2</v>
      </c>
      <c r="K29" s="191">
        <v>1</v>
      </c>
      <c r="L29" s="194">
        <v>9</v>
      </c>
      <c r="M29" s="195">
        <v>9</v>
      </c>
      <c r="N29" s="190">
        <v>0</v>
      </c>
      <c r="O29" s="191">
        <v>0</v>
      </c>
      <c r="P29" s="196">
        <v>0</v>
      </c>
      <c r="Q29" s="193">
        <v>0</v>
      </c>
      <c r="R29" s="191">
        <v>0</v>
      </c>
      <c r="S29" s="191">
        <v>0</v>
      </c>
      <c r="T29" s="191">
        <v>0</v>
      </c>
      <c r="U29" s="191">
        <v>2</v>
      </c>
      <c r="V29" s="191">
        <v>0</v>
      </c>
      <c r="W29" s="196">
        <v>2</v>
      </c>
      <c r="X29" s="195">
        <v>2</v>
      </c>
      <c r="Y29" s="190">
        <v>0</v>
      </c>
      <c r="Z29" s="191">
        <v>3</v>
      </c>
      <c r="AA29" s="196">
        <v>3</v>
      </c>
      <c r="AB29" s="193">
        <v>0</v>
      </c>
      <c r="AC29" s="191">
        <v>4</v>
      </c>
      <c r="AD29" s="191">
        <v>2</v>
      </c>
      <c r="AE29" s="191">
        <v>4</v>
      </c>
      <c r="AF29" s="191">
        <v>2</v>
      </c>
      <c r="AG29" s="191">
        <v>0</v>
      </c>
      <c r="AH29" s="196">
        <v>12</v>
      </c>
      <c r="AI29" s="195">
        <v>15</v>
      </c>
      <c r="AJ29" s="190">
        <v>0</v>
      </c>
      <c r="AK29" s="191">
        <v>0</v>
      </c>
      <c r="AL29" s="196">
        <v>0</v>
      </c>
      <c r="AM29" s="193">
        <v>0</v>
      </c>
      <c r="AN29" s="191">
        <v>0</v>
      </c>
      <c r="AO29" s="191">
        <v>0</v>
      </c>
      <c r="AP29" s="191">
        <v>0</v>
      </c>
      <c r="AQ29" s="191">
        <v>0</v>
      </c>
      <c r="AR29" s="191">
        <v>0</v>
      </c>
      <c r="AS29" s="196">
        <v>0</v>
      </c>
      <c r="AT29" s="195">
        <v>0</v>
      </c>
      <c r="AU29" s="190">
        <v>1</v>
      </c>
      <c r="AV29" s="191">
        <v>1</v>
      </c>
      <c r="AW29" s="196">
        <v>2</v>
      </c>
      <c r="AX29" s="193">
        <v>0</v>
      </c>
      <c r="AY29" s="191">
        <v>2</v>
      </c>
      <c r="AZ29" s="191">
        <v>7</v>
      </c>
      <c r="BA29" s="191">
        <v>9</v>
      </c>
      <c r="BB29" s="191">
        <v>3</v>
      </c>
      <c r="BC29" s="191">
        <v>3</v>
      </c>
      <c r="BD29" s="194">
        <v>24</v>
      </c>
      <c r="BE29" s="195">
        <v>26</v>
      </c>
      <c r="BF29" s="190">
        <v>0</v>
      </c>
      <c r="BG29" s="191">
        <v>0</v>
      </c>
      <c r="BH29" s="196">
        <v>0</v>
      </c>
      <c r="BI29" s="193">
        <v>0</v>
      </c>
      <c r="BJ29" s="191">
        <v>7</v>
      </c>
      <c r="BK29" s="191">
        <v>1</v>
      </c>
      <c r="BL29" s="191">
        <v>3</v>
      </c>
      <c r="BM29" s="191">
        <v>1</v>
      </c>
      <c r="BN29" s="191">
        <v>0</v>
      </c>
      <c r="BO29" s="196">
        <v>12</v>
      </c>
      <c r="BP29" s="195">
        <v>12</v>
      </c>
      <c r="BQ29" s="190">
        <v>2</v>
      </c>
      <c r="BR29" s="191">
        <v>2</v>
      </c>
      <c r="BS29" s="196">
        <v>4</v>
      </c>
      <c r="BT29" s="193">
        <v>0</v>
      </c>
      <c r="BU29" s="191">
        <v>3</v>
      </c>
      <c r="BV29" s="191">
        <v>1</v>
      </c>
      <c r="BW29" s="191">
        <v>1</v>
      </c>
      <c r="BX29" s="191">
        <v>0</v>
      </c>
      <c r="BY29" s="191">
        <v>0</v>
      </c>
      <c r="BZ29" s="196">
        <v>5</v>
      </c>
      <c r="CA29" s="195">
        <v>9</v>
      </c>
      <c r="CB29" s="190">
        <v>0</v>
      </c>
      <c r="CC29" s="191">
        <v>0</v>
      </c>
      <c r="CD29" s="196">
        <v>0</v>
      </c>
      <c r="CE29" s="193">
        <v>0</v>
      </c>
      <c r="CF29" s="191">
        <v>3</v>
      </c>
      <c r="CG29" s="191">
        <v>0</v>
      </c>
      <c r="CH29" s="191">
        <v>1</v>
      </c>
      <c r="CI29" s="191">
        <v>1</v>
      </c>
      <c r="CJ29" s="191">
        <v>0</v>
      </c>
      <c r="CK29" s="196">
        <v>5</v>
      </c>
      <c r="CL29" s="195">
        <v>5</v>
      </c>
      <c r="CM29" s="190">
        <v>0</v>
      </c>
      <c r="CN29" s="191">
        <v>0</v>
      </c>
      <c r="CO29" s="196">
        <v>0</v>
      </c>
      <c r="CP29" s="193">
        <v>0</v>
      </c>
      <c r="CQ29" s="191">
        <v>1</v>
      </c>
      <c r="CR29" s="191">
        <v>0</v>
      </c>
      <c r="CS29" s="191">
        <v>1</v>
      </c>
      <c r="CT29" s="191">
        <v>0</v>
      </c>
      <c r="CU29" s="191">
        <v>0</v>
      </c>
      <c r="CV29" s="196">
        <v>2</v>
      </c>
      <c r="CW29" s="195">
        <v>2</v>
      </c>
      <c r="CX29" s="190">
        <v>0</v>
      </c>
      <c r="CY29" s="191">
        <v>0</v>
      </c>
      <c r="CZ29" s="196">
        <v>0</v>
      </c>
      <c r="DA29" s="193">
        <v>0</v>
      </c>
      <c r="DB29" s="191">
        <v>0</v>
      </c>
      <c r="DC29" s="191">
        <v>0</v>
      </c>
      <c r="DD29" s="191">
        <v>0</v>
      </c>
      <c r="DE29" s="191">
        <v>0</v>
      </c>
      <c r="DF29" s="191">
        <v>0</v>
      </c>
      <c r="DG29" s="196">
        <v>0</v>
      </c>
      <c r="DH29" s="195">
        <v>0</v>
      </c>
      <c r="DI29" s="190">
        <v>0</v>
      </c>
      <c r="DJ29" s="191">
        <v>0</v>
      </c>
      <c r="DK29" s="196">
        <v>0</v>
      </c>
      <c r="DL29" s="193">
        <v>0</v>
      </c>
      <c r="DM29" s="191">
        <v>0</v>
      </c>
      <c r="DN29" s="191">
        <v>0</v>
      </c>
      <c r="DO29" s="191">
        <v>0</v>
      </c>
      <c r="DP29" s="191">
        <v>0</v>
      </c>
      <c r="DQ29" s="191">
        <v>0</v>
      </c>
      <c r="DR29" s="196">
        <v>0</v>
      </c>
      <c r="DS29" s="195">
        <v>0</v>
      </c>
      <c r="DT29" s="190">
        <v>4</v>
      </c>
      <c r="DU29" s="191">
        <v>8</v>
      </c>
      <c r="DV29" s="196">
        <v>12</v>
      </c>
      <c r="DW29" s="193">
        <v>0</v>
      </c>
      <c r="DX29" s="191">
        <v>12</v>
      </c>
      <c r="DY29" s="191">
        <v>6</v>
      </c>
      <c r="DZ29" s="191">
        <v>8</v>
      </c>
      <c r="EA29" s="191">
        <v>4</v>
      </c>
      <c r="EB29" s="191">
        <v>1</v>
      </c>
      <c r="EC29" s="196">
        <v>31</v>
      </c>
      <c r="ED29" s="195">
        <v>43</v>
      </c>
      <c r="EE29" s="190">
        <v>1</v>
      </c>
      <c r="EF29" s="191">
        <v>1</v>
      </c>
      <c r="EG29" s="196">
        <v>2</v>
      </c>
      <c r="EH29" s="193">
        <v>0</v>
      </c>
      <c r="EI29" s="191">
        <v>3</v>
      </c>
      <c r="EJ29" s="191">
        <v>5</v>
      </c>
      <c r="EK29" s="191">
        <v>5</v>
      </c>
      <c r="EL29" s="191">
        <v>0</v>
      </c>
      <c r="EM29" s="191">
        <v>2</v>
      </c>
      <c r="EN29" s="196">
        <v>15</v>
      </c>
      <c r="EO29" s="195">
        <v>17</v>
      </c>
      <c r="EP29" s="190">
        <v>6</v>
      </c>
      <c r="EQ29" s="191">
        <v>10</v>
      </c>
      <c r="ER29" s="196">
        <v>16</v>
      </c>
      <c r="ES29" s="193">
        <v>0</v>
      </c>
      <c r="ET29" s="191">
        <v>22</v>
      </c>
      <c r="EU29" s="191">
        <v>7</v>
      </c>
      <c r="EV29" s="191">
        <v>7</v>
      </c>
      <c r="EW29" s="191">
        <v>3</v>
      </c>
      <c r="EX29" s="191">
        <v>0</v>
      </c>
      <c r="EY29" s="196">
        <v>39</v>
      </c>
      <c r="EZ29" s="195">
        <v>55</v>
      </c>
    </row>
    <row r="30" spans="2:156" ht="21" customHeight="1" x14ac:dyDescent="0.2">
      <c r="B30" s="106" t="s">
        <v>28</v>
      </c>
      <c r="C30" s="190">
        <v>0</v>
      </c>
      <c r="D30" s="191">
        <v>0</v>
      </c>
      <c r="E30" s="192">
        <v>0</v>
      </c>
      <c r="F30" s="193">
        <v>0</v>
      </c>
      <c r="G30" s="191">
        <v>1</v>
      </c>
      <c r="H30" s="191">
        <v>1</v>
      </c>
      <c r="I30" s="191">
        <v>0</v>
      </c>
      <c r="J30" s="191">
        <v>1</v>
      </c>
      <c r="K30" s="191">
        <v>1</v>
      </c>
      <c r="L30" s="194">
        <v>4</v>
      </c>
      <c r="M30" s="195">
        <v>4</v>
      </c>
      <c r="N30" s="190">
        <v>0</v>
      </c>
      <c r="O30" s="191">
        <v>0</v>
      </c>
      <c r="P30" s="196">
        <v>0</v>
      </c>
      <c r="Q30" s="193">
        <v>0</v>
      </c>
      <c r="R30" s="191">
        <v>0</v>
      </c>
      <c r="S30" s="191">
        <v>0</v>
      </c>
      <c r="T30" s="191">
        <v>0</v>
      </c>
      <c r="U30" s="191">
        <v>0</v>
      </c>
      <c r="V30" s="191">
        <v>0</v>
      </c>
      <c r="W30" s="196">
        <v>0</v>
      </c>
      <c r="X30" s="195">
        <v>0</v>
      </c>
      <c r="Y30" s="190">
        <v>0</v>
      </c>
      <c r="Z30" s="191">
        <v>1</v>
      </c>
      <c r="AA30" s="196">
        <v>1</v>
      </c>
      <c r="AB30" s="193">
        <v>0</v>
      </c>
      <c r="AC30" s="191">
        <v>0</v>
      </c>
      <c r="AD30" s="191">
        <v>1</v>
      </c>
      <c r="AE30" s="191">
        <v>2</v>
      </c>
      <c r="AF30" s="191">
        <v>0</v>
      </c>
      <c r="AG30" s="191">
        <v>0</v>
      </c>
      <c r="AH30" s="196">
        <v>3</v>
      </c>
      <c r="AI30" s="195">
        <v>4</v>
      </c>
      <c r="AJ30" s="190">
        <v>0</v>
      </c>
      <c r="AK30" s="191">
        <v>0</v>
      </c>
      <c r="AL30" s="196">
        <v>0</v>
      </c>
      <c r="AM30" s="193">
        <v>0</v>
      </c>
      <c r="AN30" s="191">
        <v>0</v>
      </c>
      <c r="AO30" s="191">
        <v>0</v>
      </c>
      <c r="AP30" s="191">
        <v>0</v>
      </c>
      <c r="AQ30" s="191">
        <v>0</v>
      </c>
      <c r="AR30" s="191">
        <v>0</v>
      </c>
      <c r="AS30" s="196">
        <v>0</v>
      </c>
      <c r="AT30" s="195">
        <v>0</v>
      </c>
      <c r="AU30" s="190">
        <v>0</v>
      </c>
      <c r="AV30" s="191">
        <v>1</v>
      </c>
      <c r="AW30" s="196">
        <v>1</v>
      </c>
      <c r="AX30" s="193">
        <v>0</v>
      </c>
      <c r="AY30" s="191">
        <v>0</v>
      </c>
      <c r="AZ30" s="191">
        <v>2</v>
      </c>
      <c r="BA30" s="191">
        <v>0</v>
      </c>
      <c r="BB30" s="191">
        <v>1</v>
      </c>
      <c r="BC30" s="191">
        <v>2</v>
      </c>
      <c r="BD30" s="194">
        <v>5</v>
      </c>
      <c r="BE30" s="195">
        <v>6</v>
      </c>
      <c r="BF30" s="190">
        <v>0</v>
      </c>
      <c r="BG30" s="191">
        <v>0</v>
      </c>
      <c r="BH30" s="196">
        <v>0</v>
      </c>
      <c r="BI30" s="193">
        <v>0</v>
      </c>
      <c r="BJ30" s="191">
        <v>1</v>
      </c>
      <c r="BK30" s="191">
        <v>0</v>
      </c>
      <c r="BL30" s="191">
        <v>2</v>
      </c>
      <c r="BM30" s="191">
        <v>0</v>
      </c>
      <c r="BN30" s="191">
        <v>0</v>
      </c>
      <c r="BO30" s="196">
        <v>3</v>
      </c>
      <c r="BP30" s="195">
        <v>3</v>
      </c>
      <c r="BQ30" s="190">
        <v>0</v>
      </c>
      <c r="BR30" s="191">
        <v>0</v>
      </c>
      <c r="BS30" s="196">
        <v>0</v>
      </c>
      <c r="BT30" s="193">
        <v>0</v>
      </c>
      <c r="BU30" s="191">
        <v>0</v>
      </c>
      <c r="BV30" s="191">
        <v>0</v>
      </c>
      <c r="BW30" s="191">
        <v>2</v>
      </c>
      <c r="BX30" s="191">
        <v>0</v>
      </c>
      <c r="BY30" s="191">
        <v>0</v>
      </c>
      <c r="BZ30" s="196">
        <v>2</v>
      </c>
      <c r="CA30" s="195">
        <v>2</v>
      </c>
      <c r="CB30" s="190">
        <v>0</v>
      </c>
      <c r="CC30" s="191">
        <v>0</v>
      </c>
      <c r="CD30" s="196">
        <v>0</v>
      </c>
      <c r="CE30" s="193">
        <v>0</v>
      </c>
      <c r="CF30" s="191">
        <v>0</v>
      </c>
      <c r="CG30" s="191">
        <v>0</v>
      </c>
      <c r="CH30" s="191">
        <v>0</v>
      </c>
      <c r="CI30" s="191">
        <v>0</v>
      </c>
      <c r="CJ30" s="191">
        <v>0</v>
      </c>
      <c r="CK30" s="196">
        <v>0</v>
      </c>
      <c r="CL30" s="195">
        <v>0</v>
      </c>
      <c r="CM30" s="190">
        <v>0</v>
      </c>
      <c r="CN30" s="191">
        <v>0</v>
      </c>
      <c r="CO30" s="196">
        <v>0</v>
      </c>
      <c r="CP30" s="193">
        <v>0</v>
      </c>
      <c r="CQ30" s="191">
        <v>1</v>
      </c>
      <c r="CR30" s="191">
        <v>0</v>
      </c>
      <c r="CS30" s="191">
        <v>0</v>
      </c>
      <c r="CT30" s="191">
        <v>0</v>
      </c>
      <c r="CU30" s="191">
        <v>0</v>
      </c>
      <c r="CV30" s="196">
        <v>1</v>
      </c>
      <c r="CW30" s="195">
        <v>1</v>
      </c>
      <c r="CX30" s="190">
        <v>0</v>
      </c>
      <c r="CY30" s="191">
        <v>0</v>
      </c>
      <c r="CZ30" s="196">
        <v>0</v>
      </c>
      <c r="DA30" s="193">
        <v>0</v>
      </c>
      <c r="DB30" s="191">
        <v>0</v>
      </c>
      <c r="DC30" s="191">
        <v>0</v>
      </c>
      <c r="DD30" s="191">
        <v>0</v>
      </c>
      <c r="DE30" s="191">
        <v>0</v>
      </c>
      <c r="DF30" s="191">
        <v>0</v>
      </c>
      <c r="DG30" s="196">
        <v>0</v>
      </c>
      <c r="DH30" s="195">
        <v>0</v>
      </c>
      <c r="DI30" s="190">
        <v>0</v>
      </c>
      <c r="DJ30" s="191">
        <v>0</v>
      </c>
      <c r="DK30" s="196">
        <v>0</v>
      </c>
      <c r="DL30" s="193">
        <v>0</v>
      </c>
      <c r="DM30" s="191">
        <v>0</v>
      </c>
      <c r="DN30" s="191">
        <v>0</v>
      </c>
      <c r="DO30" s="191">
        <v>0</v>
      </c>
      <c r="DP30" s="191">
        <v>0</v>
      </c>
      <c r="DQ30" s="191">
        <v>0</v>
      </c>
      <c r="DR30" s="196">
        <v>0</v>
      </c>
      <c r="DS30" s="195">
        <v>0</v>
      </c>
      <c r="DT30" s="190">
        <v>0</v>
      </c>
      <c r="DU30" s="191">
        <v>1</v>
      </c>
      <c r="DV30" s="196">
        <v>1</v>
      </c>
      <c r="DW30" s="193">
        <v>0</v>
      </c>
      <c r="DX30" s="191">
        <v>0</v>
      </c>
      <c r="DY30" s="191">
        <v>3</v>
      </c>
      <c r="DZ30" s="191">
        <v>3</v>
      </c>
      <c r="EA30" s="191">
        <v>1</v>
      </c>
      <c r="EB30" s="191">
        <v>1</v>
      </c>
      <c r="EC30" s="196">
        <v>8</v>
      </c>
      <c r="ED30" s="195">
        <v>9</v>
      </c>
      <c r="EE30" s="190">
        <v>0</v>
      </c>
      <c r="EF30" s="191">
        <v>0</v>
      </c>
      <c r="EG30" s="196">
        <v>0</v>
      </c>
      <c r="EH30" s="193">
        <v>0</v>
      </c>
      <c r="EI30" s="191">
        <v>0</v>
      </c>
      <c r="EJ30" s="191">
        <v>0</v>
      </c>
      <c r="EK30" s="191">
        <v>0</v>
      </c>
      <c r="EL30" s="191">
        <v>0</v>
      </c>
      <c r="EM30" s="191">
        <v>2</v>
      </c>
      <c r="EN30" s="196">
        <v>2</v>
      </c>
      <c r="EO30" s="195">
        <v>2</v>
      </c>
      <c r="EP30" s="190">
        <v>0</v>
      </c>
      <c r="EQ30" s="191">
        <v>2</v>
      </c>
      <c r="ER30" s="196">
        <v>2</v>
      </c>
      <c r="ES30" s="193">
        <v>0</v>
      </c>
      <c r="ET30" s="191">
        <v>6</v>
      </c>
      <c r="EU30" s="191">
        <v>4</v>
      </c>
      <c r="EV30" s="191">
        <v>4</v>
      </c>
      <c r="EW30" s="191">
        <v>1</v>
      </c>
      <c r="EX30" s="191">
        <v>1</v>
      </c>
      <c r="EY30" s="196">
        <v>16</v>
      </c>
      <c r="EZ30" s="195">
        <v>18</v>
      </c>
    </row>
    <row r="31" spans="2:156" ht="21" customHeight="1" x14ac:dyDescent="0.2">
      <c r="B31" s="106" t="s">
        <v>29</v>
      </c>
      <c r="C31" s="190">
        <v>0</v>
      </c>
      <c r="D31" s="191">
        <v>0</v>
      </c>
      <c r="E31" s="192">
        <v>0</v>
      </c>
      <c r="F31" s="193">
        <v>0</v>
      </c>
      <c r="G31" s="191">
        <v>2</v>
      </c>
      <c r="H31" s="191">
        <v>3</v>
      </c>
      <c r="I31" s="191">
        <v>1</v>
      </c>
      <c r="J31" s="191">
        <v>1</v>
      </c>
      <c r="K31" s="191">
        <v>0</v>
      </c>
      <c r="L31" s="194">
        <v>7</v>
      </c>
      <c r="M31" s="195">
        <v>7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0</v>
      </c>
      <c r="T31" s="191">
        <v>0</v>
      </c>
      <c r="U31" s="191">
        <v>0</v>
      </c>
      <c r="V31" s="191">
        <v>0</v>
      </c>
      <c r="W31" s="196">
        <v>0</v>
      </c>
      <c r="X31" s="195">
        <v>0</v>
      </c>
      <c r="Y31" s="190">
        <v>0</v>
      </c>
      <c r="Z31" s="191">
        <v>1</v>
      </c>
      <c r="AA31" s="196">
        <v>1</v>
      </c>
      <c r="AB31" s="193">
        <v>0</v>
      </c>
      <c r="AC31" s="191">
        <v>4</v>
      </c>
      <c r="AD31" s="191">
        <v>4</v>
      </c>
      <c r="AE31" s="191">
        <v>0</v>
      </c>
      <c r="AF31" s="191">
        <v>1</v>
      </c>
      <c r="AG31" s="191">
        <v>0</v>
      </c>
      <c r="AH31" s="196">
        <v>9</v>
      </c>
      <c r="AI31" s="195">
        <v>10</v>
      </c>
      <c r="AJ31" s="190">
        <v>0</v>
      </c>
      <c r="AK31" s="191">
        <v>0</v>
      </c>
      <c r="AL31" s="196">
        <v>0</v>
      </c>
      <c r="AM31" s="193">
        <v>0</v>
      </c>
      <c r="AN31" s="191">
        <v>0</v>
      </c>
      <c r="AO31" s="191">
        <v>1</v>
      </c>
      <c r="AP31" s="191">
        <v>0</v>
      </c>
      <c r="AQ31" s="191">
        <v>1</v>
      </c>
      <c r="AR31" s="191">
        <v>0</v>
      </c>
      <c r="AS31" s="196">
        <v>2</v>
      </c>
      <c r="AT31" s="195">
        <v>2</v>
      </c>
      <c r="AU31" s="190">
        <v>0</v>
      </c>
      <c r="AV31" s="191">
        <v>0</v>
      </c>
      <c r="AW31" s="196">
        <v>0</v>
      </c>
      <c r="AX31" s="193">
        <v>0</v>
      </c>
      <c r="AY31" s="191">
        <v>2</v>
      </c>
      <c r="AZ31" s="191">
        <v>0</v>
      </c>
      <c r="BA31" s="191">
        <v>3</v>
      </c>
      <c r="BB31" s="191">
        <v>1</v>
      </c>
      <c r="BC31" s="191">
        <v>0</v>
      </c>
      <c r="BD31" s="194">
        <v>6</v>
      </c>
      <c r="BE31" s="195">
        <v>6</v>
      </c>
      <c r="BF31" s="190">
        <v>0</v>
      </c>
      <c r="BG31" s="191">
        <v>0</v>
      </c>
      <c r="BH31" s="196">
        <v>0</v>
      </c>
      <c r="BI31" s="193">
        <v>0</v>
      </c>
      <c r="BJ31" s="191">
        <v>2</v>
      </c>
      <c r="BK31" s="191">
        <v>2</v>
      </c>
      <c r="BL31" s="191">
        <v>0</v>
      </c>
      <c r="BM31" s="191">
        <v>0</v>
      </c>
      <c r="BN31" s="191">
        <v>0</v>
      </c>
      <c r="BO31" s="196">
        <v>4</v>
      </c>
      <c r="BP31" s="195">
        <v>4</v>
      </c>
      <c r="BQ31" s="190">
        <v>0</v>
      </c>
      <c r="BR31" s="191">
        <v>0</v>
      </c>
      <c r="BS31" s="196">
        <v>0</v>
      </c>
      <c r="BT31" s="193">
        <v>0</v>
      </c>
      <c r="BU31" s="191">
        <v>1</v>
      </c>
      <c r="BV31" s="191">
        <v>0</v>
      </c>
      <c r="BW31" s="191">
        <v>0</v>
      </c>
      <c r="BX31" s="191">
        <v>0</v>
      </c>
      <c r="BY31" s="191">
        <v>0</v>
      </c>
      <c r="BZ31" s="196">
        <v>1</v>
      </c>
      <c r="CA31" s="195">
        <v>1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0</v>
      </c>
      <c r="CH31" s="191">
        <v>0</v>
      </c>
      <c r="CI31" s="191">
        <v>0</v>
      </c>
      <c r="CJ31" s="191">
        <v>0</v>
      </c>
      <c r="CK31" s="196">
        <v>0</v>
      </c>
      <c r="CL31" s="195">
        <v>0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  <c r="CX31" s="190">
        <v>0</v>
      </c>
      <c r="CY31" s="191">
        <v>0</v>
      </c>
      <c r="CZ31" s="196">
        <v>0</v>
      </c>
      <c r="DA31" s="193">
        <v>0</v>
      </c>
      <c r="DB31" s="191">
        <v>0</v>
      </c>
      <c r="DC31" s="191">
        <v>0</v>
      </c>
      <c r="DD31" s="191">
        <v>0</v>
      </c>
      <c r="DE31" s="191">
        <v>0</v>
      </c>
      <c r="DF31" s="191">
        <v>0</v>
      </c>
      <c r="DG31" s="196">
        <v>0</v>
      </c>
      <c r="DH31" s="195">
        <v>0</v>
      </c>
      <c r="DI31" s="190">
        <v>0</v>
      </c>
      <c r="DJ31" s="191">
        <v>0</v>
      </c>
      <c r="DK31" s="196">
        <v>0</v>
      </c>
      <c r="DL31" s="193">
        <v>0</v>
      </c>
      <c r="DM31" s="191">
        <v>0</v>
      </c>
      <c r="DN31" s="191">
        <v>0</v>
      </c>
      <c r="DO31" s="191">
        <v>0</v>
      </c>
      <c r="DP31" s="191">
        <v>0</v>
      </c>
      <c r="DQ31" s="191">
        <v>0</v>
      </c>
      <c r="DR31" s="196">
        <v>0</v>
      </c>
      <c r="DS31" s="195">
        <v>0</v>
      </c>
      <c r="DT31" s="190">
        <v>1</v>
      </c>
      <c r="DU31" s="191">
        <v>3</v>
      </c>
      <c r="DV31" s="196">
        <v>4</v>
      </c>
      <c r="DW31" s="193">
        <v>0</v>
      </c>
      <c r="DX31" s="191">
        <v>3</v>
      </c>
      <c r="DY31" s="191">
        <v>4</v>
      </c>
      <c r="DZ31" s="191">
        <v>1</v>
      </c>
      <c r="EA31" s="191">
        <v>2</v>
      </c>
      <c r="EB31" s="191">
        <v>0</v>
      </c>
      <c r="EC31" s="196">
        <v>10</v>
      </c>
      <c r="ED31" s="195">
        <v>14</v>
      </c>
      <c r="EE31" s="190">
        <v>0</v>
      </c>
      <c r="EF31" s="191">
        <v>0</v>
      </c>
      <c r="EG31" s="196">
        <v>0</v>
      </c>
      <c r="EH31" s="193">
        <v>0</v>
      </c>
      <c r="EI31" s="191">
        <v>0</v>
      </c>
      <c r="EJ31" s="191">
        <v>0</v>
      </c>
      <c r="EK31" s="191">
        <v>1</v>
      </c>
      <c r="EL31" s="191">
        <v>1</v>
      </c>
      <c r="EM31" s="191">
        <v>1</v>
      </c>
      <c r="EN31" s="196">
        <v>3</v>
      </c>
      <c r="EO31" s="195">
        <v>3</v>
      </c>
      <c r="EP31" s="190">
        <v>1</v>
      </c>
      <c r="EQ31" s="191">
        <v>3</v>
      </c>
      <c r="ER31" s="196">
        <v>4</v>
      </c>
      <c r="ES31" s="193">
        <v>0</v>
      </c>
      <c r="ET31" s="191">
        <v>7</v>
      </c>
      <c r="EU31" s="191">
        <v>5</v>
      </c>
      <c r="EV31" s="191">
        <v>1</v>
      </c>
      <c r="EW31" s="191">
        <v>2</v>
      </c>
      <c r="EX31" s="191">
        <v>0</v>
      </c>
      <c r="EY31" s="196">
        <v>15</v>
      </c>
      <c r="EZ31" s="195">
        <v>19</v>
      </c>
    </row>
    <row r="32" spans="2:156" ht="21" customHeight="1" x14ac:dyDescent="0.2">
      <c r="B32" s="106" t="s">
        <v>30</v>
      </c>
      <c r="C32" s="190">
        <v>0</v>
      </c>
      <c r="D32" s="191">
        <v>0</v>
      </c>
      <c r="E32" s="192">
        <v>0</v>
      </c>
      <c r="F32" s="193">
        <v>0</v>
      </c>
      <c r="G32" s="191">
        <v>2</v>
      </c>
      <c r="H32" s="191">
        <v>1</v>
      </c>
      <c r="I32" s="191">
        <v>1</v>
      </c>
      <c r="J32" s="191">
        <v>1</v>
      </c>
      <c r="K32" s="191">
        <v>0</v>
      </c>
      <c r="L32" s="194">
        <v>5</v>
      </c>
      <c r="M32" s="195">
        <v>5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0</v>
      </c>
      <c r="T32" s="191">
        <v>1</v>
      </c>
      <c r="U32" s="191">
        <v>0</v>
      </c>
      <c r="V32" s="191">
        <v>0</v>
      </c>
      <c r="W32" s="196">
        <v>1</v>
      </c>
      <c r="X32" s="195">
        <v>1</v>
      </c>
      <c r="Y32" s="190">
        <v>0</v>
      </c>
      <c r="Z32" s="191">
        <v>0</v>
      </c>
      <c r="AA32" s="196">
        <v>0</v>
      </c>
      <c r="AB32" s="193">
        <v>0</v>
      </c>
      <c r="AC32" s="191">
        <v>2</v>
      </c>
      <c r="AD32" s="191">
        <v>1</v>
      </c>
      <c r="AE32" s="191">
        <v>1</v>
      </c>
      <c r="AF32" s="191">
        <v>0</v>
      </c>
      <c r="AG32" s="191">
        <v>0</v>
      </c>
      <c r="AH32" s="196">
        <v>4</v>
      </c>
      <c r="AI32" s="195">
        <v>4</v>
      </c>
      <c r="AJ32" s="190">
        <v>0</v>
      </c>
      <c r="AK32" s="191">
        <v>0</v>
      </c>
      <c r="AL32" s="196">
        <v>0</v>
      </c>
      <c r="AM32" s="193">
        <v>0</v>
      </c>
      <c r="AN32" s="191">
        <v>0</v>
      </c>
      <c r="AO32" s="191">
        <v>0</v>
      </c>
      <c r="AP32" s="191">
        <v>0</v>
      </c>
      <c r="AQ32" s="191">
        <v>0</v>
      </c>
      <c r="AR32" s="191">
        <v>0</v>
      </c>
      <c r="AS32" s="196">
        <v>0</v>
      </c>
      <c r="AT32" s="195">
        <v>0</v>
      </c>
      <c r="AU32" s="190">
        <v>0</v>
      </c>
      <c r="AV32" s="191">
        <v>0</v>
      </c>
      <c r="AW32" s="196">
        <v>0</v>
      </c>
      <c r="AX32" s="193">
        <v>0</v>
      </c>
      <c r="AY32" s="191">
        <v>4</v>
      </c>
      <c r="AZ32" s="191">
        <v>1</v>
      </c>
      <c r="BA32" s="191">
        <v>0</v>
      </c>
      <c r="BB32" s="191">
        <v>1</v>
      </c>
      <c r="BC32" s="191">
        <v>1</v>
      </c>
      <c r="BD32" s="194">
        <v>7</v>
      </c>
      <c r="BE32" s="195">
        <v>7</v>
      </c>
      <c r="BF32" s="190">
        <v>0</v>
      </c>
      <c r="BG32" s="191">
        <v>0</v>
      </c>
      <c r="BH32" s="196">
        <v>0</v>
      </c>
      <c r="BI32" s="193">
        <v>0</v>
      </c>
      <c r="BJ32" s="191">
        <v>1</v>
      </c>
      <c r="BK32" s="191">
        <v>1</v>
      </c>
      <c r="BL32" s="191">
        <v>1</v>
      </c>
      <c r="BM32" s="191">
        <v>0</v>
      </c>
      <c r="BN32" s="191">
        <v>0</v>
      </c>
      <c r="BO32" s="196">
        <v>3</v>
      </c>
      <c r="BP32" s="195">
        <v>3</v>
      </c>
      <c r="BQ32" s="190">
        <v>0</v>
      </c>
      <c r="BR32" s="191">
        <v>0</v>
      </c>
      <c r="BS32" s="196">
        <v>0</v>
      </c>
      <c r="BT32" s="193">
        <v>0</v>
      </c>
      <c r="BU32" s="191">
        <v>1</v>
      </c>
      <c r="BV32" s="191">
        <v>1</v>
      </c>
      <c r="BW32" s="191">
        <v>0</v>
      </c>
      <c r="BX32" s="191">
        <v>0</v>
      </c>
      <c r="BY32" s="191">
        <v>0</v>
      </c>
      <c r="BZ32" s="196">
        <v>2</v>
      </c>
      <c r="CA32" s="195">
        <v>2</v>
      </c>
      <c r="CB32" s="190">
        <v>0</v>
      </c>
      <c r="CC32" s="191">
        <v>0</v>
      </c>
      <c r="CD32" s="196">
        <v>0</v>
      </c>
      <c r="CE32" s="193">
        <v>0</v>
      </c>
      <c r="CF32" s="191">
        <v>1</v>
      </c>
      <c r="CG32" s="191">
        <v>1</v>
      </c>
      <c r="CH32" s="191">
        <v>0</v>
      </c>
      <c r="CI32" s="191">
        <v>1</v>
      </c>
      <c r="CJ32" s="191">
        <v>0</v>
      </c>
      <c r="CK32" s="196">
        <v>3</v>
      </c>
      <c r="CL32" s="195">
        <v>3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  <c r="CX32" s="190">
        <v>0</v>
      </c>
      <c r="CY32" s="191">
        <v>0</v>
      </c>
      <c r="CZ32" s="196">
        <v>0</v>
      </c>
      <c r="DA32" s="193">
        <v>0</v>
      </c>
      <c r="DB32" s="191">
        <v>0</v>
      </c>
      <c r="DC32" s="191">
        <v>0</v>
      </c>
      <c r="DD32" s="191">
        <v>0</v>
      </c>
      <c r="DE32" s="191">
        <v>0</v>
      </c>
      <c r="DF32" s="191">
        <v>0</v>
      </c>
      <c r="DG32" s="196">
        <v>0</v>
      </c>
      <c r="DH32" s="195">
        <v>0</v>
      </c>
      <c r="DI32" s="190">
        <v>0</v>
      </c>
      <c r="DJ32" s="191">
        <v>0</v>
      </c>
      <c r="DK32" s="196">
        <v>0</v>
      </c>
      <c r="DL32" s="193">
        <v>0</v>
      </c>
      <c r="DM32" s="191">
        <v>0</v>
      </c>
      <c r="DN32" s="191">
        <v>0</v>
      </c>
      <c r="DO32" s="191">
        <v>0</v>
      </c>
      <c r="DP32" s="191">
        <v>0</v>
      </c>
      <c r="DQ32" s="191">
        <v>0</v>
      </c>
      <c r="DR32" s="196">
        <v>0</v>
      </c>
      <c r="DS32" s="195">
        <v>0</v>
      </c>
      <c r="DT32" s="190">
        <v>2</v>
      </c>
      <c r="DU32" s="191">
        <v>0</v>
      </c>
      <c r="DV32" s="196">
        <v>2</v>
      </c>
      <c r="DW32" s="193">
        <v>0</v>
      </c>
      <c r="DX32" s="191">
        <v>2</v>
      </c>
      <c r="DY32" s="191">
        <v>3</v>
      </c>
      <c r="DZ32" s="191">
        <v>2</v>
      </c>
      <c r="EA32" s="191">
        <v>1</v>
      </c>
      <c r="EB32" s="191">
        <v>0</v>
      </c>
      <c r="EC32" s="196">
        <v>8</v>
      </c>
      <c r="ED32" s="195">
        <v>10</v>
      </c>
      <c r="EE32" s="190">
        <v>0</v>
      </c>
      <c r="EF32" s="191">
        <v>0</v>
      </c>
      <c r="EG32" s="196">
        <v>0</v>
      </c>
      <c r="EH32" s="193">
        <v>0</v>
      </c>
      <c r="EI32" s="191">
        <v>2</v>
      </c>
      <c r="EJ32" s="191">
        <v>1</v>
      </c>
      <c r="EK32" s="191">
        <v>0</v>
      </c>
      <c r="EL32" s="191">
        <v>0</v>
      </c>
      <c r="EM32" s="191">
        <v>0</v>
      </c>
      <c r="EN32" s="196">
        <v>3</v>
      </c>
      <c r="EO32" s="195">
        <v>3</v>
      </c>
      <c r="EP32" s="190">
        <v>2</v>
      </c>
      <c r="EQ32" s="191">
        <v>0</v>
      </c>
      <c r="ER32" s="196">
        <v>2</v>
      </c>
      <c r="ES32" s="193">
        <v>0</v>
      </c>
      <c r="ET32" s="191">
        <v>4</v>
      </c>
      <c r="EU32" s="191">
        <v>4</v>
      </c>
      <c r="EV32" s="191">
        <v>2</v>
      </c>
      <c r="EW32" s="191">
        <v>2</v>
      </c>
      <c r="EX32" s="191">
        <v>0</v>
      </c>
      <c r="EY32" s="196">
        <v>12</v>
      </c>
      <c r="EZ32" s="195">
        <v>14</v>
      </c>
    </row>
    <row r="33" spans="2:156" ht="21" customHeight="1" x14ac:dyDescent="0.2">
      <c r="B33" s="106" t="s">
        <v>31</v>
      </c>
      <c r="C33" s="190">
        <v>0</v>
      </c>
      <c r="D33" s="191">
        <v>0</v>
      </c>
      <c r="E33" s="192">
        <v>0</v>
      </c>
      <c r="F33" s="193">
        <v>0</v>
      </c>
      <c r="G33" s="191">
        <v>2</v>
      </c>
      <c r="H33" s="191">
        <v>0</v>
      </c>
      <c r="I33" s="191">
        <v>0</v>
      </c>
      <c r="J33" s="191">
        <v>1</v>
      </c>
      <c r="K33" s="191">
        <v>0</v>
      </c>
      <c r="L33" s="194">
        <v>3</v>
      </c>
      <c r="M33" s="195">
        <v>3</v>
      </c>
      <c r="N33" s="190">
        <v>0</v>
      </c>
      <c r="O33" s="191">
        <v>0</v>
      </c>
      <c r="P33" s="196">
        <v>0</v>
      </c>
      <c r="Q33" s="193">
        <v>0</v>
      </c>
      <c r="R33" s="191">
        <v>0</v>
      </c>
      <c r="S33" s="191">
        <v>0</v>
      </c>
      <c r="T33" s="191">
        <v>0</v>
      </c>
      <c r="U33" s="191">
        <v>0</v>
      </c>
      <c r="V33" s="191">
        <v>1</v>
      </c>
      <c r="W33" s="196">
        <v>1</v>
      </c>
      <c r="X33" s="195">
        <v>1</v>
      </c>
      <c r="Y33" s="190">
        <v>0</v>
      </c>
      <c r="Z33" s="191">
        <v>1</v>
      </c>
      <c r="AA33" s="196">
        <v>1</v>
      </c>
      <c r="AB33" s="193">
        <v>0</v>
      </c>
      <c r="AC33" s="191">
        <v>1</v>
      </c>
      <c r="AD33" s="191">
        <v>2</v>
      </c>
      <c r="AE33" s="191">
        <v>3</v>
      </c>
      <c r="AF33" s="191">
        <v>0</v>
      </c>
      <c r="AG33" s="191">
        <v>1</v>
      </c>
      <c r="AH33" s="196">
        <v>7</v>
      </c>
      <c r="AI33" s="195">
        <v>8</v>
      </c>
      <c r="AJ33" s="190">
        <v>0</v>
      </c>
      <c r="AK33" s="191">
        <v>0</v>
      </c>
      <c r="AL33" s="196">
        <v>0</v>
      </c>
      <c r="AM33" s="193">
        <v>0</v>
      </c>
      <c r="AN33" s="191">
        <v>0</v>
      </c>
      <c r="AO33" s="191">
        <v>0</v>
      </c>
      <c r="AP33" s="191">
        <v>0</v>
      </c>
      <c r="AQ33" s="191">
        <v>0</v>
      </c>
      <c r="AR33" s="191">
        <v>0</v>
      </c>
      <c r="AS33" s="196">
        <v>0</v>
      </c>
      <c r="AT33" s="195">
        <v>0</v>
      </c>
      <c r="AU33" s="190">
        <v>0</v>
      </c>
      <c r="AV33" s="191">
        <v>0</v>
      </c>
      <c r="AW33" s="196">
        <v>0</v>
      </c>
      <c r="AX33" s="193">
        <v>0</v>
      </c>
      <c r="AY33" s="191">
        <v>0</v>
      </c>
      <c r="AZ33" s="191">
        <v>0</v>
      </c>
      <c r="BA33" s="191">
        <v>2</v>
      </c>
      <c r="BB33" s="191">
        <v>1</v>
      </c>
      <c r="BC33" s="191">
        <v>0</v>
      </c>
      <c r="BD33" s="194">
        <v>3</v>
      </c>
      <c r="BE33" s="195">
        <v>3</v>
      </c>
      <c r="BF33" s="190">
        <v>0</v>
      </c>
      <c r="BG33" s="191">
        <v>0</v>
      </c>
      <c r="BH33" s="196">
        <v>0</v>
      </c>
      <c r="BI33" s="193">
        <v>0</v>
      </c>
      <c r="BJ33" s="191">
        <v>2</v>
      </c>
      <c r="BK33" s="191">
        <v>2</v>
      </c>
      <c r="BL33" s="191">
        <v>1</v>
      </c>
      <c r="BM33" s="191">
        <v>1</v>
      </c>
      <c r="BN33" s="191">
        <v>0</v>
      </c>
      <c r="BO33" s="196">
        <v>6</v>
      </c>
      <c r="BP33" s="195">
        <v>6</v>
      </c>
      <c r="BQ33" s="190">
        <v>0</v>
      </c>
      <c r="BR33" s="191">
        <v>0</v>
      </c>
      <c r="BS33" s="196">
        <v>0</v>
      </c>
      <c r="BT33" s="193">
        <v>0</v>
      </c>
      <c r="BU33" s="191">
        <v>0</v>
      </c>
      <c r="BV33" s="191">
        <v>1</v>
      </c>
      <c r="BW33" s="191">
        <v>1</v>
      </c>
      <c r="BX33" s="191">
        <v>0</v>
      </c>
      <c r="BY33" s="191">
        <v>0</v>
      </c>
      <c r="BZ33" s="196">
        <v>2</v>
      </c>
      <c r="CA33" s="195">
        <v>2</v>
      </c>
      <c r="CB33" s="190">
        <v>0</v>
      </c>
      <c r="CC33" s="191">
        <v>0</v>
      </c>
      <c r="CD33" s="196">
        <v>0</v>
      </c>
      <c r="CE33" s="193">
        <v>0</v>
      </c>
      <c r="CF33" s="191">
        <v>1</v>
      </c>
      <c r="CG33" s="191">
        <v>0</v>
      </c>
      <c r="CH33" s="191">
        <v>1</v>
      </c>
      <c r="CI33" s="191">
        <v>1</v>
      </c>
      <c r="CJ33" s="191">
        <v>0</v>
      </c>
      <c r="CK33" s="196">
        <v>3</v>
      </c>
      <c r="CL33" s="195">
        <v>3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  <c r="CX33" s="190">
        <v>0</v>
      </c>
      <c r="CY33" s="191">
        <v>0</v>
      </c>
      <c r="CZ33" s="196">
        <v>0</v>
      </c>
      <c r="DA33" s="193">
        <v>0</v>
      </c>
      <c r="DB33" s="191">
        <v>0</v>
      </c>
      <c r="DC33" s="191">
        <v>0</v>
      </c>
      <c r="DD33" s="191">
        <v>0</v>
      </c>
      <c r="DE33" s="191">
        <v>0</v>
      </c>
      <c r="DF33" s="191">
        <v>0</v>
      </c>
      <c r="DG33" s="196">
        <v>0</v>
      </c>
      <c r="DH33" s="195">
        <v>0</v>
      </c>
      <c r="DI33" s="190">
        <v>0</v>
      </c>
      <c r="DJ33" s="191">
        <v>0</v>
      </c>
      <c r="DK33" s="196">
        <v>0</v>
      </c>
      <c r="DL33" s="193">
        <v>0</v>
      </c>
      <c r="DM33" s="191">
        <v>0</v>
      </c>
      <c r="DN33" s="191">
        <v>0</v>
      </c>
      <c r="DO33" s="191">
        <v>0</v>
      </c>
      <c r="DP33" s="191">
        <v>0</v>
      </c>
      <c r="DQ33" s="191">
        <v>0</v>
      </c>
      <c r="DR33" s="196">
        <v>0</v>
      </c>
      <c r="DS33" s="195">
        <v>0</v>
      </c>
      <c r="DT33" s="190">
        <v>1</v>
      </c>
      <c r="DU33" s="191">
        <v>1</v>
      </c>
      <c r="DV33" s="196">
        <v>2</v>
      </c>
      <c r="DW33" s="193">
        <v>0</v>
      </c>
      <c r="DX33" s="191">
        <v>2</v>
      </c>
      <c r="DY33" s="191">
        <v>2</v>
      </c>
      <c r="DZ33" s="191">
        <v>4</v>
      </c>
      <c r="EA33" s="191">
        <v>3</v>
      </c>
      <c r="EB33" s="191">
        <v>2</v>
      </c>
      <c r="EC33" s="196">
        <v>13</v>
      </c>
      <c r="ED33" s="195">
        <v>15</v>
      </c>
      <c r="EE33" s="190">
        <v>0</v>
      </c>
      <c r="EF33" s="191">
        <v>1</v>
      </c>
      <c r="EG33" s="196">
        <v>1</v>
      </c>
      <c r="EH33" s="193">
        <v>0</v>
      </c>
      <c r="EI33" s="191">
        <v>0</v>
      </c>
      <c r="EJ33" s="191">
        <v>1</v>
      </c>
      <c r="EK33" s="191">
        <v>1</v>
      </c>
      <c r="EL33" s="191">
        <v>0</v>
      </c>
      <c r="EM33" s="191">
        <v>0</v>
      </c>
      <c r="EN33" s="196">
        <v>2</v>
      </c>
      <c r="EO33" s="195">
        <v>3</v>
      </c>
      <c r="EP33" s="190">
        <v>1</v>
      </c>
      <c r="EQ33" s="191">
        <v>2</v>
      </c>
      <c r="ER33" s="196">
        <v>3</v>
      </c>
      <c r="ES33" s="193">
        <v>0</v>
      </c>
      <c r="ET33" s="191">
        <v>5</v>
      </c>
      <c r="EU33" s="191">
        <v>4</v>
      </c>
      <c r="EV33" s="191">
        <v>4</v>
      </c>
      <c r="EW33" s="191">
        <v>3</v>
      </c>
      <c r="EX33" s="191">
        <v>1</v>
      </c>
      <c r="EY33" s="196">
        <v>17</v>
      </c>
      <c r="EZ33" s="195">
        <v>20</v>
      </c>
    </row>
    <row r="34" spans="2:156" ht="21" customHeight="1" x14ac:dyDescent="0.2">
      <c r="B34" s="106" t="s">
        <v>32</v>
      </c>
      <c r="C34" s="190">
        <v>0</v>
      </c>
      <c r="D34" s="191">
        <v>0</v>
      </c>
      <c r="E34" s="192">
        <v>0</v>
      </c>
      <c r="F34" s="193">
        <v>0</v>
      </c>
      <c r="G34" s="191">
        <v>1</v>
      </c>
      <c r="H34" s="191">
        <v>2</v>
      </c>
      <c r="I34" s="191">
        <v>0</v>
      </c>
      <c r="J34" s="191">
        <v>0</v>
      </c>
      <c r="K34" s="191">
        <v>0</v>
      </c>
      <c r="L34" s="194">
        <v>3</v>
      </c>
      <c r="M34" s="195">
        <v>3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0</v>
      </c>
      <c r="U34" s="191">
        <v>0</v>
      </c>
      <c r="V34" s="191">
        <v>0</v>
      </c>
      <c r="W34" s="196">
        <v>0</v>
      </c>
      <c r="X34" s="195">
        <v>0</v>
      </c>
      <c r="Y34" s="190">
        <v>3</v>
      </c>
      <c r="Z34" s="191">
        <v>1</v>
      </c>
      <c r="AA34" s="196">
        <v>4</v>
      </c>
      <c r="AB34" s="193">
        <v>0</v>
      </c>
      <c r="AC34" s="191">
        <v>2</v>
      </c>
      <c r="AD34" s="191">
        <v>1</v>
      </c>
      <c r="AE34" s="191">
        <v>0</v>
      </c>
      <c r="AF34" s="191">
        <v>0</v>
      </c>
      <c r="AG34" s="191">
        <v>0</v>
      </c>
      <c r="AH34" s="196">
        <v>3</v>
      </c>
      <c r="AI34" s="195">
        <v>7</v>
      </c>
      <c r="AJ34" s="190">
        <v>0</v>
      </c>
      <c r="AK34" s="191">
        <v>0</v>
      </c>
      <c r="AL34" s="196">
        <v>0</v>
      </c>
      <c r="AM34" s="193">
        <v>0</v>
      </c>
      <c r="AN34" s="191">
        <v>0</v>
      </c>
      <c r="AO34" s="191">
        <v>0</v>
      </c>
      <c r="AP34" s="191">
        <v>0</v>
      </c>
      <c r="AQ34" s="191">
        <v>1</v>
      </c>
      <c r="AR34" s="191">
        <v>0</v>
      </c>
      <c r="AS34" s="196">
        <v>1</v>
      </c>
      <c r="AT34" s="195">
        <v>1</v>
      </c>
      <c r="AU34" s="190">
        <v>0</v>
      </c>
      <c r="AV34" s="191">
        <v>0</v>
      </c>
      <c r="AW34" s="196">
        <v>0</v>
      </c>
      <c r="AX34" s="193">
        <v>0</v>
      </c>
      <c r="AY34" s="191">
        <v>0</v>
      </c>
      <c r="AZ34" s="191">
        <v>2</v>
      </c>
      <c r="BA34" s="191">
        <v>0</v>
      </c>
      <c r="BB34" s="191">
        <v>1</v>
      </c>
      <c r="BC34" s="191">
        <v>2</v>
      </c>
      <c r="BD34" s="194">
        <v>5</v>
      </c>
      <c r="BE34" s="195">
        <v>5</v>
      </c>
      <c r="BF34" s="190">
        <v>0</v>
      </c>
      <c r="BG34" s="191">
        <v>0</v>
      </c>
      <c r="BH34" s="196">
        <v>0</v>
      </c>
      <c r="BI34" s="193">
        <v>0</v>
      </c>
      <c r="BJ34" s="191">
        <v>6</v>
      </c>
      <c r="BK34" s="191">
        <v>3</v>
      </c>
      <c r="BL34" s="191">
        <v>0</v>
      </c>
      <c r="BM34" s="191">
        <v>1</v>
      </c>
      <c r="BN34" s="191">
        <v>0</v>
      </c>
      <c r="BO34" s="196">
        <v>10</v>
      </c>
      <c r="BP34" s="195">
        <v>10</v>
      </c>
      <c r="BQ34" s="190">
        <v>0</v>
      </c>
      <c r="BR34" s="191">
        <v>1</v>
      </c>
      <c r="BS34" s="196">
        <v>1</v>
      </c>
      <c r="BT34" s="193">
        <v>0</v>
      </c>
      <c r="BU34" s="191">
        <v>0</v>
      </c>
      <c r="BV34" s="191">
        <v>1</v>
      </c>
      <c r="BW34" s="191">
        <v>0</v>
      </c>
      <c r="BX34" s="191">
        <v>1</v>
      </c>
      <c r="BY34" s="191">
        <v>0</v>
      </c>
      <c r="BZ34" s="196">
        <v>2</v>
      </c>
      <c r="CA34" s="195">
        <v>3</v>
      </c>
      <c r="CB34" s="190">
        <v>0</v>
      </c>
      <c r="CC34" s="191">
        <v>1</v>
      </c>
      <c r="CD34" s="196">
        <v>1</v>
      </c>
      <c r="CE34" s="193">
        <v>0</v>
      </c>
      <c r="CF34" s="191">
        <v>0</v>
      </c>
      <c r="CG34" s="191">
        <v>0</v>
      </c>
      <c r="CH34" s="191">
        <v>0</v>
      </c>
      <c r="CI34" s="191">
        <v>0</v>
      </c>
      <c r="CJ34" s="191">
        <v>0</v>
      </c>
      <c r="CK34" s="196">
        <v>0</v>
      </c>
      <c r="CL34" s="195">
        <v>1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  <c r="CX34" s="190">
        <v>0</v>
      </c>
      <c r="CY34" s="191">
        <v>0</v>
      </c>
      <c r="CZ34" s="196">
        <v>0</v>
      </c>
      <c r="DA34" s="193">
        <v>0</v>
      </c>
      <c r="DB34" s="191">
        <v>0</v>
      </c>
      <c r="DC34" s="191">
        <v>0</v>
      </c>
      <c r="DD34" s="191">
        <v>0</v>
      </c>
      <c r="DE34" s="191">
        <v>0</v>
      </c>
      <c r="DF34" s="191">
        <v>0</v>
      </c>
      <c r="DG34" s="196">
        <v>0</v>
      </c>
      <c r="DH34" s="195">
        <v>0</v>
      </c>
      <c r="DI34" s="190">
        <v>0</v>
      </c>
      <c r="DJ34" s="191">
        <v>0</v>
      </c>
      <c r="DK34" s="196">
        <v>0</v>
      </c>
      <c r="DL34" s="193">
        <v>0</v>
      </c>
      <c r="DM34" s="191">
        <v>0</v>
      </c>
      <c r="DN34" s="191">
        <v>0</v>
      </c>
      <c r="DO34" s="191">
        <v>0</v>
      </c>
      <c r="DP34" s="191">
        <v>0</v>
      </c>
      <c r="DQ34" s="191">
        <v>0</v>
      </c>
      <c r="DR34" s="196">
        <v>0</v>
      </c>
      <c r="DS34" s="195">
        <v>0</v>
      </c>
      <c r="DT34" s="190">
        <v>4</v>
      </c>
      <c r="DU34" s="191">
        <v>2</v>
      </c>
      <c r="DV34" s="196">
        <v>6</v>
      </c>
      <c r="DW34" s="193">
        <v>0</v>
      </c>
      <c r="DX34" s="191">
        <v>5</v>
      </c>
      <c r="DY34" s="191">
        <v>5</v>
      </c>
      <c r="DZ34" s="191">
        <v>1</v>
      </c>
      <c r="EA34" s="191">
        <v>1</v>
      </c>
      <c r="EB34" s="191">
        <v>0</v>
      </c>
      <c r="EC34" s="196">
        <v>12</v>
      </c>
      <c r="ED34" s="195">
        <v>18</v>
      </c>
      <c r="EE34" s="190">
        <v>0</v>
      </c>
      <c r="EF34" s="191">
        <v>0</v>
      </c>
      <c r="EG34" s="196">
        <v>0</v>
      </c>
      <c r="EH34" s="193">
        <v>0</v>
      </c>
      <c r="EI34" s="191">
        <v>0</v>
      </c>
      <c r="EJ34" s="191">
        <v>0</v>
      </c>
      <c r="EK34" s="191">
        <v>0</v>
      </c>
      <c r="EL34" s="191">
        <v>1</v>
      </c>
      <c r="EM34" s="191">
        <v>2</v>
      </c>
      <c r="EN34" s="196">
        <v>3</v>
      </c>
      <c r="EO34" s="195">
        <v>3</v>
      </c>
      <c r="EP34" s="190">
        <v>4</v>
      </c>
      <c r="EQ34" s="191">
        <v>3</v>
      </c>
      <c r="ER34" s="196">
        <v>7</v>
      </c>
      <c r="ES34" s="193">
        <v>0</v>
      </c>
      <c r="ET34" s="191">
        <v>12</v>
      </c>
      <c r="EU34" s="191">
        <v>7</v>
      </c>
      <c r="EV34" s="191">
        <v>2</v>
      </c>
      <c r="EW34" s="191">
        <v>1</v>
      </c>
      <c r="EX34" s="191">
        <v>0</v>
      </c>
      <c r="EY34" s="196">
        <v>22</v>
      </c>
      <c r="EZ34" s="195">
        <v>29</v>
      </c>
    </row>
    <row r="35" spans="2:156" ht="21" customHeight="1" x14ac:dyDescent="0.2">
      <c r="B35" s="106" t="s">
        <v>33</v>
      </c>
      <c r="C35" s="190">
        <v>0</v>
      </c>
      <c r="D35" s="191">
        <v>0</v>
      </c>
      <c r="E35" s="192">
        <v>0</v>
      </c>
      <c r="F35" s="193">
        <v>0</v>
      </c>
      <c r="G35" s="191">
        <v>1</v>
      </c>
      <c r="H35" s="191">
        <v>0</v>
      </c>
      <c r="I35" s="191">
        <v>1</v>
      </c>
      <c r="J35" s="191">
        <v>0</v>
      </c>
      <c r="K35" s="191">
        <v>0</v>
      </c>
      <c r="L35" s="194">
        <v>2</v>
      </c>
      <c r="M35" s="195">
        <v>2</v>
      </c>
      <c r="N35" s="190">
        <v>0</v>
      </c>
      <c r="O35" s="191">
        <v>0</v>
      </c>
      <c r="P35" s="196">
        <v>0</v>
      </c>
      <c r="Q35" s="193">
        <v>0</v>
      </c>
      <c r="R35" s="191">
        <v>0</v>
      </c>
      <c r="S35" s="191">
        <v>0</v>
      </c>
      <c r="T35" s="191">
        <v>0</v>
      </c>
      <c r="U35" s="191">
        <v>0</v>
      </c>
      <c r="V35" s="191">
        <v>0</v>
      </c>
      <c r="W35" s="196">
        <v>0</v>
      </c>
      <c r="X35" s="195">
        <v>0</v>
      </c>
      <c r="Y35" s="190">
        <v>0</v>
      </c>
      <c r="Z35" s="191">
        <v>1</v>
      </c>
      <c r="AA35" s="196">
        <v>1</v>
      </c>
      <c r="AB35" s="193">
        <v>0</v>
      </c>
      <c r="AC35" s="191">
        <v>2</v>
      </c>
      <c r="AD35" s="191">
        <v>1</v>
      </c>
      <c r="AE35" s="191">
        <v>1</v>
      </c>
      <c r="AF35" s="191">
        <v>0</v>
      </c>
      <c r="AG35" s="191">
        <v>0</v>
      </c>
      <c r="AH35" s="196">
        <v>4</v>
      </c>
      <c r="AI35" s="195">
        <v>5</v>
      </c>
      <c r="AJ35" s="190">
        <v>0</v>
      </c>
      <c r="AK35" s="191">
        <v>0</v>
      </c>
      <c r="AL35" s="196">
        <v>0</v>
      </c>
      <c r="AM35" s="193">
        <v>0</v>
      </c>
      <c r="AN35" s="191">
        <v>3</v>
      </c>
      <c r="AO35" s="191">
        <v>1</v>
      </c>
      <c r="AP35" s="191">
        <v>2</v>
      </c>
      <c r="AQ35" s="191">
        <v>1</v>
      </c>
      <c r="AR35" s="191">
        <v>0</v>
      </c>
      <c r="AS35" s="196">
        <v>7</v>
      </c>
      <c r="AT35" s="195">
        <v>7</v>
      </c>
      <c r="AU35" s="190">
        <v>1</v>
      </c>
      <c r="AV35" s="191">
        <v>0</v>
      </c>
      <c r="AW35" s="196">
        <v>1</v>
      </c>
      <c r="AX35" s="193">
        <v>0</v>
      </c>
      <c r="AY35" s="191">
        <v>4</v>
      </c>
      <c r="AZ35" s="191">
        <v>1</v>
      </c>
      <c r="BA35" s="191">
        <v>4</v>
      </c>
      <c r="BB35" s="191">
        <v>2</v>
      </c>
      <c r="BC35" s="191">
        <v>1</v>
      </c>
      <c r="BD35" s="194">
        <v>12</v>
      </c>
      <c r="BE35" s="195">
        <v>13</v>
      </c>
      <c r="BF35" s="190">
        <v>0</v>
      </c>
      <c r="BG35" s="191">
        <v>0</v>
      </c>
      <c r="BH35" s="196">
        <v>0</v>
      </c>
      <c r="BI35" s="193">
        <v>0</v>
      </c>
      <c r="BJ35" s="191">
        <v>1</v>
      </c>
      <c r="BK35" s="191">
        <v>0</v>
      </c>
      <c r="BL35" s="191">
        <v>0</v>
      </c>
      <c r="BM35" s="191">
        <v>0</v>
      </c>
      <c r="BN35" s="191">
        <v>0</v>
      </c>
      <c r="BO35" s="196">
        <v>1</v>
      </c>
      <c r="BP35" s="195">
        <v>1</v>
      </c>
      <c r="BQ35" s="190">
        <v>1</v>
      </c>
      <c r="BR35" s="191">
        <v>0</v>
      </c>
      <c r="BS35" s="196">
        <v>1</v>
      </c>
      <c r="BT35" s="193">
        <v>0</v>
      </c>
      <c r="BU35" s="191">
        <v>3</v>
      </c>
      <c r="BV35" s="191">
        <v>0</v>
      </c>
      <c r="BW35" s="191">
        <v>0</v>
      </c>
      <c r="BX35" s="191">
        <v>0</v>
      </c>
      <c r="BY35" s="191">
        <v>0</v>
      </c>
      <c r="BZ35" s="196">
        <v>3</v>
      </c>
      <c r="CA35" s="195">
        <v>4</v>
      </c>
      <c r="CB35" s="190">
        <v>0</v>
      </c>
      <c r="CC35" s="191">
        <v>0</v>
      </c>
      <c r="CD35" s="196">
        <v>0</v>
      </c>
      <c r="CE35" s="193">
        <v>0</v>
      </c>
      <c r="CF35" s="191">
        <v>0</v>
      </c>
      <c r="CG35" s="191">
        <v>0</v>
      </c>
      <c r="CH35" s="191">
        <v>1</v>
      </c>
      <c r="CI35" s="191">
        <v>0</v>
      </c>
      <c r="CJ35" s="191">
        <v>1</v>
      </c>
      <c r="CK35" s="196">
        <v>2</v>
      </c>
      <c r="CL35" s="195">
        <v>2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  <c r="CX35" s="190">
        <v>0</v>
      </c>
      <c r="CY35" s="191">
        <v>0</v>
      </c>
      <c r="CZ35" s="196">
        <v>0</v>
      </c>
      <c r="DA35" s="193">
        <v>0</v>
      </c>
      <c r="DB35" s="191">
        <v>0</v>
      </c>
      <c r="DC35" s="191">
        <v>0</v>
      </c>
      <c r="DD35" s="191">
        <v>0</v>
      </c>
      <c r="DE35" s="191">
        <v>0</v>
      </c>
      <c r="DF35" s="191">
        <v>0</v>
      </c>
      <c r="DG35" s="196">
        <v>0</v>
      </c>
      <c r="DH35" s="195">
        <v>0</v>
      </c>
      <c r="DI35" s="190">
        <v>0</v>
      </c>
      <c r="DJ35" s="191">
        <v>0</v>
      </c>
      <c r="DK35" s="196">
        <v>0</v>
      </c>
      <c r="DL35" s="193">
        <v>0</v>
      </c>
      <c r="DM35" s="191">
        <v>0</v>
      </c>
      <c r="DN35" s="191">
        <v>0</v>
      </c>
      <c r="DO35" s="191">
        <v>0</v>
      </c>
      <c r="DP35" s="191">
        <v>0</v>
      </c>
      <c r="DQ35" s="191">
        <v>0</v>
      </c>
      <c r="DR35" s="196">
        <v>0</v>
      </c>
      <c r="DS35" s="195">
        <v>0</v>
      </c>
      <c r="DT35" s="190">
        <v>1</v>
      </c>
      <c r="DU35" s="191">
        <v>1</v>
      </c>
      <c r="DV35" s="196">
        <v>2</v>
      </c>
      <c r="DW35" s="193">
        <v>0</v>
      </c>
      <c r="DX35" s="191">
        <v>5</v>
      </c>
      <c r="DY35" s="191">
        <v>3</v>
      </c>
      <c r="DZ35" s="191">
        <v>3</v>
      </c>
      <c r="EA35" s="191">
        <v>1</v>
      </c>
      <c r="EB35" s="191">
        <v>0</v>
      </c>
      <c r="EC35" s="196">
        <v>12</v>
      </c>
      <c r="ED35" s="195">
        <v>14</v>
      </c>
      <c r="EE35" s="190">
        <v>0</v>
      </c>
      <c r="EF35" s="191">
        <v>0</v>
      </c>
      <c r="EG35" s="196">
        <v>0</v>
      </c>
      <c r="EH35" s="193">
        <v>0</v>
      </c>
      <c r="EI35" s="191">
        <v>3</v>
      </c>
      <c r="EJ35" s="191">
        <v>1</v>
      </c>
      <c r="EK35" s="191">
        <v>2</v>
      </c>
      <c r="EL35" s="191">
        <v>1</v>
      </c>
      <c r="EM35" s="191">
        <v>1</v>
      </c>
      <c r="EN35" s="196">
        <v>8</v>
      </c>
      <c r="EO35" s="195">
        <v>8</v>
      </c>
      <c r="EP35" s="190">
        <v>2</v>
      </c>
      <c r="EQ35" s="191">
        <v>2</v>
      </c>
      <c r="ER35" s="196">
        <v>4</v>
      </c>
      <c r="ES35" s="193">
        <v>0</v>
      </c>
      <c r="ET35" s="191">
        <v>11</v>
      </c>
      <c r="EU35" s="191">
        <v>3</v>
      </c>
      <c r="EV35" s="191">
        <v>3</v>
      </c>
      <c r="EW35" s="191">
        <v>1</v>
      </c>
      <c r="EX35" s="191">
        <v>1</v>
      </c>
      <c r="EY35" s="196">
        <v>19</v>
      </c>
      <c r="EZ35" s="195">
        <v>23</v>
      </c>
    </row>
    <row r="36" spans="2:156" ht="21" customHeight="1" x14ac:dyDescent="0.2">
      <c r="B36" s="106" t="s">
        <v>34</v>
      </c>
      <c r="C36" s="190">
        <v>0</v>
      </c>
      <c r="D36" s="191">
        <v>0</v>
      </c>
      <c r="E36" s="192">
        <v>0</v>
      </c>
      <c r="F36" s="193">
        <v>0</v>
      </c>
      <c r="G36" s="191">
        <v>0</v>
      </c>
      <c r="H36" s="191">
        <v>1</v>
      </c>
      <c r="I36" s="191">
        <v>0</v>
      </c>
      <c r="J36" s="191">
        <v>0</v>
      </c>
      <c r="K36" s="191">
        <v>0</v>
      </c>
      <c r="L36" s="194">
        <v>1</v>
      </c>
      <c r="M36" s="195">
        <v>1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0</v>
      </c>
      <c r="V36" s="191">
        <v>0</v>
      </c>
      <c r="W36" s="196">
        <v>0</v>
      </c>
      <c r="X36" s="195">
        <v>0</v>
      </c>
      <c r="Y36" s="190">
        <v>1</v>
      </c>
      <c r="Z36" s="191">
        <v>0</v>
      </c>
      <c r="AA36" s="196">
        <v>1</v>
      </c>
      <c r="AB36" s="193">
        <v>0</v>
      </c>
      <c r="AC36" s="191">
        <v>1</v>
      </c>
      <c r="AD36" s="191">
        <v>1</v>
      </c>
      <c r="AE36" s="191">
        <v>0</v>
      </c>
      <c r="AF36" s="191">
        <v>0</v>
      </c>
      <c r="AG36" s="191">
        <v>1</v>
      </c>
      <c r="AH36" s="196">
        <v>3</v>
      </c>
      <c r="AI36" s="195">
        <v>4</v>
      </c>
      <c r="AJ36" s="190">
        <v>0</v>
      </c>
      <c r="AK36" s="191">
        <v>0</v>
      </c>
      <c r="AL36" s="196">
        <v>0</v>
      </c>
      <c r="AM36" s="193">
        <v>0</v>
      </c>
      <c r="AN36" s="191">
        <v>0</v>
      </c>
      <c r="AO36" s="191">
        <v>1</v>
      </c>
      <c r="AP36" s="191">
        <v>0</v>
      </c>
      <c r="AQ36" s="191">
        <v>0</v>
      </c>
      <c r="AR36" s="191">
        <v>0</v>
      </c>
      <c r="AS36" s="196">
        <v>1</v>
      </c>
      <c r="AT36" s="195">
        <v>1</v>
      </c>
      <c r="AU36" s="190">
        <v>0</v>
      </c>
      <c r="AV36" s="191">
        <v>0</v>
      </c>
      <c r="AW36" s="196">
        <v>0</v>
      </c>
      <c r="AX36" s="193">
        <v>0</v>
      </c>
      <c r="AY36" s="191">
        <v>1</v>
      </c>
      <c r="AZ36" s="191">
        <v>2</v>
      </c>
      <c r="BA36" s="191">
        <v>1</v>
      </c>
      <c r="BB36" s="191">
        <v>0</v>
      </c>
      <c r="BC36" s="191">
        <v>0</v>
      </c>
      <c r="BD36" s="194">
        <v>4</v>
      </c>
      <c r="BE36" s="195">
        <v>4</v>
      </c>
      <c r="BF36" s="190">
        <v>0</v>
      </c>
      <c r="BG36" s="191">
        <v>0</v>
      </c>
      <c r="BH36" s="196">
        <v>0</v>
      </c>
      <c r="BI36" s="193">
        <v>0</v>
      </c>
      <c r="BJ36" s="191">
        <v>0</v>
      </c>
      <c r="BK36" s="191">
        <v>2</v>
      </c>
      <c r="BL36" s="191">
        <v>1</v>
      </c>
      <c r="BM36" s="191">
        <v>1</v>
      </c>
      <c r="BN36" s="191">
        <v>0</v>
      </c>
      <c r="BO36" s="196">
        <v>4</v>
      </c>
      <c r="BP36" s="195">
        <v>4</v>
      </c>
      <c r="BQ36" s="190">
        <v>0</v>
      </c>
      <c r="BR36" s="191">
        <v>0</v>
      </c>
      <c r="BS36" s="196">
        <v>0</v>
      </c>
      <c r="BT36" s="193">
        <v>0</v>
      </c>
      <c r="BU36" s="191">
        <v>0</v>
      </c>
      <c r="BV36" s="191">
        <v>0</v>
      </c>
      <c r="BW36" s="191">
        <v>0</v>
      </c>
      <c r="BX36" s="191">
        <v>0</v>
      </c>
      <c r="BY36" s="191">
        <v>0</v>
      </c>
      <c r="BZ36" s="196">
        <v>0</v>
      </c>
      <c r="CA36" s="195">
        <v>0</v>
      </c>
      <c r="CB36" s="190">
        <v>0</v>
      </c>
      <c r="CC36" s="191">
        <v>0</v>
      </c>
      <c r="CD36" s="196">
        <v>0</v>
      </c>
      <c r="CE36" s="193">
        <v>0</v>
      </c>
      <c r="CF36" s="191">
        <v>0</v>
      </c>
      <c r="CG36" s="191">
        <v>2</v>
      </c>
      <c r="CH36" s="191">
        <v>1</v>
      </c>
      <c r="CI36" s="191">
        <v>0</v>
      </c>
      <c r="CJ36" s="191">
        <v>0</v>
      </c>
      <c r="CK36" s="196">
        <v>3</v>
      </c>
      <c r="CL36" s="195">
        <v>3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  <c r="CX36" s="190">
        <v>0</v>
      </c>
      <c r="CY36" s="191">
        <v>0</v>
      </c>
      <c r="CZ36" s="196">
        <v>0</v>
      </c>
      <c r="DA36" s="193">
        <v>0</v>
      </c>
      <c r="DB36" s="191">
        <v>0</v>
      </c>
      <c r="DC36" s="191">
        <v>0</v>
      </c>
      <c r="DD36" s="191">
        <v>0</v>
      </c>
      <c r="DE36" s="191">
        <v>0</v>
      </c>
      <c r="DF36" s="191">
        <v>0</v>
      </c>
      <c r="DG36" s="196">
        <v>0</v>
      </c>
      <c r="DH36" s="195">
        <v>0</v>
      </c>
      <c r="DI36" s="190">
        <v>0</v>
      </c>
      <c r="DJ36" s="191">
        <v>0</v>
      </c>
      <c r="DK36" s="196">
        <v>0</v>
      </c>
      <c r="DL36" s="193">
        <v>0</v>
      </c>
      <c r="DM36" s="191">
        <v>0</v>
      </c>
      <c r="DN36" s="191">
        <v>0</v>
      </c>
      <c r="DO36" s="191">
        <v>0</v>
      </c>
      <c r="DP36" s="191">
        <v>0</v>
      </c>
      <c r="DQ36" s="191">
        <v>0</v>
      </c>
      <c r="DR36" s="196">
        <v>0</v>
      </c>
      <c r="DS36" s="195">
        <v>0</v>
      </c>
      <c r="DT36" s="190">
        <v>1</v>
      </c>
      <c r="DU36" s="191">
        <v>0</v>
      </c>
      <c r="DV36" s="196">
        <v>1</v>
      </c>
      <c r="DW36" s="193">
        <v>0</v>
      </c>
      <c r="DX36" s="191">
        <v>2</v>
      </c>
      <c r="DY36" s="191">
        <v>3</v>
      </c>
      <c r="DZ36" s="191">
        <v>0</v>
      </c>
      <c r="EA36" s="191">
        <v>1</v>
      </c>
      <c r="EB36" s="191">
        <v>1</v>
      </c>
      <c r="EC36" s="196">
        <v>7</v>
      </c>
      <c r="ED36" s="195">
        <v>8</v>
      </c>
      <c r="EE36" s="190">
        <v>0</v>
      </c>
      <c r="EF36" s="191">
        <v>0</v>
      </c>
      <c r="EG36" s="196">
        <v>0</v>
      </c>
      <c r="EH36" s="193">
        <v>0</v>
      </c>
      <c r="EI36" s="191">
        <v>0</v>
      </c>
      <c r="EJ36" s="191">
        <v>2</v>
      </c>
      <c r="EK36" s="191">
        <v>1</v>
      </c>
      <c r="EL36" s="191">
        <v>1</v>
      </c>
      <c r="EM36" s="191">
        <v>0</v>
      </c>
      <c r="EN36" s="196">
        <v>4</v>
      </c>
      <c r="EO36" s="195">
        <v>4</v>
      </c>
      <c r="EP36" s="190">
        <v>2</v>
      </c>
      <c r="EQ36" s="191">
        <v>0</v>
      </c>
      <c r="ER36" s="196">
        <v>2</v>
      </c>
      <c r="ES36" s="193">
        <v>0</v>
      </c>
      <c r="ET36" s="191">
        <v>1</v>
      </c>
      <c r="EU36" s="191">
        <v>3</v>
      </c>
      <c r="EV36" s="191">
        <v>1</v>
      </c>
      <c r="EW36" s="191">
        <v>1</v>
      </c>
      <c r="EX36" s="191">
        <v>1</v>
      </c>
      <c r="EY36" s="196">
        <v>7</v>
      </c>
      <c r="EZ36" s="195">
        <v>9</v>
      </c>
    </row>
    <row r="37" spans="2:156" ht="21" customHeight="1" x14ac:dyDescent="0.2">
      <c r="B37" s="106" t="s">
        <v>35</v>
      </c>
      <c r="C37" s="190">
        <v>0</v>
      </c>
      <c r="D37" s="191">
        <v>0</v>
      </c>
      <c r="E37" s="192">
        <v>0</v>
      </c>
      <c r="F37" s="193">
        <v>0</v>
      </c>
      <c r="G37" s="191">
        <v>1</v>
      </c>
      <c r="H37" s="191">
        <v>5</v>
      </c>
      <c r="I37" s="191">
        <v>1</v>
      </c>
      <c r="J37" s="191">
        <v>0</v>
      </c>
      <c r="K37" s="191">
        <v>0</v>
      </c>
      <c r="L37" s="194">
        <v>7</v>
      </c>
      <c r="M37" s="195">
        <v>7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0</v>
      </c>
      <c r="T37" s="191">
        <v>0</v>
      </c>
      <c r="U37" s="191">
        <v>0</v>
      </c>
      <c r="V37" s="191">
        <v>0</v>
      </c>
      <c r="W37" s="196">
        <v>0</v>
      </c>
      <c r="X37" s="195">
        <v>0</v>
      </c>
      <c r="Y37" s="190">
        <v>0</v>
      </c>
      <c r="Z37" s="191">
        <v>1</v>
      </c>
      <c r="AA37" s="196">
        <v>1</v>
      </c>
      <c r="AB37" s="193">
        <v>0</v>
      </c>
      <c r="AC37" s="191">
        <v>2</v>
      </c>
      <c r="AD37" s="191">
        <v>5</v>
      </c>
      <c r="AE37" s="191">
        <v>0</v>
      </c>
      <c r="AF37" s="191">
        <v>1</v>
      </c>
      <c r="AG37" s="191">
        <v>1</v>
      </c>
      <c r="AH37" s="196">
        <v>9</v>
      </c>
      <c r="AI37" s="195">
        <v>10</v>
      </c>
      <c r="AJ37" s="190">
        <v>0</v>
      </c>
      <c r="AK37" s="191">
        <v>1</v>
      </c>
      <c r="AL37" s="196">
        <v>1</v>
      </c>
      <c r="AM37" s="193">
        <v>0</v>
      </c>
      <c r="AN37" s="191">
        <v>2</v>
      </c>
      <c r="AO37" s="191">
        <v>0</v>
      </c>
      <c r="AP37" s="191">
        <v>1</v>
      </c>
      <c r="AQ37" s="191">
        <v>1</v>
      </c>
      <c r="AR37" s="191">
        <v>0</v>
      </c>
      <c r="AS37" s="196">
        <v>4</v>
      </c>
      <c r="AT37" s="195">
        <v>5</v>
      </c>
      <c r="AU37" s="190">
        <v>3</v>
      </c>
      <c r="AV37" s="191">
        <v>3</v>
      </c>
      <c r="AW37" s="196">
        <v>6</v>
      </c>
      <c r="AX37" s="193">
        <v>0</v>
      </c>
      <c r="AY37" s="191">
        <v>6</v>
      </c>
      <c r="AZ37" s="191">
        <v>3</v>
      </c>
      <c r="BA37" s="191">
        <v>2</v>
      </c>
      <c r="BB37" s="191">
        <v>4</v>
      </c>
      <c r="BC37" s="191">
        <v>2</v>
      </c>
      <c r="BD37" s="194">
        <v>17</v>
      </c>
      <c r="BE37" s="195">
        <v>23</v>
      </c>
      <c r="BF37" s="190">
        <v>0</v>
      </c>
      <c r="BG37" s="191">
        <v>0</v>
      </c>
      <c r="BH37" s="196">
        <v>0</v>
      </c>
      <c r="BI37" s="193">
        <v>0</v>
      </c>
      <c r="BJ37" s="191">
        <v>6</v>
      </c>
      <c r="BK37" s="191">
        <v>3</v>
      </c>
      <c r="BL37" s="191">
        <v>1</v>
      </c>
      <c r="BM37" s="191">
        <v>1</v>
      </c>
      <c r="BN37" s="191">
        <v>1</v>
      </c>
      <c r="BO37" s="196">
        <v>12</v>
      </c>
      <c r="BP37" s="195">
        <v>12</v>
      </c>
      <c r="BQ37" s="190">
        <v>1</v>
      </c>
      <c r="BR37" s="191">
        <v>3</v>
      </c>
      <c r="BS37" s="196">
        <v>4</v>
      </c>
      <c r="BT37" s="193">
        <v>0</v>
      </c>
      <c r="BU37" s="191">
        <v>2</v>
      </c>
      <c r="BV37" s="191">
        <v>4</v>
      </c>
      <c r="BW37" s="191">
        <v>1</v>
      </c>
      <c r="BX37" s="191">
        <v>1</v>
      </c>
      <c r="BY37" s="191">
        <v>0</v>
      </c>
      <c r="BZ37" s="196">
        <v>8</v>
      </c>
      <c r="CA37" s="195">
        <v>12</v>
      </c>
      <c r="CB37" s="190">
        <v>0</v>
      </c>
      <c r="CC37" s="191">
        <v>0</v>
      </c>
      <c r="CD37" s="196">
        <v>0</v>
      </c>
      <c r="CE37" s="193">
        <v>0</v>
      </c>
      <c r="CF37" s="191">
        <v>0</v>
      </c>
      <c r="CG37" s="191">
        <v>2</v>
      </c>
      <c r="CH37" s="191">
        <v>0</v>
      </c>
      <c r="CI37" s="191">
        <v>0</v>
      </c>
      <c r="CJ37" s="191">
        <v>2</v>
      </c>
      <c r="CK37" s="196">
        <v>4</v>
      </c>
      <c r="CL37" s="195">
        <v>4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  <c r="CX37" s="190">
        <v>0</v>
      </c>
      <c r="CY37" s="191">
        <v>0</v>
      </c>
      <c r="CZ37" s="196">
        <v>0</v>
      </c>
      <c r="DA37" s="193">
        <v>0</v>
      </c>
      <c r="DB37" s="191">
        <v>0</v>
      </c>
      <c r="DC37" s="191">
        <v>0</v>
      </c>
      <c r="DD37" s="191">
        <v>0</v>
      </c>
      <c r="DE37" s="191">
        <v>0</v>
      </c>
      <c r="DF37" s="191">
        <v>0</v>
      </c>
      <c r="DG37" s="196">
        <v>0</v>
      </c>
      <c r="DH37" s="195">
        <v>0</v>
      </c>
      <c r="DI37" s="190">
        <v>0</v>
      </c>
      <c r="DJ37" s="191">
        <v>0</v>
      </c>
      <c r="DK37" s="196">
        <v>0</v>
      </c>
      <c r="DL37" s="193">
        <v>0</v>
      </c>
      <c r="DM37" s="191">
        <v>0</v>
      </c>
      <c r="DN37" s="191">
        <v>0</v>
      </c>
      <c r="DO37" s="191">
        <v>0</v>
      </c>
      <c r="DP37" s="191">
        <v>0</v>
      </c>
      <c r="DQ37" s="191">
        <v>0</v>
      </c>
      <c r="DR37" s="196">
        <v>0</v>
      </c>
      <c r="DS37" s="195">
        <v>0</v>
      </c>
      <c r="DT37" s="190">
        <v>4</v>
      </c>
      <c r="DU37" s="191">
        <v>4</v>
      </c>
      <c r="DV37" s="196">
        <v>8</v>
      </c>
      <c r="DW37" s="193">
        <v>0</v>
      </c>
      <c r="DX37" s="191">
        <v>6</v>
      </c>
      <c r="DY37" s="191">
        <v>11</v>
      </c>
      <c r="DZ37" s="191">
        <v>2</v>
      </c>
      <c r="EA37" s="191">
        <v>2</v>
      </c>
      <c r="EB37" s="191">
        <v>1</v>
      </c>
      <c r="EC37" s="196">
        <v>22</v>
      </c>
      <c r="ED37" s="195">
        <v>30</v>
      </c>
      <c r="EE37" s="190">
        <v>3</v>
      </c>
      <c r="EF37" s="191">
        <v>1</v>
      </c>
      <c r="EG37" s="196">
        <v>4</v>
      </c>
      <c r="EH37" s="193">
        <v>0</v>
      </c>
      <c r="EI37" s="191">
        <v>4</v>
      </c>
      <c r="EJ37" s="191">
        <v>1</v>
      </c>
      <c r="EK37" s="191">
        <v>1</v>
      </c>
      <c r="EL37" s="191">
        <v>3</v>
      </c>
      <c r="EM37" s="191">
        <v>1</v>
      </c>
      <c r="EN37" s="196">
        <v>10</v>
      </c>
      <c r="EO37" s="195">
        <v>14</v>
      </c>
      <c r="EP37" s="190">
        <v>5</v>
      </c>
      <c r="EQ37" s="191">
        <v>6</v>
      </c>
      <c r="ER37" s="196">
        <v>11</v>
      </c>
      <c r="ES37" s="193">
        <v>0</v>
      </c>
      <c r="ET37" s="191">
        <v>12</v>
      </c>
      <c r="EU37" s="191">
        <v>12</v>
      </c>
      <c r="EV37" s="191">
        <v>3</v>
      </c>
      <c r="EW37" s="191">
        <v>2</v>
      </c>
      <c r="EX37" s="191">
        <v>2</v>
      </c>
      <c r="EY37" s="196">
        <v>31</v>
      </c>
      <c r="EZ37" s="195">
        <v>42</v>
      </c>
    </row>
    <row r="38" spans="2:156" ht="21" customHeight="1" x14ac:dyDescent="0.2">
      <c r="B38" s="106" t="s">
        <v>36</v>
      </c>
      <c r="C38" s="190">
        <v>0</v>
      </c>
      <c r="D38" s="191">
        <v>0</v>
      </c>
      <c r="E38" s="192">
        <v>0</v>
      </c>
      <c r="F38" s="193">
        <v>0</v>
      </c>
      <c r="G38" s="191">
        <v>2</v>
      </c>
      <c r="H38" s="191">
        <v>3</v>
      </c>
      <c r="I38" s="191">
        <v>0</v>
      </c>
      <c r="J38" s="191">
        <v>1</v>
      </c>
      <c r="K38" s="191">
        <v>0</v>
      </c>
      <c r="L38" s="194">
        <v>6</v>
      </c>
      <c r="M38" s="195">
        <v>6</v>
      </c>
      <c r="N38" s="190">
        <v>0</v>
      </c>
      <c r="O38" s="191">
        <v>0</v>
      </c>
      <c r="P38" s="196">
        <v>0</v>
      </c>
      <c r="Q38" s="193">
        <v>0</v>
      </c>
      <c r="R38" s="191">
        <v>0</v>
      </c>
      <c r="S38" s="191">
        <v>0</v>
      </c>
      <c r="T38" s="191">
        <v>1</v>
      </c>
      <c r="U38" s="191">
        <v>1</v>
      </c>
      <c r="V38" s="191">
        <v>0</v>
      </c>
      <c r="W38" s="196">
        <v>2</v>
      </c>
      <c r="X38" s="195">
        <v>2</v>
      </c>
      <c r="Y38" s="190">
        <v>0</v>
      </c>
      <c r="Z38" s="191">
        <v>1</v>
      </c>
      <c r="AA38" s="196">
        <v>1</v>
      </c>
      <c r="AB38" s="193">
        <v>0</v>
      </c>
      <c r="AC38" s="191">
        <v>2</v>
      </c>
      <c r="AD38" s="191">
        <v>3</v>
      </c>
      <c r="AE38" s="191">
        <v>0</v>
      </c>
      <c r="AF38" s="191">
        <v>2</v>
      </c>
      <c r="AG38" s="191">
        <v>0</v>
      </c>
      <c r="AH38" s="196">
        <v>7</v>
      </c>
      <c r="AI38" s="195">
        <v>8</v>
      </c>
      <c r="AJ38" s="190">
        <v>0</v>
      </c>
      <c r="AK38" s="191">
        <v>0</v>
      </c>
      <c r="AL38" s="196">
        <v>0</v>
      </c>
      <c r="AM38" s="193">
        <v>0</v>
      </c>
      <c r="AN38" s="191">
        <v>1</v>
      </c>
      <c r="AO38" s="191">
        <v>0</v>
      </c>
      <c r="AP38" s="191">
        <v>0</v>
      </c>
      <c r="AQ38" s="191">
        <v>0</v>
      </c>
      <c r="AR38" s="191">
        <v>0</v>
      </c>
      <c r="AS38" s="196">
        <v>1</v>
      </c>
      <c r="AT38" s="195">
        <v>1</v>
      </c>
      <c r="AU38" s="190">
        <v>0</v>
      </c>
      <c r="AV38" s="191">
        <v>0</v>
      </c>
      <c r="AW38" s="196">
        <v>0</v>
      </c>
      <c r="AX38" s="193">
        <v>0</v>
      </c>
      <c r="AY38" s="191">
        <v>4</v>
      </c>
      <c r="AZ38" s="191">
        <v>7</v>
      </c>
      <c r="BA38" s="191">
        <v>1</v>
      </c>
      <c r="BB38" s="191">
        <v>6</v>
      </c>
      <c r="BC38" s="191">
        <v>0</v>
      </c>
      <c r="BD38" s="194">
        <v>18</v>
      </c>
      <c r="BE38" s="195">
        <v>18</v>
      </c>
      <c r="BF38" s="190">
        <v>0</v>
      </c>
      <c r="BG38" s="191">
        <v>0</v>
      </c>
      <c r="BH38" s="196">
        <v>0</v>
      </c>
      <c r="BI38" s="193">
        <v>0</v>
      </c>
      <c r="BJ38" s="191">
        <v>3</v>
      </c>
      <c r="BK38" s="191">
        <v>3</v>
      </c>
      <c r="BL38" s="191">
        <v>0</v>
      </c>
      <c r="BM38" s="191">
        <v>2</v>
      </c>
      <c r="BN38" s="191">
        <v>0</v>
      </c>
      <c r="BO38" s="196">
        <v>8</v>
      </c>
      <c r="BP38" s="195">
        <v>8</v>
      </c>
      <c r="BQ38" s="190">
        <v>0</v>
      </c>
      <c r="BR38" s="191">
        <v>0</v>
      </c>
      <c r="BS38" s="196">
        <v>0</v>
      </c>
      <c r="BT38" s="193">
        <v>0</v>
      </c>
      <c r="BU38" s="191">
        <v>0</v>
      </c>
      <c r="BV38" s="191">
        <v>0</v>
      </c>
      <c r="BW38" s="191">
        <v>1</v>
      </c>
      <c r="BX38" s="191">
        <v>0</v>
      </c>
      <c r="BY38" s="191">
        <v>0</v>
      </c>
      <c r="BZ38" s="196">
        <v>1</v>
      </c>
      <c r="CA38" s="195">
        <v>1</v>
      </c>
      <c r="CB38" s="190">
        <v>0</v>
      </c>
      <c r="CC38" s="191">
        <v>0</v>
      </c>
      <c r="CD38" s="196">
        <v>0</v>
      </c>
      <c r="CE38" s="193">
        <v>0</v>
      </c>
      <c r="CF38" s="191">
        <v>0</v>
      </c>
      <c r="CG38" s="191">
        <v>1</v>
      </c>
      <c r="CH38" s="191">
        <v>0</v>
      </c>
      <c r="CI38" s="191">
        <v>1</v>
      </c>
      <c r="CJ38" s="191">
        <v>0</v>
      </c>
      <c r="CK38" s="196">
        <v>2</v>
      </c>
      <c r="CL38" s="195">
        <v>2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  <c r="CX38" s="190">
        <v>0</v>
      </c>
      <c r="CY38" s="191">
        <v>0</v>
      </c>
      <c r="CZ38" s="196">
        <v>0</v>
      </c>
      <c r="DA38" s="193">
        <v>0</v>
      </c>
      <c r="DB38" s="191">
        <v>0</v>
      </c>
      <c r="DC38" s="191">
        <v>0</v>
      </c>
      <c r="DD38" s="191">
        <v>0</v>
      </c>
      <c r="DE38" s="191">
        <v>0</v>
      </c>
      <c r="DF38" s="191">
        <v>0</v>
      </c>
      <c r="DG38" s="196">
        <v>0</v>
      </c>
      <c r="DH38" s="195">
        <v>0</v>
      </c>
      <c r="DI38" s="190">
        <v>0</v>
      </c>
      <c r="DJ38" s="191">
        <v>0</v>
      </c>
      <c r="DK38" s="196">
        <v>0</v>
      </c>
      <c r="DL38" s="193">
        <v>0</v>
      </c>
      <c r="DM38" s="191">
        <v>0</v>
      </c>
      <c r="DN38" s="191">
        <v>0</v>
      </c>
      <c r="DO38" s="191">
        <v>0</v>
      </c>
      <c r="DP38" s="191">
        <v>0</v>
      </c>
      <c r="DQ38" s="191">
        <v>0</v>
      </c>
      <c r="DR38" s="196">
        <v>0</v>
      </c>
      <c r="DS38" s="195">
        <v>0</v>
      </c>
      <c r="DT38" s="190">
        <v>1</v>
      </c>
      <c r="DU38" s="191">
        <v>2</v>
      </c>
      <c r="DV38" s="196">
        <v>3</v>
      </c>
      <c r="DW38" s="193">
        <v>0</v>
      </c>
      <c r="DX38" s="191">
        <v>5</v>
      </c>
      <c r="DY38" s="191">
        <v>7</v>
      </c>
      <c r="DZ38" s="191">
        <v>2</v>
      </c>
      <c r="EA38" s="191">
        <v>3</v>
      </c>
      <c r="EB38" s="191">
        <v>0</v>
      </c>
      <c r="EC38" s="196">
        <v>17</v>
      </c>
      <c r="ED38" s="195">
        <v>20</v>
      </c>
      <c r="EE38" s="190">
        <v>0</v>
      </c>
      <c r="EF38" s="191">
        <v>0</v>
      </c>
      <c r="EG38" s="196">
        <v>0</v>
      </c>
      <c r="EH38" s="193">
        <v>0</v>
      </c>
      <c r="EI38" s="191">
        <v>2</v>
      </c>
      <c r="EJ38" s="191">
        <v>2</v>
      </c>
      <c r="EK38" s="191">
        <v>0</v>
      </c>
      <c r="EL38" s="191">
        <v>2</v>
      </c>
      <c r="EM38" s="191">
        <v>0</v>
      </c>
      <c r="EN38" s="196">
        <v>6</v>
      </c>
      <c r="EO38" s="195">
        <v>6</v>
      </c>
      <c r="EP38" s="190">
        <v>1</v>
      </c>
      <c r="EQ38" s="191">
        <v>3</v>
      </c>
      <c r="ER38" s="196">
        <v>4</v>
      </c>
      <c r="ES38" s="193">
        <v>0</v>
      </c>
      <c r="ET38" s="191">
        <v>9</v>
      </c>
      <c r="EU38" s="191">
        <v>9</v>
      </c>
      <c r="EV38" s="191">
        <v>2</v>
      </c>
      <c r="EW38" s="191">
        <v>4</v>
      </c>
      <c r="EX38" s="191">
        <v>0</v>
      </c>
      <c r="EY38" s="196">
        <v>24</v>
      </c>
      <c r="EZ38" s="195">
        <v>28</v>
      </c>
    </row>
    <row r="39" spans="2:156" ht="21" customHeight="1" thickBot="1" x14ac:dyDescent="0.25">
      <c r="B39" s="108" t="s">
        <v>37</v>
      </c>
      <c r="C39" s="197">
        <v>0</v>
      </c>
      <c r="D39" s="198">
        <v>0</v>
      </c>
      <c r="E39" s="199">
        <v>0</v>
      </c>
      <c r="F39" s="200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201">
        <v>0</v>
      </c>
      <c r="M39" s="202">
        <v>0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203">
        <v>0</v>
      </c>
      <c r="X39" s="202">
        <v>0</v>
      </c>
      <c r="Y39" s="197">
        <v>0</v>
      </c>
      <c r="Z39" s="198">
        <v>0</v>
      </c>
      <c r="AA39" s="203">
        <v>0</v>
      </c>
      <c r="AB39" s="200">
        <v>0</v>
      </c>
      <c r="AC39" s="198">
        <v>0</v>
      </c>
      <c r="AD39" s="198">
        <v>1</v>
      </c>
      <c r="AE39" s="198">
        <v>0</v>
      </c>
      <c r="AF39" s="198">
        <v>0</v>
      </c>
      <c r="AG39" s="198">
        <v>0</v>
      </c>
      <c r="AH39" s="203">
        <v>1</v>
      </c>
      <c r="AI39" s="202">
        <v>1</v>
      </c>
      <c r="AJ39" s="197">
        <v>0</v>
      </c>
      <c r="AK39" s="198">
        <v>0</v>
      </c>
      <c r="AL39" s="203">
        <v>0</v>
      </c>
      <c r="AM39" s="200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203">
        <v>0</v>
      </c>
      <c r="AT39" s="202">
        <v>0</v>
      </c>
      <c r="AU39" s="197">
        <v>0</v>
      </c>
      <c r="AV39" s="198">
        <v>0</v>
      </c>
      <c r="AW39" s="203">
        <v>0</v>
      </c>
      <c r="AX39" s="200">
        <v>0</v>
      </c>
      <c r="AY39" s="198">
        <v>0</v>
      </c>
      <c r="AZ39" s="198">
        <v>0</v>
      </c>
      <c r="BA39" s="198">
        <v>0</v>
      </c>
      <c r="BB39" s="198">
        <v>0</v>
      </c>
      <c r="BC39" s="198">
        <v>0</v>
      </c>
      <c r="BD39" s="201">
        <v>0</v>
      </c>
      <c r="BE39" s="202">
        <v>0</v>
      </c>
      <c r="BF39" s="197">
        <v>0</v>
      </c>
      <c r="BG39" s="198">
        <v>0</v>
      </c>
      <c r="BH39" s="203">
        <v>0</v>
      </c>
      <c r="BI39" s="200">
        <v>0</v>
      </c>
      <c r="BJ39" s="198">
        <v>0</v>
      </c>
      <c r="BK39" s="198">
        <v>1</v>
      </c>
      <c r="BL39" s="198">
        <v>0</v>
      </c>
      <c r="BM39" s="198">
        <v>0</v>
      </c>
      <c r="BN39" s="198">
        <v>0</v>
      </c>
      <c r="BO39" s="203">
        <v>1</v>
      </c>
      <c r="BP39" s="202">
        <v>1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0</v>
      </c>
      <c r="BW39" s="198">
        <v>0</v>
      </c>
      <c r="BX39" s="198">
        <v>0</v>
      </c>
      <c r="BY39" s="198">
        <v>0</v>
      </c>
      <c r="BZ39" s="203">
        <v>0</v>
      </c>
      <c r="CA39" s="202">
        <v>0</v>
      </c>
      <c r="CB39" s="197">
        <v>0</v>
      </c>
      <c r="CC39" s="198">
        <v>0</v>
      </c>
      <c r="CD39" s="203">
        <v>0</v>
      </c>
      <c r="CE39" s="200">
        <v>0</v>
      </c>
      <c r="CF39" s="198">
        <v>0</v>
      </c>
      <c r="CG39" s="198">
        <v>0</v>
      </c>
      <c r="CH39" s="198">
        <v>0</v>
      </c>
      <c r="CI39" s="198">
        <v>0</v>
      </c>
      <c r="CJ39" s="198">
        <v>0</v>
      </c>
      <c r="CK39" s="203">
        <v>0</v>
      </c>
      <c r="CL39" s="202">
        <v>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  <c r="CX39" s="197">
        <v>0</v>
      </c>
      <c r="CY39" s="198">
        <v>0</v>
      </c>
      <c r="CZ39" s="203">
        <v>0</v>
      </c>
      <c r="DA39" s="200">
        <v>0</v>
      </c>
      <c r="DB39" s="198">
        <v>0</v>
      </c>
      <c r="DC39" s="198">
        <v>0</v>
      </c>
      <c r="DD39" s="198">
        <v>0</v>
      </c>
      <c r="DE39" s="198">
        <v>0</v>
      </c>
      <c r="DF39" s="198">
        <v>0</v>
      </c>
      <c r="DG39" s="203">
        <v>0</v>
      </c>
      <c r="DH39" s="202">
        <v>0</v>
      </c>
      <c r="DI39" s="197">
        <v>0</v>
      </c>
      <c r="DJ39" s="198">
        <v>0</v>
      </c>
      <c r="DK39" s="203">
        <v>0</v>
      </c>
      <c r="DL39" s="200">
        <v>0</v>
      </c>
      <c r="DM39" s="198">
        <v>0</v>
      </c>
      <c r="DN39" s="198">
        <v>0</v>
      </c>
      <c r="DO39" s="198">
        <v>0</v>
      </c>
      <c r="DP39" s="198">
        <v>0</v>
      </c>
      <c r="DQ39" s="198">
        <v>0</v>
      </c>
      <c r="DR39" s="203">
        <v>0</v>
      </c>
      <c r="DS39" s="202">
        <v>0</v>
      </c>
      <c r="DT39" s="197">
        <v>0</v>
      </c>
      <c r="DU39" s="198">
        <v>0</v>
      </c>
      <c r="DV39" s="203">
        <v>0</v>
      </c>
      <c r="DW39" s="200">
        <v>0</v>
      </c>
      <c r="DX39" s="198">
        <v>0</v>
      </c>
      <c r="DY39" s="198">
        <v>1</v>
      </c>
      <c r="DZ39" s="198">
        <v>0</v>
      </c>
      <c r="EA39" s="198">
        <v>0</v>
      </c>
      <c r="EB39" s="198">
        <v>0</v>
      </c>
      <c r="EC39" s="203">
        <v>1</v>
      </c>
      <c r="ED39" s="202">
        <v>1</v>
      </c>
      <c r="EE39" s="197">
        <v>0</v>
      </c>
      <c r="EF39" s="198">
        <v>0</v>
      </c>
      <c r="EG39" s="203">
        <v>0</v>
      </c>
      <c r="EH39" s="200">
        <v>0</v>
      </c>
      <c r="EI39" s="198">
        <v>0</v>
      </c>
      <c r="EJ39" s="198">
        <v>0</v>
      </c>
      <c r="EK39" s="198">
        <v>0</v>
      </c>
      <c r="EL39" s="198">
        <v>0</v>
      </c>
      <c r="EM39" s="198">
        <v>0</v>
      </c>
      <c r="EN39" s="203">
        <v>0</v>
      </c>
      <c r="EO39" s="202">
        <v>0</v>
      </c>
      <c r="EP39" s="197">
        <v>0</v>
      </c>
      <c r="EQ39" s="198">
        <v>0</v>
      </c>
      <c r="ER39" s="203">
        <v>0</v>
      </c>
      <c r="ES39" s="200">
        <v>0</v>
      </c>
      <c r="ET39" s="198">
        <v>0</v>
      </c>
      <c r="EU39" s="198">
        <v>2</v>
      </c>
      <c r="EV39" s="198">
        <v>0</v>
      </c>
      <c r="EW39" s="198">
        <v>0</v>
      </c>
      <c r="EX39" s="198">
        <v>0</v>
      </c>
      <c r="EY39" s="203">
        <v>2</v>
      </c>
      <c r="EZ39" s="202">
        <v>2</v>
      </c>
    </row>
  </sheetData>
  <mergeCells count="59">
    <mergeCell ref="CM3:CW3"/>
    <mergeCell ref="I1:J1"/>
    <mergeCell ref="L1:M1"/>
    <mergeCell ref="B3:B5"/>
    <mergeCell ref="C3:M3"/>
    <mergeCell ref="N3:X3"/>
    <mergeCell ref="Y3:AI3"/>
    <mergeCell ref="X4:X5"/>
    <mergeCell ref="Y4:AA4"/>
    <mergeCell ref="AB4:AH4"/>
    <mergeCell ref="AI4:AI5"/>
    <mergeCell ref="AJ3:AT3"/>
    <mergeCell ref="AU3:BE3"/>
    <mergeCell ref="BF3:BP3"/>
    <mergeCell ref="BQ3:CA3"/>
    <mergeCell ref="CB3:CL3"/>
    <mergeCell ref="C4:E4"/>
    <mergeCell ref="F4:L4"/>
    <mergeCell ref="M4:M5"/>
    <mergeCell ref="N4:P4"/>
    <mergeCell ref="Q4:W4"/>
    <mergeCell ref="CX3:DH3"/>
    <mergeCell ref="DI3:DS3"/>
    <mergeCell ref="DT3:ED3"/>
    <mergeCell ref="EE3:EO3"/>
    <mergeCell ref="EP3:EZ3"/>
    <mergeCell ref="CA4:CA5"/>
    <mergeCell ref="AJ4:AL4"/>
    <mergeCell ref="AM4:AS4"/>
    <mergeCell ref="AT4:AT5"/>
    <mergeCell ref="AU4:AW4"/>
    <mergeCell ref="AX4:BD4"/>
    <mergeCell ref="BE4:BE5"/>
    <mergeCell ref="BF4:BH4"/>
    <mergeCell ref="BI4:BO4"/>
    <mergeCell ref="BP4:BP5"/>
    <mergeCell ref="BQ4:BS4"/>
    <mergeCell ref="BT4:BZ4"/>
    <mergeCell ref="DS4:DS5"/>
    <mergeCell ref="CB4:CD4"/>
    <mergeCell ref="CE4:CK4"/>
    <mergeCell ref="CL4:CL5"/>
    <mergeCell ref="CM4:CO4"/>
    <mergeCell ref="CP4:CV4"/>
    <mergeCell ref="CW4:CW5"/>
    <mergeCell ref="CX4:CZ4"/>
    <mergeCell ref="DA4:DG4"/>
    <mergeCell ref="DH4:DH5"/>
    <mergeCell ref="DI4:DK4"/>
    <mergeCell ref="DL4:DR4"/>
    <mergeCell ref="EP4:ER4"/>
    <mergeCell ref="ES4:EY4"/>
    <mergeCell ref="EZ4:EZ5"/>
    <mergeCell ref="DT4:DV4"/>
    <mergeCell ref="DW4:EC4"/>
    <mergeCell ref="ED4:ED5"/>
    <mergeCell ref="EE4:EG4"/>
    <mergeCell ref="EH4:EN4"/>
    <mergeCell ref="EO4:EO5"/>
  </mergeCells>
  <phoneticPr fontId="4"/>
  <pageMargins left="0.59055118110236227" right="0.39370078740157483" top="0.74803149606299213" bottom="0.74803149606299213" header="0.31496062992125984" footer="0.31496062992125984"/>
  <pageSetup paperSize="9" scale="33" orientation="landscape" r:id="rId1"/>
  <headerFooter>
    <oddFooter>&amp;L&amp;20&amp;A&amp;C&amp;P/&amp;N</oddFooter>
  </headerFooter>
  <colBreaks count="3" manualBreakCount="3">
    <brk id="46" max="1048575" man="1"/>
    <brk id="90" max="1048575" man="1"/>
    <brk id="134" max="1048575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DH40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71" customWidth="1"/>
    <col min="2" max="2" width="9.77734375" style="175" customWidth="1"/>
    <col min="3" max="5" width="9" style="175"/>
    <col min="6" max="6" width="7.77734375" style="175" customWidth="1"/>
    <col min="7" max="7" width="9" style="175"/>
    <col min="8" max="8" width="10.6640625" style="175" customWidth="1"/>
    <col min="9" max="16" width="9" style="175"/>
    <col min="17" max="17" width="7.77734375" style="175" customWidth="1"/>
    <col min="18" max="27" width="9" style="175"/>
    <col min="28" max="28" width="6.88671875" style="175" customWidth="1"/>
    <col min="29" max="38" width="9" style="175"/>
    <col min="39" max="39" width="7.21875" style="175" customWidth="1"/>
    <col min="40" max="49" width="9" style="175"/>
    <col min="50" max="50" width="7.44140625" style="175" customWidth="1"/>
    <col min="51" max="60" width="9" style="175"/>
    <col min="61" max="61" width="7.6640625" style="175" customWidth="1"/>
    <col min="62" max="71" width="9" style="175"/>
    <col min="72" max="72" width="7.88671875" style="175" customWidth="1"/>
    <col min="73" max="82" width="9" style="175"/>
    <col min="83" max="83" width="7" style="175" customWidth="1"/>
    <col min="84" max="93" width="9" style="175"/>
    <col min="94" max="94" width="7.6640625" style="175" customWidth="1"/>
    <col min="95" max="16384" width="9" style="175"/>
  </cols>
  <sheetData>
    <row r="1" spans="2:112" ht="24" customHeight="1" x14ac:dyDescent="0.2">
      <c r="B1" s="142" t="s">
        <v>121</v>
      </c>
      <c r="J1" s="442">
        <f>第１表!F2</f>
        <v>7</v>
      </c>
      <c r="K1" s="442"/>
      <c r="L1" s="18">
        <f>第１表!G2</f>
        <v>3</v>
      </c>
      <c r="M1" s="447">
        <f>IF(L1&lt;3,L1+12-2,L1-2)</f>
        <v>1</v>
      </c>
      <c r="N1" s="447"/>
    </row>
    <row r="2" spans="2:112" ht="24" customHeight="1" thickBot="1" x14ac:dyDescent="0.25">
      <c r="B2" s="142" t="s">
        <v>135</v>
      </c>
    </row>
    <row r="3" spans="2:112" ht="21" customHeight="1" thickBot="1" x14ac:dyDescent="0.25">
      <c r="B3" s="484"/>
      <c r="C3" s="487" t="s">
        <v>111</v>
      </c>
      <c r="D3" s="487"/>
      <c r="E3" s="487"/>
      <c r="F3" s="487"/>
      <c r="G3" s="487"/>
      <c r="H3" s="487"/>
      <c r="I3" s="487"/>
      <c r="J3" s="487"/>
      <c r="K3" s="487"/>
      <c r="L3" s="487"/>
      <c r="M3" s="488"/>
      <c r="N3" s="482" t="s">
        <v>110</v>
      </c>
      <c r="O3" s="482"/>
      <c r="P3" s="482"/>
      <c r="Q3" s="482"/>
      <c r="R3" s="482"/>
      <c r="S3" s="482"/>
      <c r="T3" s="482"/>
      <c r="U3" s="482"/>
      <c r="V3" s="482"/>
      <c r="W3" s="482"/>
      <c r="X3" s="483"/>
      <c r="Y3" s="481" t="s">
        <v>109</v>
      </c>
      <c r="Z3" s="482"/>
      <c r="AA3" s="482"/>
      <c r="AB3" s="482"/>
      <c r="AC3" s="482"/>
      <c r="AD3" s="482"/>
      <c r="AE3" s="482"/>
      <c r="AF3" s="482"/>
      <c r="AG3" s="482"/>
      <c r="AH3" s="482"/>
      <c r="AI3" s="483"/>
      <c r="AJ3" s="481" t="s">
        <v>108</v>
      </c>
      <c r="AK3" s="482"/>
      <c r="AL3" s="482"/>
      <c r="AM3" s="482"/>
      <c r="AN3" s="482"/>
      <c r="AO3" s="482"/>
      <c r="AP3" s="482"/>
      <c r="AQ3" s="482"/>
      <c r="AR3" s="482"/>
      <c r="AS3" s="482"/>
      <c r="AT3" s="483"/>
      <c r="AU3" s="481" t="s">
        <v>107</v>
      </c>
      <c r="AV3" s="482"/>
      <c r="AW3" s="482"/>
      <c r="AX3" s="482"/>
      <c r="AY3" s="482"/>
      <c r="AZ3" s="482"/>
      <c r="BA3" s="482"/>
      <c r="BB3" s="482"/>
      <c r="BC3" s="482"/>
      <c r="BD3" s="482"/>
      <c r="BE3" s="483"/>
      <c r="BF3" s="481" t="s">
        <v>106</v>
      </c>
      <c r="BG3" s="482"/>
      <c r="BH3" s="482"/>
      <c r="BI3" s="482"/>
      <c r="BJ3" s="482"/>
      <c r="BK3" s="482"/>
      <c r="BL3" s="482"/>
      <c r="BM3" s="482"/>
      <c r="BN3" s="482"/>
      <c r="BO3" s="482"/>
      <c r="BP3" s="483"/>
      <c r="BQ3" s="481" t="s">
        <v>105</v>
      </c>
      <c r="BR3" s="482"/>
      <c r="BS3" s="482"/>
      <c r="BT3" s="482"/>
      <c r="BU3" s="482"/>
      <c r="BV3" s="482"/>
      <c r="BW3" s="482"/>
      <c r="BX3" s="482"/>
      <c r="BY3" s="482"/>
      <c r="BZ3" s="482"/>
      <c r="CA3" s="483"/>
      <c r="CB3" s="481" t="s">
        <v>124</v>
      </c>
      <c r="CC3" s="482"/>
      <c r="CD3" s="482"/>
      <c r="CE3" s="482"/>
      <c r="CF3" s="482"/>
      <c r="CG3" s="482"/>
      <c r="CH3" s="482"/>
      <c r="CI3" s="482"/>
      <c r="CJ3" s="482"/>
      <c r="CK3" s="482"/>
      <c r="CL3" s="483"/>
      <c r="CM3" s="481" t="s">
        <v>104</v>
      </c>
      <c r="CN3" s="482"/>
      <c r="CO3" s="482"/>
      <c r="CP3" s="482"/>
      <c r="CQ3" s="482"/>
      <c r="CR3" s="482"/>
      <c r="CS3" s="482"/>
      <c r="CT3" s="482"/>
      <c r="CU3" s="482"/>
      <c r="CV3" s="482"/>
      <c r="CW3" s="483"/>
      <c r="CX3" s="481" t="s">
        <v>156</v>
      </c>
      <c r="CY3" s="482"/>
      <c r="CZ3" s="482"/>
      <c r="DA3" s="482"/>
      <c r="DB3" s="482"/>
      <c r="DC3" s="482"/>
      <c r="DD3" s="482"/>
      <c r="DE3" s="482"/>
      <c r="DF3" s="482"/>
      <c r="DG3" s="482"/>
      <c r="DH3" s="483"/>
    </row>
    <row r="4" spans="2:112" ht="21" customHeight="1" x14ac:dyDescent="0.2">
      <c r="B4" s="485"/>
      <c r="C4" s="489" t="s">
        <v>61</v>
      </c>
      <c r="D4" s="466"/>
      <c r="E4" s="467"/>
      <c r="F4" s="468" t="s">
        <v>62</v>
      </c>
      <c r="G4" s="466"/>
      <c r="H4" s="466"/>
      <c r="I4" s="466"/>
      <c r="J4" s="466"/>
      <c r="K4" s="466"/>
      <c r="L4" s="471"/>
      <c r="M4" s="469" t="s">
        <v>52</v>
      </c>
      <c r="N4" s="489" t="s">
        <v>61</v>
      </c>
      <c r="O4" s="466"/>
      <c r="P4" s="467"/>
      <c r="Q4" s="468" t="s">
        <v>62</v>
      </c>
      <c r="R4" s="466"/>
      <c r="S4" s="466"/>
      <c r="T4" s="466"/>
      <c r="U4" s="466"/>
      <c r="V4" s="466"/>
      <c r="W4" s="467"/>
      <c r="X4" s="469" t="s">
        <v>52</v>
      </c>
      <c r="Y4" s="465" t="s">
        <v>61</v>
      </c>
      <c r="Z4" s="466"/>
      <c r="AA4" s="471"/>
      <c r="AB4" s="468" t="s">
        <v>62</v>
      </c>
      <c r="AC4" s="466"/>
      <c r="AD4" s="466"/>
      <c r="AE4" s="466"/>
      <c r="AF4" s="466"/>
      <c r="AG4" s="466"/>
      <c r="AH4" s="467"/>
      <c r="AI4" s="469" t="s">
        <v>52</v>
      </c>
      <c r="AJ4" s="465" t="s">
        <v>61</v>
      </c>
      <c r="AK4" s="466"/>
      <c r="AL4" s="467"/>
      <c r="AM4" s="468" t="s">
        <v>62</v>
      </c>
      <c r="AN4" s="466"/>
      <c r="AO4" s="466"/>
      <c r="AP4" s="466"/>
      <c r="AQ4" s="466"/>
      <c r="AR4" s="466"/>
      <c r="AS4" s="467"/>
      <c r="AT4" s="469" t="s">
        <v>52</v>
      </c>
      <c r="AU4" s="465" t="s">
        <v>61</v>
      </c>
      <c r="AV4" s="466"/>
      <c r="AW4" s="471"/>
      <c r="AX4" s="468" t="s">
        <v>62</v>
      </c>
      <c r="AY4" s="466"/>
      <c r="AZ4" s="466"/>
      <c r="BA4" s="466"/>
      <c r="BB4" s="466"/>
      <c r="BC4" s="466"/>
      <c r="BD4" s="471"/>
      <c r="BE4" s="469" t="s">
        <v>52</v>
      </c>
      <c r="BF4" s="465" t="s">
        <v>61</v>
      </c>
      <c r="BG4" s="466"/>
      <c r="BH4" s="467"/>
      <c r="BI4" s="468" t="s">
        <v>62</v>
      </c>
      <c r="BJ4" s="466"/>
      <c r="BK4" s="466"/>
      <c r="BL4" s="466"/>
      <c r="BM4" s="466"/>
      <c r="BN4" s="466"/>
      <c r="BO4" s="467"/>
      <c r="BP4" s="469" t="s">
        <v>52</v>
      </c>
      <c r="BQ4" s="465" t="s">
        <v>61</v>
      </c>
      <c r="BR4" s="466"/>
      <c r="BS4" s="467"/>
      <c r="BT4" s="468" t="s">
        <v>62</v>
      </c>
      <c r="BU4" s="466"/>
      <c r="BV4" s="466"/>
      <c r="BW4" s="466"/>
      <c r="BX4" s="466"/>
      <c r="BY4" s="466"/>
      <c r="BZ4" s="467"/>
      <c r="CA4" s="469" t="s">
        <v>52</v>
      </c>
      <c r="CB4" s="465" t="s">
        <v>61</v>
      </c>
      <c r="CC4" s="466"/>
      <c r="CD4" s="467"/>
      <c r="CE4" s="468" t="s">
        <v>62</v>
      </c>
      <c r="CF4" s="466"/>
      <c r="CG4" s="466"/>
      <c r="CH4" s="466"/>
      <c r="CI4" s="466"/>
      <c r="CJ4" s="466"/>
      <c r="CK4" s="467"/>
      <c r="CL4" s="469" t="s">
        <v>52</v>
      </c>
      <c r="CM4" s="465" t="s">
        <v>61</v>
      </c>
      <c r="CN4" s="466"/>
      <c r="CO4" s="467"/>
      <c r="CP4" s="468" t="s">
        <v>62</v>
      </c>
      <c r="CQ4" s="466"/>
      <c r="CR4" s="466"/>
      <c r="CS4" s="466"/>
      <c r="CT4" s="466"/>
      <c r="CU4" s="466"/>
      <c r="CV4" s="467"/>
      <c r="CW4" s="469" t="s">
        <v>52</v>
      </c>
      <c r="CX4" s="465" t="s">
        <v>61</v>
      </c>
      <c r="CY4" s="466"/>
      <c r="CZ4" s="467"/>
      <c r="DA4" s="468" t="s">
        <v>62</v>
      </c>
      <c r="DB4" s="466"/>
      <c r="DC4" s="466"/>
      <c r="DD4" s="466"/>
      <c r="DE4" s="466"/>
      <c r="DF4" s="466"/>
      <c r="DG4" s="467"/>
      <c r="DH4" s="469" t="s">
        <v>52</v>
      </c>
    </row>
    <row r="5" spans="2:112" ht="30" customHeight="1" thickBot="1" x14ac:dyDescent="0.25">
      <c r="B5" s="486"/>
      <c r="C5" s="204" t="s">
        <v>43</v>
      </c>
      <c r="D5" s="178" t="s">
        <v>44</v>
      </c>
      <c r="E5" s="179" t="s">
        <v>45</v>
      </c>
      <c r="F5" s="180" t="s">
        <v>83</v>
      </c>
      <c r="G5" s="178" t="s">
        <v>47</v>
      </c>
      <c r="H5" s="178" t="s">
        <v>48</v>
      </c>
      <c r="I5" s="178" t="s">
        <v>49</v>
      </c>
      <c r="J5" s="178" t="s">
        <v>50</v>
      </c>
      <c r="K5" s="178" t="s">
        <v>51</v>
      </c>
      <c r="L5" s="181" t="s">
        <v>45</v>
      </c>
      <c r="M5" s="470"/>
      <c r="N5" s="204" t="s">
        <v>43</v>
      </c>
      <c r="O5" s="178" t="s">
        <v>44</v>
      </c>
      <c r="P5" s="182" t="s">
        <v>45</v>
      </c>
      <c r="Q5" s="180" t="s">
        <v>83</v>
      </c>
      <c r="R5" s="178" t="s">
        <v>47</v>
      </c>
      <c r="S5" s="178" t="s">
        <v>48</v>
      </c>
      <c r="T5" s="178" t="s">
        <v>49</v>
      </c>
      <c r="U5" s="178" t="s">
        <v>50</v>
      </c>
      <c r="V5" s="178" t="s">
        <v>51</v>
      </c>
      <c r="W5" s="182" t="s">
        <v>45</v>
      </c>
      <c r="X5" s="470"/>
      <c r="Y5" s="177" t="s">
        <v>43</v>
      </c>
      <c r="Z5" s="178" t="s">
        <v>44</v>
      </c>
      <c r="AA5" s="181" t="s">
        <v>45</v>
      </c>
      <c r="AB5" s="180" t="s">
        <v>83</v>
      </c>
      <c r="AC5" s="178" t="s">
        <v>47</v>
      </c>
      <c r="AD5" s="178" t="s">
        <v>48</v>
      </c>
      <c r="AE5" s="178" t="s">
        <v>49</v>
      </c>
      <c r="AF5" s="178" t="s">
        <v>50</v>
      </c>
      <c r="AG5" s="178" t="s">
        <v>51</v>
      </c>
      <c r="AH5" s="182" t="s">
        <v>45</v>
      </c>
      <c r="AI5" s="470"/>
      <c r="AJ5" s="177" t="s">
        <v>43</v>
      </c>
      <c r="AK5" s="178" t="s">
        <v>44</v>
      </c>
      <c r="AL5" s="182" t="s">
        <v>45</v>
      </c>
      <c r="AM5" s="180" t="s">
        <v>83</v>
      </c>
      <c r="AN5" s="178" t="s">
        <v>47</v>
      </c>
      <c r="AO5" s="178" t="s">
        <v>48</v>
      </c>
      <c r="AP5" s="178" t="s">
        <v>49</v>
      </c>
      <c r="AQ5" s="178" t="s">
        <v>50</v>
      </c>
      <c r="AR5" s="178" t="s">
        <v>51</v>
      </c>
      <c r="AS5" s="182" t="s">
        <v>45</v>
      </c>
      <c r="AT5" s="470"/>
      <c r="AU5" s="177" t="s">
        <v>43</v>
      </c>
      <c r="AV5" s="178" t="s">
        <v>44</v>
      </c>
      <c r="AW5" s="181" t="s">
        <v>45</v>
      </c>
      <c r="AX5" s="180" t="s">
        <v>83</v>
      </c>
      <c r="AY5" s="178" t="s">
        <v>47</v>
      </c>
      <c r="AZ5" s="178" t="s">
        <v>48</v>
      </c>
      <c r="BA5" s="178" t="s">
        <v>49</v>
      </c>
      <c r="BB5" s="178" t="s">
        <v>50</v>
      </c>
      <c r="BC5" s="178" t="s">
        <v>51</v>
      </c>
      <c r="BD5" s="181" t="s">
        <v>45</v>
      </c>
      <c r="BE5" s="470"/>
      <c r="BF5" s="177" t="s">
        <v>43</v>
      </c>
      <c r="BG5" s="178" t="s">
        <v>44</v>
      </c>
      <c r="BH5" s="182" t="s">
        <v>45</v>
      </c>
      <c r="BI5" s="180" t="s">
        <v>83</v>
      </c>
      <c r="BJ5" s="178" t="s">
        <v>47</v>
      </c>
      <c r="BK5" s="178" t="s">
        <v>48</v>
      </c>
      <c r="BL5" s="178" t="s">
        <v>49</v>
      </c>
      <c r="BM5" s="178" t="s">
        <v>50</v>
      </c>
      <c r="BN5" s="178" t="s">
        <v>51</v>
      </c>
      <c r="BO5" s="182" t="s">
        <v>45</v>
      </c>
      <c r="BP5" s="470"/>
      <c r="BQ5" s="177" t="s">
        <v>43</v>
      </c>
      <c r="BR5" s="178" t="s">
        <v>44</v>
      </c>
      <c r="BS5" s="182" t="s">
        <v>45</v>
      </c>
      <c r="BT5" s="180" t="s">
        <v>83</v>
      </c>
      <c r="BU5" s="178" t="s">
        <v>47</v>
      </c>
      <c r="BV5" s="178" t="s">
        <v>48</v>
      </c>
      <c r="BW5" s="178" t="s">
        <v>49</v>
      </c>
      <c r="BX5" s="178" t="s">
        <v>50</v>
      </c>
      <c r="BY5" s="178" t="s">
        <v>51</v>
      </c>
      <c r="BZ5" s="182" t="s">
        <v>45</v>
      </c>
      <c r="CA5" s="470"/>
      <c r="CB5" s="177" t="s">
        <v>43</v>
      </c>
      <c r="CC5" s="178" t="s">
        <v>44</v>
      </c>
      <c r="CD5" s="182" t="s">
        <v>45</v>
      </c>
      <c r="CE5" s="180" t="s">
        <v>83</v>
      </c>
      <c r="CF5" s="178" t="s">
        <v>47</v>
      </c>
      <c r="CG5" s="178" t="s">
        <v>48</v>
      </c>
      <c r="CH5" s="178" t="s">
        <v>49</v>
      </c>
      <c r="CI5" s="178" t="s">
        <v>50</v>
      </c>
      <c r="CJ5" s="178" t="s">
        <v>51</v>
      </c>
      <c r="CK5" s="182" t="s">
        <v>45</v>
      </c>
      <c r="CL5" s="470"/>
      <c r="CM5" s="177" t="s">
        <v>43</v>
      </c>
      <c r="CN5" s="178" t="s">
        <v>44</v>
      </c>
      <c r="CO5" s="182" t="s">
        <v>45</v>
      </c>
      <c r="CP5" s="180" t="s">
        <v>83</v>
      </c>
      <c r="CQ5" s="178" t="s">
        <v>47</v>
      </c>
      <c r="CR5" s="178" t="s">
        <v>48</v>
      </c>
      <c r="CS5" s="178" t="s">
        <v>49</v>
      </c>
      <c r="CT5" s="178" t="s">
        <v>50</v>
      </c>
      <c r="CU5" s="178" t="s">
        <v>51</v>
      </c>
      <c r="CV5" s="182" t="s">
        <v>45</v>
      </c>
      <c r="CW5" s="470"/>
      <c r="CX5" s="177" t="s">
        <v>43</v>
      </c>
      <c r="CY5" s="178" t="s">
        <v>44</v>
      </c>
      <c r="CZ5" s="182" t="s">
        <v>45</v>
      </c>
      <c r="DA5" s="180" t="s">
        <v>83</v>
      </c>
      <c r="DB5" s="178" t="s">
        <v>47</v>
      </c>
      <c r="DC5" s="178" t="s">
        <v>48</v>
      </c>
      <c r="DD5" s="178" t="s">
        <v>49</v>
      </c>
      <c r="DE5" s="178" t="s">
        <v>50</v>
      </c>
      <c r="DF5" s="178" t="s">
        <v>51</v>
      </c>
      <c r="DG5" s="182" t="s">
        <v>45</v>
      </c>
      <c r="DH5" s="470"/>
    </row>
    <row r="6" spans="2:112" ht="21" customHeight="1" x14ac:dyDescent="0.2">
      <c r="B6" s="84" t="s">
        <v>4</v>
      </c>
      <c r="C6" s="183">
        <v>2</v>
      </c>
      <c r="D6" s="184">
        <v>0</v>
      </c>
      <c r="E6" s="185">
        <v>2</v>
      </c>
      <c r="F6" s="186">
        <v>0</v>
      </c>
      <c r="G6" s="184">
        <v>207637</v>
      </c>
      <c r="H6" s="184">
        <v>362680</v>
      </c>
      <c r="I6" s="184">
        <v>390816</v>
      </c>
      <c r="J6" s="184">
        <v>493266</v>
      </c>
      <c r="K6" s="184">
        <v>445708</v>
      </c>
      <c r="L6" s="187">
        <v>1900107</v>
      </c>
      <c r="M6" s="188">
        <v>1900109</v>
      </c>
      <c r="N6" s="183">
        <v>14</v>
      </c>
      <c r="O6" s="184">
        <v>54</v>
      </c>
      <c r="P6" s="189">
        <v>68</v>
      </c>
      <c r="Q6" s="186">
        <v>0</v>
      </c>
      <c r="R6" s="184">
        <v>391</v>
      </c>
      <c r="S6" s="184">
        <v>1616</v>
      </c>
      <c r="T6" s="184">
        <v>3401</v>
      </c>
      <c r="U6" s="184">
        <v>9192</v>
      </c>
      <c r="V6" s="184">
        <v>17345</v>
      </c>
      <c r="W6" s="189">
        <v>31945</v>
      </c>
      <c r="X6" s="188">
        <v>32013</v>
      </c>
      <c r="Y6" s="183">
        <v>14552</v>
      </c>
      <c r="Z6" s="184">
        <v>47460</v>
      </c>
      <c r="AA6" s="189">
        <v>62012</v>
      </c>
      <c r="AB6" s="186">
        <v>0</v>
      </c>
      <c r="AC6" s="184">
        <v>116469</v>
      </c>
      <c r="AD6" s="184">
        <v>193870</v>
      </c>
      <c r="AE6" s="184">
        <v>115312</v>
      </c>
      <c r="AF6" s="184">
        <v>97988</v>
      </c>
      <c r="AG6" s="184">
        <v>78005</v>
      </c>
      <c r="AH6" s="189">
        <v>601644</v>
      </c>
      <c r="AI6" s="188">
        <v>663656</v>
      </c>
      <c r="AJ6" s="183">
        <v>2256</v>
      </c>
      <c r="AK6" s="184">
        <v>8283</v>
      </c>
      <c r="AL6" s="189">
        <v>10539</v>
      </c>
      <c r="AM6" s="186">
        <v>0</v>
      </c>
      <c r="AN6" s="184">
        <v>13090</v>
      </c>
      <c r="AO6" s="184">
        <v>20575</v>
      </c>
      <c r="AP6" s="184">
        <v>13304</v>
      </c>
      <c r="AQ6" s="184">
        <v>10784</v>
      </c>
      <c r="AR6" s="184">
        <v>7255</v>
      </c>
      <c r="AS6" s="189">
        <v>65008</v>
      </c>
      <c r="AT6" s="188">
        <v>75547</v>
      </c>
      <c r="AU6" s="183">
        <v>0</v>
      </c>
      <c r="AV6" s="184">
        <v>0</v>
      </c>
      <c r="AW6" s="189">
        <v>0</v>
      </c>
      <c r="AX6" s="186">
        <v>0</v>
      </c>
      <c r="AY6" s="184">
        <v>179235</v>
      </c>
      <c r="AZ6" s="184">
        <v>188309</v>
      </c>
      <c r="BA6" s="184">
        <v>111369</v>
      </c>
      <c r="BB6" s="184">
        <v>64366</v>
      </c>
      <c r="BC6" s="184">
        <v>30152</v>
      </c>
      <c r="BD6" s="187">
        <v>573431</v>
      </c>
      <c r="BE6" s="188">
        <v>573431</v>
      </c>
      <c r="BF6" s="183">
        <v>0</v>
      </c>
      <c r="BG6" s="184">
        <v>0</v>
      </c>
      <c r="BH6" s="189">
        <v>0</v>
      </c>
      <c r="BI6" s="186">
        <v>0</v>
      </c>
      <c r="BJ6" s="184">
        <v>29174</v>
      </c>
      <c r="BK6" s="184">
        <v>44221</v>
      </c>
      <c r="BL6" s="184">
        <v>25822</v>
      </c>
      <c r="BM6" s="184">
        <v>15863</v>
      </c>
      <c r="BN6" s="184">
        <v>5441</v>
      </c>
      <c r="BO6" s="189">
        <v>120521</v>
      </c>
      <c r="BP6" s="188">
        <v>120521</v>
      </c>
      <c r="BQ6" s="183">
        <v>337</v>
      </c>
      <c r="BR6" s="184">
        <v>1274</v>
      </c>
      <c r="BS6" s="189">
        <v>1611</v>
      </c>
      <c r="BT6" s="186">
        <v>0</v>
      </c>
      <c r="BU6" s="184">
        <v>16242</v>
      </c>
      <c r="BV6" s="184">
        <v>31283</v>
      </c>
      <c r="BW6" s="184">
        <v>52905</v>
      </c>
      <c r="BX6" s="184">
        <v>40834</v>
      </c>
      <c r="BY6" s="184">
        <v>20617</v>
      </c>
      <c r="BZ6" s="189">
        <v>161881</v>
      </c>
      <c r="CA6" s="188">
        <v>163492</v>
      </c>
      <c r="CB6" s="183">
        <v>26</v>
      </c>
      <c r="CC6" s="184">
        <v>80</v>
      </c>
      <c r="CD6" s="189">
        <v>106</v>
      </c>
      <c r="CE6" s="186">
        <v>0</v>
      </c>
      <c r="CF6" s="184">
        <v>1189</v>
      </c>
      <c r="CG6" s="184">
        <v>2963</v>
      </c>
      <c r="CH6" s="184">
        <v>4083</v>
      </c>
      <c r="CI6" s="184">
        <v>3940</v>
      </c>
      <c r="CJ6" s="184">
        <v>2847</v>
      </c>
      <c r="CK6" s="189">
        <v>15022</v>
      </c>
      <c r="CL6" s="188">
        <v>15128</v>
      </c>
      <c r="CM6" s="183">
        <v>0</v>
      </c>
      <c r="CN6" s="184">
        <v>0</v>
      </c>
      <c r="CO6" s="189">
        <v>0</v>
      </c>
      <c r="CP6" s="186">
        <v>0</v>
      </c>
      <c r="CQ6" s="184">
        <v>0</v>
      </c>
      <c r="CR6" s="184">
        <v>0</v>
      </c>
      <c r="CS6" s="184">
        <v>0</v>
      </c>
      <c r="CT6" s="184">
        <v>0</v>
      </c>
      <c r="CU6" s="184">
        <v>0</v>
      </c>
      <c r="CV6" s="189">
        <v>0</v>
      </c>
      <c r="CW6" s="188">
        <v>0</v>
      </c>
      <c r="CX6" s="183">
        <v>0</v>
      </c>
      <c r="CY6" s="184">
        <v>0</v>
      </c>
      <c r="CZ6" s="189">
        <v>0</v>
      </c>
      <c r="DA6" s="186">
        <v>0</v>
      </c>
      <c r="DB6" s="184">
        <v>0</v>
      </c>
      <c r="DC6" s="184">
        <v>0</v>
      </c>
      <c r="DD6" s="184">
        <v>0</v>
      </c>
      <c r="DE6" s="184">
        <v>0</v>
      </c>
      <c r="DF6" s="184">
        <v>0</v>
      </c>
      <c r="DG6" s="189">
        <v>0</v>
      </c>
      <c r="DH6" s="188">
        <v>0</v>
      </c>
    </row>
    <row r="7" spans="2:112" ht="21" customHeight="1" x14ac:dyDescent="0.2">
      <c r="B7" s="95" t="s">
        <v>5</v>
      </c>
      <c r="C7" s="190">
        <v>2</v>
      </c>
      <c r="D7" s="191">
        <v>0</v>
      </c>
      <c r="E7" s="192">
        <v>2</v>
      </c>
      <c r="F7" s="193">
        <v>0</v>
      </c>
      <c r="G7" s="191">
        <v>70048</v>
      </c>
      <c r="H7" s="191">
        <v>152606</v>
      </c>
      <c r="I7" s="191">
        <v>137848</v>
      </c>
      <c r="J7" s="191">
        <v>173317</v>
      </c>
      <c r="K7" s="191">
        <v>166374</v>
      </c>
      <c r="L7" s="194">
        <v>700193</v>
      </c>
      <c r="M7" s="195">
        <v>700195</v>
      </c>
      <c r="N7" s="190">
        <v>8</v>
      </c>
      <c r="O7" s="191">
        <v>23</v>
      </c>
      <c r="P7" s="196">
        <v>31</v>
      </c>
      <c r="Q7" s="193">
        <v>0</v>
      </c>
      <c r="R7" s="191">
        <v>75</v>
      </c>
      <c r="S7" s="191">
        <v>607</v>
      </c>
      <c r="T7" s="191">
        <v>1295</v>
      </c>
      <c r="U7" s="191">
        <v>3669</v>
      </c>
      <c r="V7" s="191">
        <v>7730</v>
      </c>
      <c r="W7" s="196">
        <v>13376</v>
      </c>
      <c r="X7" s="195">
        <v>13407</v>
      </c>
      <c r="Y7" s="190">
        <v>5914</v>
      </c>
      <c r="Z7" s="191">
        <v>24628</v>
      </c>
      <c r="AA7" s="196">
        <v>30542</v>
      </c>
      <c r="AB7" s="193">
        <v>0</v>
      </c>
      <c r="AC7" s="191">
        <v>41768</v>
      </c>
      <c r="AD7" s="191">
        <v>102600</v>
      </c>
      <c r="AE7" s="191">
        <v>57644</v>
      </c>
      <c r="AF7" s="191">
        <v>45470</v>
      </c>
      <c r="AG7" s="191">
        <v>34873</v>
      </c>
      <c r="AH7" s="196">
        <v>282355</v>
      </c>
      <c r="AI7" s="195">
        <v>312897</v>
      </c>
      <c r="AJ7" s="190">
        <v>815</v>
      </c>
      <c r="AK7" s="191">
        <v>3938</v>
      </c>
      <c r="AL7" s="196">
        <v>4753</v>
      </c>
      <c r="AM7" s="193">
        <v>0</v>
      </c>
      <c r="AN7" s="191">
        <v>3308</v>
      </c>
      <c r="AO7" s="191">
        <v>8731</v>
      </c>
      <c r="AP7" s="191">
        <v>5758</v>
      </c>
      <c r="AQ7" s="191">
        <v>4284</v>
      </c>
      <c r="AR7" s="191">
        <v>3022</v>
      </c>
      <c r="AS7" s="196">
        <v>25103</v>
      </c>
      <c r="AT7" s="195">
        <v>29856</v>
      </c>
      <c r="AU7" s="190">
        <v>0</v>
      </c>
      <c r="AV7" s="191">
        <v>0</v>
      </c>
      <c r="AW7" s="196">
        <v>0</v>
      </c>
      <c r="AX7" s="193">
        <v>0</v>
      </c>
      <c r="AY7" s="191">
        <v>56573</v>
      </c>
      <c r="AZ7" s="191">
        <v>75515</v>
      </c>
      <c r="BA7" s="191">
        <v>38720</v>
      </c>
      <c r="BB7" s="191">
        <v>21262</v>
      </c>
      <c r="BC7" s="191">
        <v>9990</v>
      </c>
      <c r="BD7" s="194">
        <v>202060</v>
      </c>
      <c r="BE7" s="195">
        <v>202060</v>
      </c>
      <c r="BF7" s="190">
        <v>0</v>
      </c>
      <c r="BG7" s="191">
        <v>0</v>
      </c>
      <c r="BH7" s="196">
        <v>0</v>
      </c>
      <c r="BI7" s="193">
        <v>0</v>
      </c>
      <c r="BJ7" s="191">
        <v>8515</v>
      </c>
      <c r="BK7" s="191">
        <v>19586</v>
      </c>
      <c r="BL7" s="191">
        <v>11199</v>
      </c>
      <c r="BM7" s="191">
        <v>6883</v>
      </c>
      <c r="BN7" s="191">
        <v>2200</v>
      </c>
      <c r="BO7" s="196">
        <v>48383</v>
      </c>
      <c r="BP7" s="195">
        <v>48383</v>
      </c>
      <c r="BQ7" s="190">
        <v>86</v>
      </c>
      <c r="BR7" s="191">
        <v>537</v>
      </c>
      <c r="BS7" s="196">
        <v>623</v>
      </c>
      <c r="BT7" s="193">
        <v>0</v>
      </c>
      <c r="BU7" s="191">
        <v>5050</v>
      </c>
      <c r="BV7" s="191">
        <v>11639</v>
      </c>
      <c r="BW7" s="191">
        <v>21579</v>
      </c>
      <c r="BX7" s="191">
        <v>14645</v>
      </c>
      <c r="BY7" s="191">
        <v>7601</v>
      </c>
      <c r="BZ7" s="196">
        <v>60514</v>
      </c>
      <c r="CA7" s="195">
        <v>61137</v>
      </c>
      <c r="CB7" s="190">
        <v>8</v>
      </c>
      <c r="CC7" s="191">
        <v>27</v>
      </c>
      <c r="CD7" s="196">
        <v>35</v>
      </c>
      <c r="CE7" s="193">
        <v>0</v>
      </c>
      <c r="CF7" s="191">
        <v>514</v>
      </c>
      <c r="CG7" s="191">
        <v>1611</v>
      </c>
      <c r="CH7" s="191">
        <v>2339</v>
      </c>
      <c r="CI7" s="191">
        <v>2263</v>
      </c>
      <c r="CJ7" s="191">
        <v>1691</v>
      </c>
      <c r="CK7" s="196">
        <v>8418</v>
      </c>
      <c r="CL7" s="195">
        <v>8453</v>
      </c>
      <c r="CM7" s="190">
        <v>0</v>
      </c>
      <c r="CN7" s="191">
        <v>0</v>
      </c>
      <c r="CO7" s="196">
        <v>0</v>
      </c>
      <c r="CP7" s="193">
        <v>0</v>
      </c>
      <c r="CQ7" s="191">
        <v>0</v>
      </c>
      <c r="CR7" s="191">
        <v>0</v>
      </c>
      <c r="CS7" s="191">
        <v>0</v>
      </c>
      <c r="CT7" s="191">
        <v>0</v>
      </c>
      <c r="CU7" s="191">
        <v>0</v>
      </c>
      <c r="CV7" s="196">
        <v>0</v>
      </c>
      <c r="CW7" s="195">
        <v>0</v>
      </c>
      <c r="CX7" s="190">
        <v>0</v>
      </c>
      <c r="CY7" s="191">
        <v>0</v>
      </c>
      <c r="CZ7" s="196">
        <v>0</v>
      </c>
      <c r="DA7" s="193">
        <v>0</v>
      </c>
      <c r="DB7" s="191">
        <v>0</v>
      </c>
      <c r="DC7" s="191">
        <v>0</v>
      </c>
      <c r="DD7" s="191">
        <v>0</v>
      </c>
      <c r="DE7" s="191">
        <v>0</v>
      </c>
      <c r="DF7" s="191">
        <v>0</v>
      </c>
      <c r="DG7" s="196">
        <v>0</v>
      </c>
      <c r="DH7" s="195">
        <v>0</v>
      </c>
    </row>
    <row r="8" spans="2:112" ht="21" customHeight="1" x14ac:dyDescent="0.2">
      <c r="B8" s="106" t="s">
        <v>6</v>
      </c>
      <c r="C8" s="190">
        <v>0</v>
      </c>
      <c r="D8" s="191">
        <v>0</v>
      </c>
      <c r="E8" s="192">
        <v>0</v>
      </c>
      <c r="F8" s="193">
        <v>0</v>
      </c>
      <c r="G8" s="191">
        <v>35474</v>
      </c>
      <c r="H8" s="191">
        <v>52768</v>
      </c>
      <c r="I8" s="191">
        <v>59932</v>
      </c>
      <c r="J8" s="191">
        <v>75903</v>
      </c>
      <c r="K8" s="191">
        <v>74250</v>
      </c>
      <c r="L8" s="194">
        <v>298327</v>
      </c>
      <c r="M8" s="195">
        <v>298327</v>
      </c>
      <c r="N8" s="190">
        <v>6</v>
      </c>
      <c r="O8" s="191">
        <v>4</v>
      </c>
      <c r="P8" s="196">
        <v>10</v>
      </c>
      <c r="Q8" s="193">
        <v>0</v>
      </c>
      <c r="R8" s="191">
        <v>56</v>
      </c>
      <c r="S8" s="191">
        <v>160</v>
      </c>
      <c r="T8" s="191">
        <v>497</v>
      </c>
      <c r="U8" s="191">
        <v>1256</v>
      </c>
      <c r="V8" s="191">
        <v>2370</v>
      </c>
      <c r="W8" s="196">
        <v>4339</v>
      </c>
      <c r="X8" s="195">
        <v>4349</v>
      </c>
      <c r="Y8" s="190">
        <v>2605</v>
      </c>
      <c r="Z8" s="191">
        <v>6571</v>
      </c>
      <c r="AA8" s="196">
        <v>9176</v>
      </c>
      <c r="AB8" s="193">
        <v>0</v>
      </c>
      <c r="AC8" s="191">
        <v>25436</v>
      </c>
      <c r="AD8" s="191">
        <v>29024</v>
      </c>
      <c r="AE8" s="191">
        <v>17057</v>
      </c>
      <c r="AF8" s="191">
        <v>14786</v>
      </c>
      <c r="AG8" s="191">
        <v>12069</v>
      </c>
      <c r="AH8" s="196">
        <v>98372</v>
      </c>
      <c r="AI8" s="195">
        <v>107548</v>
      </c>
      <c r="AJ8" s="190">
        <v>273</v>
      </c>
      <c r="AK8" s="191">
        <v>789</v>
      </c>
      <c r="AL8" s="196">
        <v>1062</v>
      </c>
      <c r="AM8" s="193">
        <v>0</v>
      </c>
      <c r="AN8" s="191">
        <v>2261</v>
      </c>
      <c r="AO8" s="191">
        <v>2655</v>
      </c>
      <c r="AP8" s="191">
        <v>1446</v>
      </c>
      <c r="AQ8" s="191">
        <v>1494</v>
      </c>
      <c r="AR8" s="191">
        <v>926</v>
      </c>
      <c r="AS8" s="196">
        <v>8782</v>
      </c>
      <c r="AT8" s="195">
        <v>9844</v>
      </c>
      <c r="AU8" s="190">
        <v>0</v>
      </c>
      <c r="AV8" s="191">
        <v>0</v>
      </c>
      <c r="AW8" s="196">
        <v>0</v>
      </c>
      <c r="AX8" s="193">
        <v>0</v>
      </c>
      <c r="AY8" s="191">
        <v>29429</v>
      </c>
      <c r="AZ8" s="191">
        <v>26981</v>
      </c>
      <c r="BA8" s="191">
        <v>15219</v>
      </c>
      <c r="BB8" s="191">
        <v>9245</v>
      </c>
      <c r="BC8" s="191">
        <v>4012</v>
      </c>
      <c r="BD8" s="194">
        <v>84886</v>
      </c>
      <c r="BE8" s="195">
        <v>84886</v>
      </c>
      <c r="BF8" s="190">
        <v>0</v>
      </c>
      <c r="BG8" s="191">
        <v>0</v>
      </c>
      <c r="BH8" s="196">
        <v>0</v>
      </c>
      <c r="BI8" s="193">
        <v>0</v>
      </c>
      <c r="BJ8" s="191">
        <v>4111</v>
      </c>
      <c r="BK8" s="191">
        <v>5105</v>
      </c>
      <c r="BL8" s="191">
        <v>3110</v>
      </c>
      <c r="BM8" s="191">
        <v>2019</v>
      </c>
      <c r="BN8" s="191">
        <v>794</v>
      </c>
      <c r="BO8" s="196">
        <v>15139</v>
      </c>
      <c r="BP8" s="195">
        <v>15139</v>
      </c>
      <c r="BQ8" s="190">
        <v>22</v>
      </c>
      <c r="BR8" s="191">
        <v>95</v>
      </c>
      <c r="BS8" s="196">
        <v>117</v>
      </c>
      <c r="BT8" s="193">
        <v>0</v>
      </c>
      <c r="BU8" s="191">
        <v>1881</v>
      </c>
      <c r="BV8" s="191">
        <v>3437</v>
      </c>
      <c r="BW8" s="191">
        <v>5194</v>
      </c>
      <c r="BX8" s="191">
        <v>4337</v>
      </c>
      <c r="BY8" s="191">
        <v>2242</v>
      </c>
      <c r="BZ8" s="196">
        <v>17091</v>
      </c>
      <c r="CA8" s="195">
        <v>17208</v>
      </c>
      <c r="CB8" s="190">
        <v>8</v>
      </c>
      <c r="CC8" s="191">
        <v>21</v>
      </c>
      <c r="CD8" s="196">
        <v>29</v>
      </c>
      <c r="CE8" s="193">
        <v>0</v>
      </c>
      <c r="CF8" s="191">
        <v>174</v>
      </c>
      <c r="CG8" s="191">
        <v>449</v>
      </c>
      <c r="CH8" s="191">
        <v>480</v>
      </c>
      <c r="CI8" s="191">
        <v>566</v>
      </c>
      <c r="CJ8" s="191">
        <v>435</v>
      </c>
      <c r="CK8" s="196">
        <v>2104</v>
      </c>
      <c r="CL8" s="195">
        <v>2133</v>
      </c>
      <c r="CM8" s="190">
        <v>0</v>
      </c>
      <c r="CN8" s="191">
        <v>0</v>
      </c>
      <c r="CO8" s="196">
        <v>0</v>
      </c>
      <c r="CP8" s="193">
        <v>0</v>
      </c>
      <c r="CQ8" s="191">
        <v>0</v>
      </c>
      <c r="CR8" s="191">
        <v>0</v>
      </c>
      <c r="CS8" s="191">
        <v>0</v>
      </c>
      <c r="CT8" s="191">
        <v>0</v>
      </c>
      <c r="CU8" s="191">
        <v>0</v>
      </c>
      <c r="CV8" s="196">
        <v>0</v>
      </c>
      <c r="CW8" s="195">
        <v>0</v>
      </c>
      <c r="CX8" s="190">
        <v>0</v>
      </c>
      <c r="CY8" s="191">
        <v>0</v>
      </c>
      <c r="CZ8" s="196">
        <v>0</v>
      </c>
      <c r="DA8" s="193">
        <v>0</v>
      </c>
      <c r="DB8" s="191">
        <v>0</v>
      </c>
      <c r="DC8" s="191">
        <v>0</v>
      </c>
      <c r="DD8" s="191">
        <v>0</v>
      </c>
      <c r="DE8" s="191">
        <v>0</v>
      </c>
      <c r="DF8" s="191">
        <v>0</v>
      </c>
      <c r="DG8" s="196">
        <v>0</v>
      </c>
      <c r="DH8" s="195">
        <v>0</v>
      </c>
    </row>
    <row r="9" spans="2:112" ht="21" customHeight="1" x14ac:dyDescent="0.2">
      <c r="B9" s="106" t="s">
        <v>14</v>
      </c>
      <c r="C9" s="190">
        <v>0</v>
      </c>
      <c r="D9" s="191">
        <v>0</v>
      </c>
      <c r="E9" s="192">
        <v>0</v>
      </c>
      <c r="F9" s="193">
        <v>0</v>
      </c>
      <c r="G9" s="191">
        <v>13320</v>
      </c>
      <c r="H9" s="191">
        <v>28667</v>
      </c>
      <c r="I9" s="191">
        <v>34311</v>
      </c>
      <c r="J9" s="191">
        <v>40554</v>
      </c>
      <c r="K9" s="191">
        <v>30645</v>
      </c>
      <c r="L9" s="194">
        <v>147497</v>
      </c>
      <c r="M9" s="195">
        <v>147497</v>
      </c>
      <c r="N9" s="190">
        <v>0</v>
      </c>
      <c r="O9" s="191">
        <v>4</v>
      </c>
      <c r="P9" s="196">
        <v>4</v>
      </c>
      <c r="Q9" s="193">
        <v>0</v>
      </c>
      <c r="R9" s="191">
        <v>17</v>
      </c>
      <c r="S9" s="191">
        <v>97</v>
      </c>
      <c r="T9" s="191">
        <v>208</v>
      </c>
      <c r="U9" s="191">
        <v>749</v>
      </c>
      <c r="V9" s="191">
        <v>995</v>
      </c>
      <c r="W9" s="196">
        <v>2066</v>
      </c>
      <c r="X9" s="195">
        <v>2070</v>
      </c>
      <c r="Y9" s="190">
        <v>680</v>
      </c>
      <c r="Z9" s="191">
        <v>3392</v>
      </c>
      <c r="AA9" s="196">
        <v>4072</v>
      </c>
      <c r="AB9" s="193">
        <v>0</v>
      </c>
      <c r="AC9" s="191">
        <v>6311</v>
      </c>
      <c r="AD9" s="191">
        <v>12864</v>
      </c>
      <c r="AE9" s="191">
        <v>9441</v>
      </c>
      <c r="AF9" s="191">
        <v>7536</v>
      </c>
      <c r="AG9" s="191">
        <v>5571</v>
      </c>
      <c r="AH9" s="196">
        <v>41723</v>
      </c>
      <c r="AI9" s="195">
        <v>45795</v>
      </c>
      <c r="AJ9" s="190">
        <v>90</v>
      </c>
      <c r="AK9" s="191">
        <v>330</v>
      </c>
      <c r="AL9" s="196">
        <v>420</v>
      </c>
      <c r="AM9" s="193">
        <v>0</v>
      </c>
      <c r="AN9" s="191">
        <v>156</v>
      </c>
      <c r="AO9" s="191">
        <v>827</v>
      </c>
      <c r="AP9" s="191">
        <v>564</v>
      </c>
      <c r="AQ9" s="191">
        <v>461</v>
      </c>
      <c r="AR9" s="191">
        <v>189</v>
      </c>
      <c r="AS9" s="196">
        <v>2197</v>
      </c>
      <c r="AT9" s="195">
        <v>2617</v>
      </c>
      <c r="AU9" s="190">
        <v>0</v>
      </c>
      <c r="AV9" s="191">
        <v>0</v>
      </c>
      <c r="AW9" s="196">
        <v>0</v>
      </c>
      <c r="AX9" s="193">
        <v>0</v>
      </c>
      <c r="AY9" s="191">
        <v>12887</v>
      </c>
      <c r="AZ9" s="191">
        <v>17003</v>
      </c>
      <c r="BA9" s="191">
        <v>11727</v>
      </c>
      <c r="BB9" s="191">
        <v>6775</v>
      </c>
      <c r="BC9" s="191">
        <v>3124</v>
      </c>
      <c r="BD9" s="194">
        <v>51516</v>
      </c>
      <c r="BE9" s="195">
        <v>51516</v>
      </c>
      <c r="BF9" s="190">
        <v>0</v>
      </c>
      <c r="BG9" s="191">
        <v>0</v>
      </c>
      <c r="BH9" s="196">
        <v>0</v>
      </c>
      <c r="BI9" s="193">
        <v>0</v>
      </c>
      <c r="BJ9" s="191">
        <v>772</v>
      </c>
      <c r="BK9" s="191">
        <v>2622</v>
      </c>
      <c r="BL9" s="191">
        <v>1686</v>
      </c>
      <c r="BM9" s="191">
        <v>980</v>
      </c>
      <c r="BN9" s="191">
        <v>410</v>
      </c>
      <c r="BO9" s="196">
        <v>6470</v>
      </c>
      <c r="BP9" s="195">
        <v>6470</v>
      </c>
      <c r="BQ9" s="190">
        <v>4</v>
      </c>
      <c r="BR9" s="191">
        <v>55</v>
      </c>
      <c r="BS9" s="196">
        <v>59</v>
      </c>
      <c r="BT9" s="193">
        <v>0</v>
      </c>
      <c r="BU9" s="191">
        <v>1038</v>
      </c>
      <c r="BV9" s="191">
        <v>2359</v>
      </c>
      <c r="BW9" s="191">
        <v>5164</v>
      </c>
      <c r="BX9" s="191">
        <v>4446</v>
      </c>
      <c r="BY9" s="191">
        <v>1843</v>
      </c>
      <c r="BZ9" s="196">
        <v>14850</v>
      </c>
      <c r="CA9" s="195">
        <v>14909</v>
      </c>
      <c r="CB9" s="190">
        <v>0</v>
      </c>
      <c r="CC9" s="191">
        <v>0</v>
      </c>
      <c r="CD9" s="196">
        <v>0</v>
      </c>
      <c r="CE9" s="193">
        <v>0</v>
      </c>
      <c r="CF9" s="191">
        <v>11</v>
      </c>
      <c r="CG9" s="191">
        <v>78</v>
      </c>
      <c r="CH9" s="191">
        <v>39</v>
      </c>
      <c r="CI9" s="191">
        <v>53</v>
      </c>
      <c r="CJ9" s="191">
        <v>36</v>
      </c>
      <c r="CK9" s="196">
        <v>217</v>
      </c>
      <c r="CL9" s="195">
        <v>217</v>
      </c>
      <c r="CM9" s="190">
        <v>0</v>
      </c>
      <c r="CN9" s="191">
        <v>0</v>
      </c>
      <c r="CO9" s="196">
        <v>0</v>
      </c>
      <c r="CP9" s="193">
        <v>0</v>
      </c>
      <c r="CQ9" s="191">
        <v>0</v>
      </c>
      <c r="CR9" s="191">
        <v>0</v>
      </c>
      <c r="CS9" s="191">
        <v>0</v>
      </c>
      <c r="CT9" s="191">
        <v>0</v>
      </c>
      <c r="CU9" s="191">
        <v>0</v>
      </c>
      <c r="CV9" s="196">
        <v>0</v>
      </c>
      <c r="CW9" s="195">
        <v>0</v>
      </c>
      <c r="CX9" s="190">
        <v>0</v>
      </c>
      <c r="CY9" s="191">
        <v>0</v>
      </c>
      <c r="CZ9" s="196">
        <v>0</v>
      </c>
      <c r="DA9" s="193">
        <v>0</v>
      </c>
      <c r="DB9" s="191">
        <v>0</v>
      </c>
      <c r="DC9" s="191">
        <v>0</v>
      </c>
      <c r="DD9" s="191">
        <v>0</v>
      </c>
      <c r="DE9" s="191">
        <v>0</v>
      </c>
      <c r="DF9" s="191">
        <v>0</v>
      </c>
      <c r="DG9" s="196">
        <v>0</v>
      </c>
      <c r="DH9" s="195">
        <v>0</v>
      </c>
    </row>
    <row r="10" spans="2:112" ht="21" customHeight="1" x14ac:dyDescent="0.2">
      <c r="B10" s="106" t="s">
        <v>7</v>
      </c>
      <c r="C10" s="190">
        <v>0</v>
      </c>
      <c r="D10" s="191">
        <v>0</v>
      </c>
      <c r="E10" s="192">
        <v>0</v>
      </c>
      <c r="F10" s="193">
        <v>0</v>
      </c>
      <c r="G10" s="191">
        <v>16484</v>
      </c>
      <c r="H10" s="191">
        <v>19430</v>
      </c>
      <c r="I10" s="191">
        <v>20352</v>
      </c>
      <c r="J10" s="191">
        <v>27346</v>
      </c>
      <c r="K10" s="191">
        <v>20554</v>
      </c>
      <c r="L10" s="194">
        <v>104166</v>
      </c>
      <c r="M10" s="195">
        <v>104166</v>
      </c>
      <c r="N10" s="190">
        <v>0</v>
      </c>
      <c r="O10" s="191">
        <v>0</v>
      </c>
      <c r="P10" s="196">
        <v>0</v>
      </c>
      <c r="Q10" s="193">
        <v>0</v>
      </c>
      <c r="R10" s="191">
        <v>31</v>
      </c>
      <c r="S10" s="191">
        <v>155</v>
      </c>
      <c r="T10" s="191">
        <v>206</v>
      </c>
      <c r="U10" s="191">
        <v>674</v>
      </c>
      <c r="V10" s="191">
        <v>924</v>
      </c>
      <c r="W10" s="196">
        <v>1990</v>
      </c>
      <c r="X10" s="195">
        <v>1990</v>
      </c>
      <c r="Y10" s="190">
        <v>103</v>
      </c>
      <c r="Z10" s="191">
        <v>216</v>
      </c>
      <c r="AA10" s="196">
        <v>319</v>
      </c>
      <c r="AB10" s="193">
        <v>0</v>
      </c>
      <c r="AC10" s="191">
        <v>4895</v>
      </c>
      <c r="AD10" s="191">
        <v>4732</v>
      </c>
      <c r="AE10" s="191">
        <v>2730</v>
      </c>
      <c r="AF10" s="191">
        <v>3430</v>
      </c>
      <c r="AG10" s="191">
        <v>3126</v>
      </c>
      <c r="AH10" s="196">
        <v>18913</v>
      </c>
      <c r="AI10" s="195">
        <v>19232</v>
      </c>
      <c r="AJ10" s="190">
        <v>22</v>
      </c>
      <c r="AK10" s="191">
        <v>149</v>
      </c>
      <c r="AL10" s="196">
        <v>171</v>
      </c>
      <c r="AM10" s="193">
        <v>0</v>
      </c>
      <c r="AN10" s="191">
        <v>656</v>
      </c>
      <c r="AO10" s="191">
        <v>723</v>
      </c>
      <c r="AP10" s="191">
        <v>521</v>
      </c>
      <c r="AQ10" s="191">
        <v>431</v>
      </c>
      <c r="AR10" s="191">
        <v>275</v>
      </c>
      <c r="AS10" s="196">
        <v>2606</v>
      </c>
      <c r="AT10" s="195">
        <v>2777</v>
      </c>
      <c r="AU10" s="190">
        <v>0</v>
      </c>
      <c r="AV10" s="191">
        <v>0</v>
      </c>
      <c r="AW10" s="196">
        <v>0</v>
      </c>
      <c r="AX10" s="193">
        <v>0</v>
      </c>
      <c r="AY10" s="191">
        <v>12829</v>
      </c>
      <c r="AZ10" s="191">
        <v>8490</v>
      </c>
      <c r="BA10" s="191">
        <v>4689</v>
      </c>
      <c r="BB10" s="191">
        <v>2816</v>
      </c>
      <c r="BC10" s="191">
        <v>1133</v>
      </c>
      <c r="BD10" s="194">
        <v>29957</v>
      </c>
      <c r="BE10" s="195">
        <v>29957</v>
      </c>
      <c r="BF10" s="190">
        <v>0</v>
      </c>
      <c r="BG10" s="191">
        <v>0</v>
      </c>
      <c r="BH10" s="196">
        <v>0</v>
      </c>
      <c r="BI10" s="193">
        <v>0</v>
      </c>
      <c r="BJ10" s="191">
        <v>1924</v>
      </c>
      <c r="BK10" s="191">
        <v>1549</v>
      </c>
      <c r="BL10" s="191">
        <v>886</v>
      </c>
      <c r="BM10" s="191">
        <v>598</v>
      </c>
      <c r="BN10" s="191">
        <v>194</v>
      </c>
      <c r="BO10" s="196">
        <v>5151</v>
      </c>
      <c r="BP10" s="195">
        <v>5151</v>
      </c>
      <c r="BQ10" s="190">
        <v>6</v>
      </c>
      <c r="BR10" s="191">
        <v>54</v>
      </c>
      <c r="BS10" s="196">
        <v>60</v>
      </c>
      <c r="BT10" s="193">
        <v>0</v>
      </c>
      <c r="BU10" s="191">
        <v>1968</v>
      </c>
      <c r="BV10" s="191">
        <v>2459</v>
      </c>
      <c r="BW10" s="191">
        <v>2848</v>
      </c>
      <c r="BX10" s="191">
        <v>2082</v>
      </c>
      <c r="BY10" s="191">
        <v>1252</v>
      </c>
      <c r="BZ10" s="196">
        <v>10609</v>
      </c>
      <c r="CA10" s="195">
        <v>10669</v>
      </c>
      <c r="CB10" s="190">
        <v>0</v>
      </c>
      <c r="CC10" s="191">
        <v>0</v>
      </c>
      <c r="CD10" s="196">
        <v>0</v>
      </c>
      <c r="CE10" s="193">
        <v>0</v>
      </c>
      <c r="CF10" s="191">
        <v>67</v>
      </c>
      <c r="CG10" s="191">
        <v>76</v>
      </c>
      <c r="CH10" s="191">
        <v>157</v>
      </c>
      <c r="CI10" s="191">
        <v>171</v>
      </c>
      <c r="CJ10" s="191">
        <v>47</v>
      </c>
      <c r="CK10" s="196">
        <v>518</v>
      </c>
      <c r="CL10" s="195">
        <v>518</v>
      </c>
      <c r="CM10" s="190">
        <v>0</v>
      </c>
      <c r="CN10" s="191">
        <v>0</v>
      </c>
      <c r="CO10" s="196">
        <v>0</v>
      </c>
      <c r="CP10" s="193">
        <v>0</v>
      </c>
      <c r="CQ10" s="191">
        <v>0</v>
      </c>
      <c r="CR10" s="191">
        <v>0</v>
      </c>
      <c r="CS10" s="191">
        <v>0</v>
      </c>
      <c r="CT10" s="191">
        <v>0</v>
      </c>
      <c r="CU10" s="191">
        <v>0</v>
      </c>
      <c r="CV10" s="196">
        <v>0</v>
      </c>
      <c r="CW10" s="195">
        <v>0</v>
      </c>
      <c r="CX10" s="190">
        <v>0</v>
      </c>
      <c r="CY10" s="191">
        <v>0</v>
      </c>
      <c r="CZ10" s="196">
        <v>0</v>
      </c>
      <c r="DA10" s="193">
        <v>0</v>
      </c>
      <c r="DB10" s="191">
        <v>0</v>
      </c>
      <c r="DC10" s="191">
        <v>0</v>
      </c>
      <c r="DD10" s="191">
        <v>0</v>
      </c>
      <c r="DE10" s="191">
        <v>0</v>
      </c>
      <c r="DF10" s="191">
        <v>0</v>
      </c>
      <c r="DG10" s="196">
        <v>0</v>
      </c>
      <c r="DH10" s="195">
        <v>0</v>
      </c>
    </row>
    <row r="11" spans="2:112" ht="21" customHeight="1" x14ac:dyDescent="0.2">
      <c r="B11" s="106" t="s">
        <v>8</v>
      </c>
      <c r="C11" s="190">
        <v>0</v>
      </c>
      <c r="D11" s="191">
        <v>0</v>
      </c>
      <c r="E11" s="192">
        <v>0</v>
      </c>
      <c r="F11" s="193">
        <v>0</v>
      </c>
      <c r="G11" s="191">
        <v>6257</v>
      </c>
      <c r="H11" s="191">
        <v>11735</v>
      </c>
      <c r="I11" s="191">
        <v>13919</v>
      </c>
      <c r="J11" s="191">
        <v>18061</v>
      </c>
      <c r="K11" s="191">
        <v>17523</v>
      </c>
      <c r="L11" s="194">
        <v>67495</v>
      </c>
      <c r="M11" s="195">
        <v>67495</v>
      </c>
      <c r="N11" s="190">
        <v>0</v>
      </c>
      <c r="O11" s="191">
        <v>0</v>
      </c>
      <c r="P11" s="196">
        <v>0</v>
      </c>
      <c r="Q11" s="193">
        <v>0</v>
      </c>
      <c r="R11" s="191">
        <v>22</v>
      </c>
      <c r="S11" s="191">
        <v>50</v>
      </c>
      <c r="T11" s="191">
        <v>121</v>
      </c>
      <c r="U11" s="191">
        <v>216</v>
      </c>
      <c r="V11" s="191">
        <v>473</v>
      </c>
      <c r="W11" s="196">
        <v>882</v>
      </c>
      <c r="X11" s="195">
        <v>882</v>
      </c>
      <c r="Y11" s="190">
        <v>249</v>
      </c>
      <c r="Z11" s="191">
        <v>495</v>
      </c>
      <c r="AA11" s="196">
        <v>744</v>
      </c>
      <c r="AB11" s="193">
        <v>0</v>
      </c>
      <c r="AC11" s="191">
        <v>2367</v>
      </c>
      <c r="AD11" s="191">
        <v>3112</v>
      </c>
      <c r="AE11" s="191">
        <v>1972</v>
      </c>
      <c r="AF11" s="191">
        <v>2100</v>
      </c>
      <c r="AG11" s="191">
        <v>2041</v>
      </c>
      <c r="AH11" s="196">
        <v>11592</v>
      </c>
      <c r="AI11" s="195">
        <v>12336</v>
      </c>
      <c r="AJ11" s="190">
        <v>120</v>
      </c>
      <c r="AK11" s="191">
        <v>268</v>
      </c>
      <c r="AL11" s="196">
        <v>388</v>
      </c>
      <c r="AM11" s="193">
        <v>0</v>
      </c>
      <c r="AN11" s="191">
        <v>878</v>
      </c>
      <c r="AO11" s="191">
        <v>1183</v>
      </c>
      <c r="AP11" s="191">
        <v>432</v>
      </c>
      <c r="AQ11" s="191">
        <v>626</v>
      </c>
      <c r="AR11" s="191">
        <v>261</v>
      </c>
      <c r="AS11" s="196">
        <v>3380</v>
      </c>
      <c r="AT11" s="195">
        <v>3768</v>
      </c>
      <c r="AU11" s="190">
        <v>0</v>
      </c>
      <c r="AV11" s="191">
        <v>0</v>
      </c>
      <c r="AW11" s="196">
        <v>0</v>
      </c>
      <c r="AX11" s="193">
        <v>0</v>
      </c>
      <c r="AY11" s="191">
        <v>5534</v>
      </c>
      <c r="AZ11" s="191">
        <v>5811</v>
      </c>
      <c r="BA11" s="191">
        <v>3957</v>
      </c>
      <c r="BB11" s="191">
        <v>2542</v>
      </c>
      <c r="BC11" s="191">
        <v>1376</v>
      </c>
      <c r="BD11" s="194">
        <v>19220</v>
      </c>
      <c r="BE11" s="195">
        <v>19220</v>
      </c>
      <c r="BF11" s="190">
        <v>0</v>
      </c>
      <c r="BG11" s="191">
        <v>0</v>
      </c>
      <c r="BH11" s="196">
        <v>0</v>
      </c>
      <c r="BI11" s="193">
        <v>0</v>
      </c>
      <c r="BJ11" s="191">
        <v>1070</v>
      </c>
      <c r="BK11" s="191">
        <v>1332</v>
      </c>
      <c r="BL11" s="191">
        <v>807</v>
      </c>
      <c r="BM11" s="191">
        <v>435</v>
      </c>
      <c r="BN11" s="191">
        <v>111</v>
      </c>
      <c r="BO11" s="196">
        <v>3755</v>
      </c>
      <c r="BP11" s="195">
        <v>3755</v>
      </c>
      <c r="BQ11" s="190">
        <v>13</v>
      </c>
      <c r="BR11" s="191">
        <v>49</v>
      </c>
      <c r="BS11" s="196">
        <v>62</v>
      </c>
      <c r="BT11" s="193">
        <v>0</v>
      </c>
      <c r="BU11" s="191">
        <v>605</v>
      </c>
      <c r="BV11" s="191">
        <v>1242</v>
      </c>
      <c r="BW11" s="191">
        <v>2489</v>
      </c>
      <c r="BX11" s="191">
        <v>1610</v>
      </c>
      <c r="BY11" s="191">
        <v>782</v>
      </c>
      <c r="BZ11" s="196">
        <v>6728</v>
      </c>
      <c r="CA11" s="195">
        <v>6790</v>
      </c>
      <c r="CB11" s="190">
        <v>8</v>
      </c>
      <c r="CC11" s="191">
        <v>0</v>
      </c>
      <c r="CD11" s="196">
        <v>8</v>
      </c>
      <c r="CE11" s="193">
        <v>0</v>
      </c>
      <c r="CF11" s="191">
        <v>19</v>
      </c>
      <c r="CG11" s="191">
        <v>15</v>
      </c>
      <c r="CH11" s="191">
        <v>78</v>
      </c>
      <c r="CI11" s="191">
        <v>68</v>
      </c>
      <c r="CJ11" s="191">
        <v>20</v>
      </c>
      <c r="CK11" s="196">
        <v>200</v>
      </c>
      <c r="CL11" s="195">
        <v>208</v>
      </c>
      <c r="CM11" s="190">
        <v>0</v>
      </c>
      <c r="CN11" s="191">
        <v>0</v>
      </c>
      <c r="CO11" s="196">
        <v>0</v>
      </c>
      <c r="CP11" s="193">
        <v>0</v>
      </c>
      <c r="CQ11" s="191">
        <v>0</v>
      </c>
      <c r="CR11" s="191">
        <v>0</v>
      </c>
      <c r="CS11" s="191">
        <v>0</v>
      </c>
      <c r="CT11" s="191">
        <v>0</v>
      </c>
      <c r="CU11" s="191">
        <v>0</v>
      </c>
      <c r="CV11" s="196">
        <v>0</v>
      </c>
      <c r="CW11" s="195">
        <v>0</v>
      </c>
      <c r="CX11" s="190">
        <v>0</v>
      </c>
      <c r="CY11" s="191">
        <v>0</v>
      </c>
      <c r="CZ11" s="196">
        <v>0</v>
      </c>
      <c r="DA11" s="193">
        <v>0</v>
      </c>
      <c r="DB11" s="191">
        <v>0</v>
      </c>
      <c r="DC11" s="191">
        <v>0</v>
      </c>
      <c r="DD11" s="191">
        <v>0</v>
      </c>
      <c r="DE11" s="191">
        <v>0</v>
      </c>
      <c r="DF11" s="191">
        <v>0</v>
      </c>
      <c r="DG11" s="196">
        <v>0</v>
      </c>
      <c r="DH11" s="195">
        <v>0</v>
      </c>
    </row>
    <row r="12" spans="2:112" ht="21" customHeight="1" x14ac:dyDescent="0.2">
      <c r="B12" s="106" t="s">
        <v>9</v>
      </c>
      <c r="C12" s="190">
        <v>0</v>
      </c>
      <c r="D12" s="191">
        <v>0</v>
      </c>
      <c r="E12" s="192">
        <v>0</v>
      </c>
      <c r="F12" s="193">
        <v>0</v>
      </c>
      <c r="G12" s="191">
        <v>6191</v>
      </c>
      <c r="H12" s="191">
        <v>8374</v>
      </c>
      <c r="I12" s="191">
        <v>13376</v>
      </c>
      <c r="J12" s="191">
        <v>16870</v>
      </c>
      <c r="K12" s="191">
        <v>14247</v>
      </c>
      <c r="L12" s="194">
        <v>59058</v>
      </c>
      <c r="M12" s="195">
        <v>59058</v>
      </c>
      <c r="N12" s="190">
        <v>0</v>
      </c>
      <c r="O12" s="191">
        <v>0</v>
      </c>
      <c r="P12" s="196">
        <v>0</v>
      </c>
      <c r="Q12" s="193">
        <v>0</v>
      </c>
      <c r="R12" s="191">
        <v>9</v>
      </c>
      <c r="S12" s="191">
        <v>34</v>
      </c>
      <c r="T12" s="191">
        <v>96</v>
      </c>
      <c r="U12" s="191">
        <v>231</v>
      </c>
      <c r="V12" s="191">
        <v>530</v>
      </c>
      <c r="W12" s="196">
        <v>900</v>
      </c>
      <c r="X12" s="195">
        <v>900</v>
      </c>
      <c r="Y12" s="190">
        <v>458</v>
      </c>
      <c r="Z12" s="191">
        <v>689</v>
      </c>
      <c r="AA12" s="196">
        <v>1147</v>
      </c>
      <c r="AB12" s="193">
        <v>0</v>
      </c>
      <c r="AC12" s="191">
        <v>3406</v>
      </c>
      <c r="AD12" s="191">
        <v>3309</v>
      </c>
      <c r="AE12" s="191">
        <v>2772</v>
      </c>
      <c r="AF12" s="191">
        <v>2990</v>
      </c>
      <c r="AG12" s="191">
        <v>2615</v>
      </c>
      <c r="AH12" s="196">
        <v>15092</v>
      </c>
      <c r="AI12" s="195">
        <v>16239</v>
      </c>
      <c r="AJ12" s="190">
        <v>17</v>
      </c>
      <c r="AK12" s="191">
        <v>45</v>
      </c>
      <c r="AL12" s="196">
        <v>62</v>
      </c>
      <c r="AM12" s="193">
        <v>0</v>
      </c>
      <c r="AN12" s="191">
        <v>328</v>
      </c>
      <c r="AO12" s="191">
        <v>458</v>
      </c>
      <c r="AP12" s="191">
        <v>344</v>
      </c>
      <c r="AQ12" s="191">
        <v>313</v>
      </c>
      <c r="AR12" s="191">
        <v>279</v>
      </c>
      <c r="AS12" s="196">
        <v>1722</v>
      </c>
      <c r="AT12" s="195">
        <v>1784</v>
      </c>
      <c r="AU12" s="190">
        <v>0</v>
      </c>
      <c r="AV12" s="191">
        <v>0</v>
      </c>
      <c r="AW12" s="196">
        <v>0</v>
      </c>
      <c r="AX12" s="193">
        <v>0</v>
      </c>
      <c r="AY12" s="191">
        <v>4198</v>
      </c>
      <c r="AZ12" s="191">
        <v>3191</v>
      </c>
      <c r="BA12" s="191">
        <v>2553</v>
      </c>
      <c r="BB12" s="191">
        <v>1455</v>
      </c>
      <c r="BC12" s="191">
        <v>612</v>
      </c>
      <c r="BD12" s="194">
        <v>12009</v>
      </c>
      <c r="BE12" s="195">
        <v>12009</v>
      </c>
      <c r="BF12" s="190">
        <v>0</v>
      </c>
      <c r="BG12" s="191">
        <v>0</v>
      </c>
      <c r="BH12" s="196">
        <v>0</v>
      </c>
      <c r="BI12" s="193">
        <v>0</v>
      </c>
      <c r="BJ12" s="191">
        <v>948</v>
      </c>
      <c r="BK12" s="191">
        <v>882</v>
      </c>
      <c r="BL12" s="191">
        <v>594</v>
      </c>
      <c r="BM12" s="191">
        <v>460</v>
      </c>
      <c r="BN12" s="191">
        <v>102</v>
      </c>
      <c r="BO12" s="196">
        <v>2986</v>
      </c>
      <c r="BP12" s="195">
        <v>2986</v>
      </c>
      <c r="BQ12" s="190">
        <v>0</v>
      </c>
      <c r="BR12" s="191">
        <v>17</v>
      </c>
      <c r="BS12" s="196">
        <v>17</v>
      </c>
      <c r="BT12" s="193">
        <v>0</v>
      </c>
      <c r="BU12" s="191">
        <v>363</v>
      </c>
      <c r="BV12" s="191">
        <v>857</v>
      </c>
      <c r="BW12" s="191">
        <v>1165</v>
      </c>
      <c r="BX12" s="191">
        <v>1371</v>
      </c>
      <c r="BY12" s="191">
        <v>599</v>
      </c>
      <c r="BZ12" s="196">
        <v>4355</v>
      </c>
      <c r="CA12" s="195">
        <v>4372</v>
      </c>
      <c r="CB12" s="190">
        <v>0</v>
      </c>
      <c r="CC12" s="191">
        <v>1</v>
      </c>
      <c r="CD12" s="196">
        <v>1</v>
      </c>
      <c r="CE12" s="193">
        <v>0</v>
      </c>
      <c r="CF12" s="191">
        <v>28</v>
      </c>
      <c r="CG12" s="191">
        <v>97</v>
      </c>
      <c r="CH12" s="191">
        <v>114</v>
      </c>
      <c r="CI12" s="191">
        <v>150</v>
      </c>
      <c r="CJ12" s="191">
        <v>125</v>
      </c>
      <c r="CK12" s="196">
        <v>514</v>
      </c>
      <c r="CL12" s="195">
        <v>515</v>
      </c>
      <c r="CM12" s="190">
        <v>0</v>
      </c>
      <c r="CN12" s="191">
        <v>0</v>
      </c>
      <c r="CO12" s="196">
        <v>0</v>
      </c>
      <c r="CP12" s="193">
        <v>0</v>
      </c>
      <c r="CQ12" s="191">
        <v>0</v>
      </c>
      <c r="CR12" s="191">
        <v>0</v>
      </c>
      <c r="CS12" s="191">
        <v>0</v>
      </c>
      <c r="CT12" s="191">
        <v>0</v>
      </c>
      <c r="CU12" s="191">
        <v>0</v>
      </c>
      <c r="CV12" s="196">
        <v>0</v>
      </c>
      <c r="CW12" s="195">
        <v>0</v>
      </c>
      <c r="CX12" s="190">
        <v>0</v>
      </c>
      <c r="CY12" s="191">
        <v>0</v>
      </c>
      <c r="CZ12" s="196">
        <v>0</v>
      </c>
      <c r="DA12" s="193">
        <v>0</v>
      </c>
      <c r="DB12" s="191">
        <v>0</v>
      </c>
      <c r="DC12" s="191">
        <v>0</v>
      </c>
      <c r="DD12" s="191">
        <v>0</v>
      </c>
      <c r="DE12" s="191">
        <v>0</v>
      </c>
      <c r="DF12" s="191">
        <v>0</v>
      </c>
      <c r="DG12" s="196">
        <v>0</v>
      </c>
      <c r="DH12" s="195">
        <v>0</v>
      </c>
    </row>
    <row r="13" spans="2:112" ht="21" customHeight="1" x14ac:dyDescent="0.2">
      <c r="B13" s="106" t="s">
        <v>10</v>
      </c>
      <c r="C13" s="190">
        <v>0</v>
      </c>
      <c r="D13" s="191">
        <v>0</v>
      </c>
      <c r="E13" s="192">
        <v>0</v>
      </c>
      <c r="F13" s="193">
        <v>0</v>
      </c>
      <c r="G13" s="191">
        <v>15710</v>
      </c>
      <c r="H13" s="191">
        <v>17057</v>
      </c>
      <c r="I13" s="191">
        <v>23927</v>
      </c>
      <c r="J13" s="191">
        <v>33248</v>
      </c>
      <c r="K13" s="191">
        <v>24256</v>
      </c>
      <c r="L13" s="194">
        <v>114198</v>
      </c>
      <c r="M13" s="195">
        <v>114198</v>
      </c>
      <c r="N13" s="190">
        <v>0</v>
      </c>
      <c r="O13" s="191">
        <v>6</v>
      </c>
      <c r="P13" s="196">
        <v>6</v>
      </c>
      <c r="Q13" s="193">
        <v>0</v>
      </c>
      <c r="R13" s="191">
        <v>24</v>
      </c>
      <c r="S13" s="191">
        <v>87</v>
      </c>
      <c r="T13" s="191">
        <v>214</v>
      </c>
      <c r="U13" s="191">
        <v>414</v>
      </c>
      <c r="V13" s="191">
        <v>847</v>
      </c>
      <c r="W13" s="196">
        <v>1586</v>
      </c>
      <c r="X13" s="195">
        <v>1592</v>
      </c>
      <c r="Y13" s="190">
        <v>933</v>
      </c>
      <c r="Z13" s="191">
        <v>2268</v>
      </c>
      <c r="AA13" s="196">
        <v>3201</v>
      </c>
      <c r="AB13" s="193">
        <v>0</v>
      </c>
      <c r="AC13" s="191">
        <v>8871</v>
      </c>
      <c r="AD13" s="191">
        <v>6168</v>
      </c>
      <c r="AE13" s="191">
        <v>3445</v>
      </c>
      <c r="AF13" s="191">
        <v>3662</v>
      </c>
      <c r="AG13" s="191">
        <v>3149</v>
      </c>
      <c r="AH13" s="196">
        <v>25295</v>
      </c>
      <c r="AI13" s="195">
        <v>28496</v>
      </c>
      <c r="AJ13" s="190">
        <v>155</v>
      </c>
      <c r="AK13" s="191">
        <v>589</v>
      </c>
      <c r="AL13" s="196">
        <v>744</v>
      </c>
      <c r="AM13" s="193">
        <v>0</v>
      </c>
      <c r="AN13" s="191">
        <v>1200</v>
      </c>
      <c r="AO13" s="191">
        <v>1005</v>
      </c>
      <c r="AP13" s="191">
        <v>704</v>
      </c>
      <c r="AQ13" s="191">
        <v>417</v>
      </c>
      <c r="AR13" s="191">
        <v>618</v>
      </c>
      <c r="AS13" s="196">
        <v>3944</v>
      </c>
      <c r="AT13" s="195">
        <v>4688</v>
      </c>
      <c r="AU13" s="190">
        <v>0</v>
      </c>
      <c r="AV13" s="191">
        <v>0</v>
      </c>
      <c r="AW13" s="196">
        <v>0</v>
      </c>
      <c r="AX13" s="193">
        <v>0</v>
      </c>
      <c r="AY13" s="191">
        <v>13929</v>
      </c>
      <c r="AZ13" s="191">
        <v>7584</v>
      </c>
      <c r="BA13" s="191">
        <v>4735</v>
      </c>
      <c r="BB13" s="191">
        <v>2748</v>
      </c>
      <c r="BC13" s="191">
        <v>1529</v>
      </c>
      <c r="BD13" s="194">
        <v>30525</v>
      </c>
      <c r="BE13" s="195">
        <v>30525</v>
      </c>
      <c r="BF13" s="190">
        <v>0</v>
      </c>
      <c r="BG13" s="191">
        <v>0</v>
      </c>
      <c r="BH13" s="196">
        <v>0</v>
      </c>
      <c r="BI13" s="193">
        <v>0</v>
      </c>
      <c r="BJ13" s="191">
        <v>1547</v>
      </c>
      <c r="BK13" s="191">
        <v>1288</v>
      </c>
      <c r="BL13" s="191">
        <v>850</v>
      </c>
      <c r="BM13" s="191">
        <v>335</v>
      </c>
      <c r="BN13" s="191">
        <v>194</v>
      </c>
      <c r="BO13" s="196">
        <v>4214</v>
      </c>
      <c r="BP13" s="195">
        <v>4214</v>
      </c>
      <c r="BQ13" s="190">
        <v>23</v>
      </c>
      <c r="BR13" s="191">
        <v>111</v>
      </c>
      <c r="BS13" s="196">
        <v>134</v>
      </c>
      <c r="BT13" s="193">
        <v>0</v>
      </c>
      <c r="BU13" s="191">
        <v>1383</v>
      </c>
      <c r="BV13" s="191">
        <v>1518</v>
      </c>
      <c r="BW13" s="191">
        <v>1729</v>
      </c>
      <c r="BX13" s="191">
        <v>1618</v>
      </c>
      <c r="BY13" s="191">
        <v>820</v>
      </c>
      <c r="BZ13" s="196">
        <v>7068</v>
      </c>
      <c r="CA13" s="195">
        <v>7202</v>
      </c>
      <c r="CB13" s="190">
        <v>0</v>
      </c>
      <c r="CC13" s="191">
        <v>9</v>
      </c>
      <c r="CD13" s="196">
        <v>9</v>
      </c>
      <c r="CE13" s="193">
        <v>0</v>
      </c>
      <c r="CF13" s="191">
        <v>53</v>
      </c>
      <c r="CG13" s="191">
        <v>84</v>
      </c>
      <c r="CH13" s="191">
        <v>148</v>
      </c>
      <c r="CI13" s="191">
        <v>43</v>
      </c>
      <c r="CJ13" s="191">
        <v>64</v>
      </c>
      <c r="CK13" s="196">
        <v>392</v>
      </c>
      <c r="CL13" s="195">
        <v>401</v>
      </c>
      <c r="CM13" s="190">
        <v>0</v>
      </c>
      <c r="CN13" s="191">
        <v>0</v>
      </c>
      <c r="CO13" s="196">
        <v>0</v>
      </c>
      <c r="CP13" s="193">
        <v>0</v>
      </c>
      <c r="CQ13" s="191">
        <v>0</v>
      </c>
      <c r="CR13" s="191">
        <v>0</v>
      </c>
      <c r="CS13" s="191">
        <v>0</v>
      </c>
      <c r="CT13" s="191">
        <v>0</v>
      </c>
      <c r="CU13" s="191">
        <v>0</v>
      </c>
      <c r="CV13" s="196">
        <v>0</v>
      </c>
      <c r="CW13" s="195">
        <v>0</v>
      </c>
      <c r="CX13" s="190">
        <v>0</v>
      </c>
      <c r="CY13" s="191">
        <v>0</v>
      </c>
      <c r="CZ13" s="196">
        <v>0</v>
      </c>
      <c r="DA13" s="193">
        <v>0</v>
      </c>
      <c r="DB13" s="191">
        <v>0</v>
      </c>
      <c r="DC13" s="191">
        <v>0</v>
      </c>
      <c r="DD13" s="191">
        <v>0</v>
      </c>
      <c r="DE13" s="191">
        <v>0</v>
      </c>
      <c r="DF13" s="191">
        <v>0</v>
      </c>
      <c r="DG13" s="196">
        <v>0</v>
      </c>
      <c r="DH13" s="195">
        <v>0</v>
      </c>
    </row>
    <row r="14" spans="2:112" ht="21" customHeight="1" x14ac:dyDescent="0.2">
      <c r="B14" s="106" t="s">
        <v>11</v>
      </c>
      <c r="C14" s="190">
        <v>0</v>
      </c>
      <c r="D14" s="191">
        <v>0</v>
      </c>
      <c r="E14" s="192">
        <v>0</v>
      </c>
      <c r="F14" s="193">
        <v>0</v>
      </c>
      <c r="G14" s="191">
        <v>5337</v>
      </c>
      <c r="H14" s="191">
        <v>6949</v>
      </c>
      <c r="I14" s="191">
        <v>10017</v>
      </c>
      <c r="J14" s="191">
        <v>10278</v>
      </c>
      <c r="K14" s="191">
        <v>11174</v>
      </c>
      <c r="L14" s="194">
        <v>43755</v>
      </c>
      <c r="M14" s="195">
        <v>43755</v>
      </c>
      <c r="N14" s="190">
        <v>0</v>
      </c>
      <c r="O14" s="191">
        <v>0</v>
      </c>
      <c r="P14" s="196">
        <v>0</v>
      </c>
      <c r="Q14" s="193">
        <v>0</v>
      </c>
      <c r="R14" s="191">
        <v>17</v>
      </c>
      <c r="S14" s="191">
        <v>50</v>
      </c>
      <c r="T14" s="191">
        <v>101</v>
      </c>
      <c r="U14" s="191">
        <v>233</v>
      </c>
      <c r="V14" s="191">
        <v>504</v>
      </c>
      <c r="W14" s="196">
        <v>905</v>
      </c>
      <c r="X14" s="195">
        <v>905</v>
      </c>
      <c r="Y14" s="190">
        <v>292</v>
      </c>
      <c r="Z14" s="191">
        <v>650</v>
      </c>
      <c r="AA14" s="196">
        <v>942</v>
      </c>
      <c r="AB14" s="193">
        <v>0</v>
      </c>
      <c r="AC14" s="191">
        <v>2920</v>
      </c>
      <c r="AD14" s="191">
        <v>2268</v>
      </c>
      <c r="AE14" s="191">
        <v>1933</v>
      </c>
      <c r="AF14" s="191">
        <v>1790</v>
      </c>
      <c r="AG14" s="191">
        <v>1797</v>
      </c>
      <c r="AH14" s="196">
        <v>10708</v>
      </c>
      <c r="AI14" s="195">
        <v>11650</v>
      </c>
      <c r="AJ14" s="190">
        <v>21</v>
      </c>
      <c r="AK14" s="191">
        <v>48</v>
      </c>
      <c r="AL14" s="196">
        <v>69</v>
      </c>
      <c r="AM14" s="193">
        <v>0</v>
      </c>
      <c r="AN14" s="191">
        <v>269</v>
      </c>
      <c r="AO14" s="191">
        <v>239</v>
      </c>
      <c r="AP14" s="191">
        <v>379</v>
      </c>
      <c r="AQ14" s="191">
        <v>166</v>
      </c>
      <c r="AR14" s="191">
        <v>135</v>
      </c>
      <c r="AS14" s="196">
        <v>1188</v>
      </c>
      <c r="AT14" s="195">
        <v>1257</v>
      </c>
      <c r="AU14" s="190">
        <v>0</v>
      </c>
      <c r="AV14" s="191">
        <v>0</v>
      </c>
      <c r="AW14" s="196">
        <v>0</v>
      </c>
      <c r="AX14" s="193">
        <v>0</v>
      </c>
      <c r="AY14" s="191">
        <v>4740</v>
      </c>
      <c r="AZ14" s="191">
        <v>4159</v>
      </c>
      <c r="BA14" s="191">
        <v>3137</v>
      </c>
      <c r="BB14" s="191">
        <v>1966</v>
      </c>
      <c r="BC14" s="191">
        <v>816</v>
      </c>
      <c r="BD14" s="194">
        <v>14818</v>
      </c>
      <c r="BE14" s="195">
        <v>14818</v>
      </c>
      <c r="BF14" s="190">
        <v>0</v>
      </c>
      <c r="BG14" s="191">
        <v>0</v>
      </c>
      <c r="BH14" s="196">
        <v>0</v>
      </c>
      <c r="BI14" s="193">
        <v>0</v>
      </c>
      <c r="BJ14" s="191">
        <v>1401</v>
      </c>
      <c r="BK14" s="191">
        <v>979</v>
      </c>
      <c r="BL14" s="191">
        <v>604</v>
      </c>
      <c r="BM14" s="191">
        <v>482</v>
      </c>
      <c r="BN14" s="191">
        <v>150</v>
      </c>
      <c r="BO14" s="196">
        <v>3616</v>
      </c>
      <c r="BP14" s="195">
        <v>3616</v>
      </c>
      <c r="BQ14" s="190">
        <v>96</v>
      </c>
      <c r="BR14" s="191">
        <v>38</v>
      </c>
      <c r="BS14" s="196">
        <v>134</v>
      </c>
      <c r="BT14" s="193">
        <v>0</v>
      </c>
      <c r="BU14" s="191">
        <v>427</v>
      </c>
      <c r="BV14" s="191">
        <v>774</v>
      </c>
      <c r="BW14" s="191">
        <v>1149</v>
      </c>
      <c r="BX14" s="191">
        <v>1134</v>
      </c>
      <c r="BY14" s="191">
        <v>781</v>
      </c>
      <c r="BZ14" s="196">
        <v>4265</v>
      </c>
      <c r="CA14" s="195">
        <v>4399</v>
      </c>
      <c r="CB14" s="190">
        <v>0</v>
      </c>
      <c r="CC14" s="191">
        <v>8</v>
      </c>
      <c r="CD14" s="196">
        <v>8</v>
      </c>
      <c r="CE14" s="193">
        <v>0</v>
      </c>
      <c r="CF14" s="191">
        <v>56</v>
      </c>
      <c r="CG14" s="191">
        <v>49</v>
      </c>
      <c r="CH14" s="191">
        <v>83</v>
      </c>
      <c r="CI14" s="191">
        <v>85</v>
      </c>
      <c r="CJ14" s="191">
        <v>96</v>
      </c>
      <c r="CK14" s="196">
        <v>369</v>
      </c>
      <c r="CL14" s="195">
        <v>377</v>
      </c>
      <c r="CM14" s="190">
        <v>0</v>
      </c>
      <c r="CN14" s="191">
        <v>0</v>
      </c>
      <c r="CO14" s="196">
        <v>0</v>
      </c>
      <c r="CP14" s="193">
        <v>0</v>
      </c>
      <c r="CQ14" s="191">
        <v>0</v>
      </c>
      <c r="CR14" s="191">
        <v>0</v>
      </c>
      <c r="CS14" s="191">
        <v>0</v>
      </c>
      <c r="CT14" s="191">
        <v>0</v>
      </c>
      <c r="CU14" s="191">
        <v>0</v>
      </c>
      <c r="CV14" s="196">
        <v>0</v>
      </c>
      <c r="CW14" s="195">
        <v>0</v>
      </c>
      <c r="CX14" s="190">
        <v>0</v>
      </c>
      <c r="CY14" s="191">
        <v>0</v>
      </c>
      <c r="CZ14" s="196">
        <v>0</v>
      </c>
      <c r="DA14" s="193">
        <v>0</v>
      </c>
      <c r="DB14" s="191">
        <v>0</v>
      </c>
      <c r="DC14" s="191">
        <v>0</v>
      </c>
      <c r="DD14" s="191">
        <v>0</v>
      </c>
      <c r="DE14" s="191">
        <v>0</v>
      </c>
      <c r="DF14" s="191">
        <v>0</v>
      </c>
      <c r="DG14" s="196">
        <v>0</v>
      </c>
      <c r="DH14" s="195">
        <v>0</v>
      </c>
    </row>
    <row r="15" spans="2:112" ht="21" customHeight="1" x14ac:dyDescent="0.2">
      <c r="B15" s="106" t="s">
        <v>12</v>
      </c>
      <c r="C15" s="190">
        <v>0</v>
      </c>
      <c r="D15" s="191">
        <v>0</v>
      </c>
      <c r="E15" s="192">
        <v>0</v>
      </c>
      <c r="F15" s="193">
        <v>0</v>
      </c>
      <c r="G15" s="191">
        <v>7184</v>
      </c>
      <c r="H15" s="191">
        <v>9922</v>
      </c>
      <c r="I15" s="191">
        <v>11301</v>
      </c>
      <c r="J15" s="191">
        <v>16333</v>
      </c>
      <c r="K15" s="191">
        <v>12555</v>
      </c>
      <c r="L15" s="194">
        <v>57295</v>
      </c>
      <c r="M15" s="195">
        <v>57295</v>
      </c>
      <c r="N15" s="190">
        <v>0</v>
      </c>
      <c r="O15" s="191">
        <v>10</v>
      </c>
      <c r="P15" s="196">
        <v>10</v>
      </c>
      <c r="Q15" s="193">
        <v>0</v>
      </c>
      <c r="R15" s="191">
        <v>10</v>
      </c>
      <c r="S15" s="191">
        <v>74</v>
      </c>
      <c r="T15" s="191">
        <v>59</v>
      </c>
      <c r="U15" s="191">
        <v>265</v>
      </c>
      <c r="V15" s="191">
        <v>312</v>
      </c>
      <c r="W15" s="196">
        <v>720</v>
      </c>
      <c r="X15" s="195">
        <v>730</v>
      </c>
      <c r="Y15" s="190">
        <v>627</v>
      </c>
      <c r="Z15" s="191">
        <v>1970</v>
      </c>
      <c r="AA15" s="196">
        <v>2597</v>
      </c>
      <c r="AB15" s="193">
        <v>0</v>
      </c>
      <c r="AC15" s="191">
        <v>2349</v>
      </c>
      <c r="AD15" s="191">
        <v>3823</v>
      </c>
      <c r="AE15" s="191">
        <v>2175</v>
      </c>
      <c r="AF15" s="191">
        <v>2197</v>
      </c>
      <c r="AG15" s="191">
        <v>1658</v>
      </c>
      <c r="AH15" s="196">
        <v>12202</v>
      </c>
      <c r="AI15" s="195">
        <v>14799</v>
      </c>
      <c r="AJ15" s="190">
        <v>104</v>
      </c>
      <c r="AK15" s="191">
        <v>252</v>
      </c>
      <c r="AL15" s="196">
        <v>356</v>
      </c>
      <c r="AM15" s="193">
        <v>0</v>
      </c>
      <c r="AN15" s="191">
        <v>161</v>
      </c>
      <c r="AO15" s="191">
        <v>457</v>
      </c>
      <c r="AP15" s="191">
        <v>190</v>
      </c>
      <c r="AQ15" s="191">
        <v>263</v>
      </c>
      <c r="AR15" s="191">
        <v>124</v>
      </c>
      <c r="AS15" s="196">
        <v>1195</v>
      </c>
      <c r="AT15" s="195">
        <v>1551</v>
      </c>
      <c r="AU15" s="190">
        <v>0</v>
      </c>
      <c r="AV15" s="191">
        <v>0</v>
      </c>
      <c r="AW15" s="196">
        <v>0</v>
      </c>
      <c r="AX15" s="193">
        <v>0</v>
      </c>
      <c r="AY15" s="191">
        <v>5885</v>
      </c>
      <c r="AZ15" s="191">
        <v>4329</v>
      </c>
      <c r="BA15" s="191">
        <v>3115</v>
      </c>
      <c r="BB15" s="191">
        <v>2134</v>
      </c>
      <c r="BC15" s="191">
        <v>796</v>
      </c>
      <c r="BD15" s="194">
        <v>16259</v>
      </c>
      <c r="BE15" s="195">
        <v>16259</v>
      </c>
      <c r="BF15" s="190">
        <v>0</v>
      </c>
      <c r="BG15" s="191">
        <v>0</v>
      </c>
      <c r="BH15" s="196">
        <v>0</v>
      </c>
      <c r="BI15" s="193">
        <v>0</v>
      </c>
      <c r="BJ15" s="191">
        <v>885</v>
      </c>
      <c r="BK15" s="191">
        <v>1347</v>
      </c>
      <c r="BL15" s="191">
        <v>756</v>
      </c>
      <c r="BM15" s="191">
        <v>434</v>
      </c>
      <c r="BN15" s="191">
        <v>139</v>
      </c>
      <c r="BO15" s="196">
        <v>3561</v>
      </c>
      <c r="BP15" s="195">
        <v>3561</v>
      </c>
      <c r="BQ15" s="190">
        <v>39</v>
      </c>
      <c r="BR15" s="191">
        <v>38</v>
      </c>
      <c r="BS15" s="196">
        <v>77</v>
      </c>
      <c r="BT15" s="193">
        <v>0</v>
      </c>
      <c r="BU15" s="191">
        <v>640</v>
      </c>
      <c r="BV15" s="191">
        <v>966</v>
      </c>
      <c r="BW15" s="191">
        <v>1320</v>
      </c>
      <c r="BX15" s="191">
        <v>1331</v>
      </c>
      <c r="BY15" s="191">
        <v>481</v>
      </c>
      <c r="BZ15" s="196">
        <v>4738</v>
      </c>
      <c r="CA15" s="195">
        <v>4815</v>
      </c>
      <c r="CB15" s="190">
        <v>0</v>
      </c>
      <c r="CC15" s="191">
        <v>0</v>
      </c>
      <c r="CD15" s="196">
        <v>0</v>
      </c>
      <c r="CE15" s="193">
        <v>0</v>
      </c>
      <c r="CF15" s="191">
        <v>0</v>
      </c>
      <c r="CG15" s="191">
        <v>10</v>
      </c>
      <c r="CH15" s="191">
        <v>17</v>
      </c>
      <c r="CI15" s="191">
        <v>25</v>
      </c>
      <c r="CJ15" s="191">
        <v>24</v>
      </c>
      <c r="CK15" s="196">
        <v>76</v>
      </c>
      <c r="CL15" s="195">
        <v>76</v>
      </c>
      <c r="CM15" s="190">
        <v>0</v>
      </c>
      <c r="CN15" s="191">
        <v>0</v>
      </c>
      <c r="CO15" s="196">
        <v>0</v>
      </c>
      <c r="CP15" s="193">
        <v>0</v>
      </c>
      <c r="CQ15" s="191">
        <v>0</v>
      </c>
      <c r="CR15" s="191">
        <v>0</v>
      </c>
      <c r="CS15" s="191">
        <v>0</v>
      </c>
      <c r="CT15" s="191">
        <v>0</v>
      </c>
      <c r="CU15" s="191">
        <v>0</v>
      </c>
      <c r="CV15" s="196">
        <v>0</v>
      </c>
      <c r="CW15" s="195">
        <v>0</v>
      </c>
      <c r="CX15" s="190">
        <v>0</v>
      </c>
      <c r="CY15" s="191">
        <v>0</v>
      </c>
      <c r="CZ15" s="196">
        <v>0</v>
      </c>
      <c r="DA15" s="193">
        <v>0</v>
      </c>
      <c r="DB15" s="191">
        <v>0</v>
      </c>
      <c r="DC15" s="191">
        <v>0</v>
      </c>
      <c r="DD15" s="191">
        <v>0</v>
      </c>
      <c r="DE15" s="191">
        <v>0</v>
      </c>
      <c r="DF15" s="191">
        <v>0</v>
      </c>
      <c r="DG15" s="196">
        <v>0</v>
      </c>
      <c r="DH15" s="195">
        <v>0</v>
      </c>
    </row>
    <row r="16" spans="2:112" ht="21" customHeight="1" x14ac:dyDescent="0.2">
      <c r="B16" s="106" t="s">
        <v>13</v>
      </c>
      <c r="C16" s="190">
        <v>0</v>
      </c>
      <c r="D16" s="191">
        <v>0</v>
      </c>
      <c r="E16" s="192">
        <v>0</v>
      </c>
      <c r="F16" s="193">
        <v>0</v>
      </c>
      <c r="G16" s="191">
        <v>2058</v>
      </c>
      <c r="H16" s="191">
        <v>3494</v>
      </c>
      <c r="I16" s="191">
        <v>3944</v>
      </c>
      <c r="J16" s="191">
        <v>5970</v>
      </c>
      <c r="K16" s="191">
        <v>5358</v>
      </c>
      <c r="L16" s="194">
        <v>20824</v>
      </c>
      <c r="M16" s="195">
        <v>20824</v>
      </c>
      <c r="N16" s="190">
        <v>0</v>
      </c>
      <c r="O16" s="191">
        <v>0</v>
      </c>
      <c r="P16" s="196">
        <v>0</v>
      </c>
      <c r="Q16" s="193">
        <v>0</v>
      </c>
      <c r="R16" s="191">
        <v>4</v>
      </c>
      <c r="S16" s="191">
        <v>15</v>
      </c>
      <c r="T16" s="191">
        <v>17</v>
      </c>
      <c r="U16" s="191">
        <v>81</v>
      </c>
      <c r="V16" s="191">
        <v>222</v>
      </c>
      <c r="W16" s="196">
        <v>339</v>
      </c>
      <c r="X16" s="195">
        <v>339</v>
      </c>
      <c r="Y16" s="190">
        <v>77</v>
      </c>
      <c r="Z16" s="191">
        <v>173</v>
      </c>
      <c r="AA16" s="196">
        <v>250</v>
      </c>
      <c r="AB16" s="193">
        <v>0</v>
      </c>
      <c r="AC16" s="191">
        <v>1037</v>
      </c>
      <c r="AD16" s="191">
        <v>1759</v>
      </c>
      <c r="AE16" s="191">
        <v>958</v>
      </c>
      <c r="AF16" s="191">
        <v>773</v>
      </c>
      <c r="AG16" s="191">
        <v>750</v>
      </c>
      <c r="AH16" s="196">
        <v>5277</v>
      </c>
      <c r="AI16" s="195">
        <v>5527</v>
      </c>
      <c r="AJ16" s="190">
        <v>0</v>
      </c>
      <c r="AK16" s="191">
        <v>16</v>
      </c>
      <c r="AL16" s="196">
        <v>16</v>
      </c>
      <c r="AM16" s="193">
        <v>0</v>
      </c>
      <c r="AN16" s="191">
        <v>80</v>
      </c>
      <c r="AO16" s="191">
        <v>140</v>
      </c>
      <c r="AP16" s="191">
        <v>92</v>
      </c>
      <c r="AQ16" s="191">
        <v>36</v>
      </c>
      <c r="AR16" s="191">
        <v>72</v>
      </c>
      <c r="AS16" s="196">
        <v>420</v>
      </c>
      <c r="AT16" s="195">
        <v>436</v>
      </c>
      <c r="AU16" s="190">
        <v>0</v>
      </c>
      <c r="AV16" s="191">
        <v>0</v>
      </c>
      <c r="AW16" s="196">
        <v>0</v>
      </c>
      <c r="AX16" s="193">
        <v>0</v>
      </c>
      <c r="AY16" s="191">
        <v>1471</v>
      </c>
      <c r="AZ16" s="191">
        <v>1657</v>
      </c>
      <c r="BA16" s="191">
        <v>847</v>
      </c>
      <c r="BB16" s="191">
        <v>673</v>
      </c>
      <c r="BC16" s="191">
        <v>308</v>
      </c>
      <c r="BD16" s="194">
        <v>4956</v>
      </c>
      <c r="BE16" s="195">
        <v>4956</v>
      </c>
      <c r="BF16" s="190">
        <v>0</v>
      </c>
      <c r="BG16" s="191">
        <v>0</v>
      </c>
      <c r="BH16" s="196">
        <v>0</v>
      </c>
      <c r="BI16" s="193">
        <v>0</v>
      </c>
      <c r="BJ16" s="191">
        <v>204</v>
      </c>
      <c r="BK16" s="191">
        <v>235</v>
      </c>
      <c r="BL16" s="191">
        <v>135</v>
      </c>
      <c r="BM16" s="191">
        <v>175</v>
      </c>
      <c r="BN16" s="191">
        <v>81</v>
      </c>
      <c r="BO16" s="196">
        <v>830</v>
      </c>
      <c r="BP16" s="195">
        <v>830</v>
      </c>
      <c r="BQ16" s="190">
        <v>0</v>
      </c>
      <c r="BR16" s="191">
        <v>0</v>
      </c>
      <c r="BS16" s="196">
        <v>0</v>
      </c>
      <c r="BT16" s="193">
        <v>0</v>
      </c>
      <c r="BU16" s="191">
        <v>74</v>
      </c>
      <c r="BV16" s="191">
        <v>275</v>
      </c>
      <c r="BW16" s="191">
        <v>561</v>
      </c>
      <c r="BX16" s="191">
        <v>348</v>
      </c>
      <c r="BY16" s="191">
        <v>389</v>
      </c>
      <c r="BZ16" s="196">
        <v>1647</v>
      </c>
      <c r="CA16" s="195">
        <v>1647</v>
      </c>
      <c r="CB16" s="190">
        <v>0</v>
      </c>
      <c r="CC16" s="191">
        <v>0</v>
      </c>
      <c r="CD16" s="196">
        <v>0</v>
      </c>
      <c r="CE16" s="193">
        <v>0</v>
      </c>
      <c r="CF16" s="191">
        <v>0</v>
      </c>
      <c r="CG16" s="191">
        <v>76</v>
      </c>
      <c r="CH16" s="191">
        <v>65</v>
      </c>
      <c r="CI16" s="191">
        <v>70</v>
      </c>
      <c r="CJ16" s="191">
        <v>5</v>
      </c>
      <c r="CK16" s="196">
        <v>216</v>
      </c>
      <c r="CL16" s="195">
        <v>216</v>
      </c>
      <c r="CM16" s="190">
        <v>0</v>
      </c>
      <c r="CN16" s="191">
        <v>0</v>
      </c>
      <c r="CO16" s="196">
        <v>0</v>
      </c>
      <c r="CP16" s="193">
        <v>0</v>
      </c>
      <c r="CQ16" s="191">
        <v>0</v>
      </c>
      <c r="CR16" s="191">
        <v>0</v>
      </c>
      <c r="CS16" s="191">
        <v>0</v>
      </c>
      <c r="CT16" s="191">
        <v>0</v>
      </c>
      <c r="CU16" s="191">
        <v>0</v>
      </c>
      <c r="CV16" s="196">
        <v>0</v>
      </c>
      <c r="CW16" s="195">
        <v>0</v>
      </c>
      <c r="CX16" s="190">
        <v>0</v>
      </c>
      <c r="CY16" s="191">
        <v>0</v>
      </c>
      <c r="CZ16" s="196">
        <v>0</v>
      </c>
      <c r="DA16" s="193">
        <v>0</v>
      </c>
      <c r="DB16" s="191">
        <v>0</v>
      </c>
      <c r="DC16" s="191">
        <v>0</v>
      </c>
      <c r="DD16" s="191">
        <v>0</v>
      </c>
      <c r="DE16" s="191">
        <v>0</v>
      </c>
      <c r="DF16" s="191">
        <v>0</v>
      </c>
      <c r="DG16" s="196">
        <v>0</v>
      </c>
      <c r="DH16" s="195">
        <v>0</v>
      </c>
    </row>
    <row r="17" spans="2:112" ht="21" customHeight="1" x14ac:dyDescent="0.2">
      <c r="B17" s="106" t="s">
        <v>15</v>
      </c>
      <c r="C17" s="190">
        <v>0</v>
      </c>
      <c r="D17" s="191">
        <v>0</v>
      </c>
      <c r="E17" s="192">
        <v>0</v>
      </c>
      <c r="F17" s="193">
        <v>0</v>
      </c>
      <c r="G17" s="191">
        <v>1076</v>
      </c>
      <c r="H17" s="191">
        <v>2207</v>
      </c>
      <c r="I17" s="191">
        <v>2242</v>
      </c>
      <c r="J17" s="191">
        <v>2936</v>
      </c>
      <c r="K17" s="191">
        <v>2119</v>
      </c>
      <c r="L17" s="194">
        <v>10580</v>
      </c>
      <c r="M17" s="195">
        <v>10580</v>
      </c>
      <c r="N17" s="190">
        <v>0</v>
      </c>
      <c r="O17" s="191">
        <v>0</v>
      </c>
      <c r="P17" s="196">
        <v>0</v>
      </c>
      <c r="Q17" s="193">
        <v>0</v>
      </c>
      <c r="R17" s="191">
        <v>4</v>
      </c>
      <c r="S17" s="191">
        <v>8</v>
      </c>
      <c r="T17" s="191">
        <v>16</v>
      </c>
      <c r="U17" s="191">
        <v>63</v>
      </c>
      <c r="V17" s="191">
        <v>90</v>
      </c>
      <c r="W17" s="196">
        <v>181</v>
      </c>
      <c r="X17" s="195">
        <v>181</v>
      </c>
      <c r="Y17" s="190">
        <v>22</v>
      </c>
      <c r="Z17" s="191">
        <v>79</v>
      </c>
      <c r="AA17" s="196">
        <v>101</v>
      </c>
      <c r="AB17" s="193">
        <v>0</v>
      </c>
      <c r="AC17" s="191">
        <v>451</v>
      </c>
      <c r="AD17" s="191">
        <v>631</v>
      </c>
      <c r="AE17" s="191">
        <v>366</v>
      </c>
      <c r="AF17" s="191">
        <v>332</v>
      </c>
      <c r="AG17" s="191">
        <v>393</v>
      </c>
      <c r="AH17" s="196">
        <v>2173</v>
      </c>
      <c r="AI17" s="195">
        <v>2274</v>
      </c>
      <c r="AJ17" s="190">
        <v>0</v>
      </c>
      <c r="AK17" s="191">
        <v>20</v>
      </c>
      <c r="AL17" s="196">
        <v>20</v>
      </c>
      <c r="AM17" s="193">
        <v>0</v>
      </c>
      <c r="AN17" s="191">
        <v>124</v>
      </c>
      <c r="AO17" s="191">
        <v>143</v>
      </c>
      <c r="AP17" s="191">
        <v>66</v>
      </c>
      <c r="AQ17" s="191">
        <v>52</v>
      </c>
      <c r="AR17" s="191">
        <v>37</v>
      </c>
      <c r="AS17" s="196">
        <v>422</v>
      </c>
      <c r="AT17" s="195">
        <v>442</v>
      </c>
      <c r="AU17" s="190">
        <v>0</v>
      </c>
      <c r="AV17" s="191">
        <v>0</v>
      </c>
      <c r="AW17" s="196">
        <v>0</v>
      </c>
      <c r="AX17" s="193">
        <v>0</v>
      </c>
      <c r="AY17" s="191">
        <v>721</v>
      </c>
      <c r="AZ17" s="191">
        <v>952</v>
      </c>
      <c r="BA17" s="191">
        <v>501</v>
      </c>
      <c r="BB17" s="191">
        <v>276</v>
      </c>
      <c r="BC17" s="191">
        <v>122</v>
      </c>
      <c r="BD17" s="194">
        <v>2572</v>
      </c>
      <c r="BE17" s="195">
        <v>2572</v>
      </c>
      <c r="BF17" s="190">
        <v>0</v>
      </c>
      <c r="BG17" s="191">
        <v>0</v>
      </c>
      <c r="BH17" s="196">
        <v>0</v>
      </c>
      <c r="BI17" s="193">
        <v>0</v>
      </c>
      <c r="BJ17" s="191">
        <v>213</v>
      </c>
      <c r="BK17" s="191">
        <v>220</v>
      </c>
      <c r="BL17" s="191">
        <v>233</v>
      </c>
      <c r="BM17" s="191">
        <v>84</v>
      </c>
      <c r="BN17" s="191">
        <v>35</v>
      </c>
      <c r="BO17" s="196">
        <v>785</v>
      </c>
      <c r="BP17" s="195">
        <v>785</v>
      </c>
      <c r="BQ17" s="190">
        <v>0</v>
      </c>
      <c r="BR17" s="191">
        <v>3</v>
      </c>
      <c r="BS17" s="196">
        <v>3</v>
      </c>
      <c r="BT17" s="193">
        <v>0</v>
      </c>
      <c r="BU17" s="191">
        <v>103</v>
      </c>
      <c r="BV17" s="191">
        <v>386</v>
      </c>
      <c r="BW17" s="191">
        <v>505</v>
      </c>
      <c r="BX17" s="191">
        <v>951</v>
      </c>
      <c r="BY17" s="191">
        <v>370</v>
      </c>
      <c r="BZ17" s="196">
        <v>2315</v>
      </c>
      <c r="CA17" s="195">
        <v>2318</v>
      </c>
      <c r="CB17" s="190">
        <v>0</v>
      </c>
      <c r="CC17" s="191">
        <v>0</v>
      </c>
      <c r="CD17" s="196">
        <v>0</v>
      </c>
      <c r="CE17" s="193">
        <v>0</v>
      </c>
      <c r="CF17" s="191">
        <v>0</v>
      </c>
      <c r="CG17" s="191">
        <v>18</v>
      </c>
      <c r="CH17" s="191">
        <v>49</v>
      </c>
      <c r="CI17" s="191">
        <v>0</v>
      </c>
      <c r="CJ17" s="191">
        <v>0</v>
      </c>
      <c r="CK17" s="196">
        <v>67</v>
      </c>
      <c r="CL17" s="195">
        <v>67</v>
      </c>
      <c r="CM17" s="190">
        <v>0</v>
      </c>
      <c r="CN17" s="191">
        <v>0</v>
      </c>
      <c r="CO17" s="196">
        <v>0</v>
      </c>
      <c r="CP17" s="193">
        <v>0</v>
      </c>
      <c r="CQ17" s="191">
        <v>0</v>
      </c>
      <c r="CR17" s="191">
        <v>0</v>
      </c>
      <c r="CS17" s="191">
        <v>0</v>
      </c>
      <c r="CT17" s="191">
        <v>0</v>
      </c>
      <c r="CU17" s="191">
        <v>0</v>
      </c>
      <c r="CV17" s="196">
        <v>0</v>
      </c>
      <c r="CW17" s="195">
        <v>0</v>
      </c>
      <c r="CX17" s="190">
        <v>0</v>
      </c>
      <c r="CY17" s="191">
        <v>0</v>
      </c>
      <c r="CZ17" s="196">
        <v>0</v>
      </c>
      <c r="DA17" s="193">
        <v>0</v>
      </c>
      <c r="DB17" s="191">
        <v>0</v>
      </c>
      <c r="DC17" s="191">
        <v>0</v>
      </c>
      <c r="DD17" s="191">
        <v>0</v>
      </c>
      <c r="DE17" s="191">
        <v>0</v>
      </c>
      <c r="DF17" s="191">
        <v>0</v>
      </c>
      <c r="DG17" s="196">
        <v>0</v>
      </c>
      <c r="DH17" s="195">
        <v>0</v>
      </c>
    </row>
    <row r="18" spans="2:112" ht="21" customHeight="1" x14ac:dyDescent="0.2">
      <c r="B18" s="106" t="s">
        <v>16</v>
      </c>
      <c r="C18" s="190">
        <v>0</v>
      </c>
      <c r="D18" s="191">
        <v>0</v>
      </c>
      <c r="E18" s="192">
        <v>0</v>
      </c>
      <c r="F18" s="193">
        <v>0</v>
      </c>
      <c r="G18" s="191">
        <v>1926</v>
      </c>
      <c r="H18" s="191">
        <v>3702</v>
      </c>
      <c r="I18" s="191">
        <v>5340</v>
      </c>
      <c r="J18" s="191">
        <v>5808</v>
      </c>
      <c r="K18" s="191">
        <v>4507</v>
      </c>
      <c r="L18" s="194">
        <v>21283</v>
      </c>
      <c r="M18" s="195">
        <v>21283</v>
      </c>
      <c r="N18" s="190">
        <v>0</v>
      </c>
      <c r="O18" s="191">
        <v>0</v>
      </c>
      <c r="P18" s="196">
        <v>0</v>
      </c>
      <c r="Q18" s="193">
        <v>0</v>
      </c>
      <c r="R18" s="191">
        <v>11</v>
      </c>
      <c r="S18" s="191">
        <v>12</v>
      </c>
      <c r="T18" s="191">
        <v>47</v>
      </c>
      <c r="U18" s="191">
        <v>104</v>
      </c>
      <c r="V18" s="191">
        <v>231</v>
      </c>
      <c r="W18" s="196">
        <v>405</v>
      </c>
      <c r="X18" s="195">
        <v>405</v>
      </c>
      <c r="Y18" s="190">
        <v>118</v>
      </c>
      <c r="Z18" s="191">
        <v>352</v>
      </c>
      <c r="AA18" s="196">
        <v>470</v>
      </c>
      <c r="AB18" s="193">
        <v>0</v>
      </c>
      <c r="AC18" s="191">
        <v>988</v>
      </c>
      <c r="AD18" s="191">
        <v>2774</v>
      </c>
      <c r="AE18" s="191">
        <v>1539</v>
      </c>
      <c r="AF18" s="191">
        <v>1562</v>
      </c>
      <c r="AG18" s="191">
        <v>1108</v>
      </c>
      <c r="AH18" s="196">
        <v>7971</v>
      </c>
      <c r="AI18" s="195">
        <v>8441</v>
      </c>
      <c r="AJ18" s="190">
        <v>40</v>
      </c>
      <c r="AK18" s="191">
        <v>121</v>
      </c>
      <c r="AL18" s="196">
        <v>161</v>
      </c>
      <c r="AM18" s="193">
        <v>0</v>
      </c>
      <c r="AN18" s="191">
        <v>66</v>
      </c>
      <c r="AO18" s="191">
        <v>378</v>
      </c>
      <c r="AP18" s="191">
        <v>133</v>
      </c>
      <c r="AQ18" s="191">
        <v>96</v>
      </c>
      <c r="AR18" s="191">
        <v>210</v>
      </c>
      <c r="AS18" s="196">
        <v>883</v>
      </c>
      <c r="AT18" s="195">
        <v>1044</v>
      </c>
      <c r="AU18" s="190">
        <v>0</v>
      </c>
      <c r="AV18" s="191">
        <v>0</v>
      </c>
      <c r="AW18" s="196">
        <v>0</v>
      </c>
      <c r="AX18" s="193">
        <v>0</v>
      </c>
      <c r="AY18" s="191">
        <v>2968</v>
      </c>
      <c r="AZ18" s="191">
        <v>4052</v>
      </c>
      <c r="BA18" s="191">
        <v>2745</v>
      </c>
      <c r="BB18" s="191">
        <v>1944</v>
      </c>
      <c r="BC18" s="191">
        <v>923</v>
      </c>
      <c r="BD18" s="194">
        <v>12632</v>
      </c>
      <c r="BE18" s="195">
        <v>12632</v>
      </c>
      <c r="BF18" s="190">
        <v>0</v>
      </c>
      <c r="BG18" s="191">
        <v>0</v>
      </c>
      <c r="BH18" s="196">
        <v>0</v>
      </c>
      <c r="BI18" s="193">
        <v>0</v>
      </c>
      <c r="BJ18" s="191">
        <v>1186</v>
      </c>
      <c r="BK18" s="191">
        <v>1781</v>
      </c>
      <c r="BL18" s="191">
        <v>732</v>
      </c>
      <c r="BM18" s="191">
        <v>529</v>
      </c>
      <c r="BN18" s="191">
        <v>167</v>
      </c>
      <c r="BO18" s="196">
        <v>4395</v>
      </c>
      <c r="BP18" s="195">
        <v>4395</v>
      </c>
      <c r="BQ18" s="190">
        <v>0</v>
      </c>
      <c r="BR18" s="191">
        <v>41</v>
      </c>
      <c r="BS18" s="196">
        <v>41</v>
      </c>
      <c r="BT18" s="193">
        <v>0</v>
      </c>
      <c r="BU18" s="191">
        <v>285</v>
      </c>
      <c r="BV18" s="191">
        <v>548</v>
      </c>
      <c r="BW18" s="191">
        <v>856</v>
      </c>
      <c r="BX18" s="191">
        <v>474</v>
      </c>
      <c r="BY18" s="191">
        <v>291</v>
      </c>
      <c r="BZ18" s="196">
        <v>2454</v>
      </c>
      <c r="CA18" s="195">
        <v>2495</v>
      </c>
      <c r="CB18" s="190">
        <v>0</v>
      </c>
      <c r="CC18" s="191">
        <v>0</v>
      </c>
      <c r="CD18" s="196">
        <v>0</v>
      </c>
      <c r="CE18" s="193">
        <v>0</v>
      </c>
      <c r="CF18" s="191">
        <v>25</v>
      </c>
      <c r="CG18" s="191">
        <v>25</v>
      </c>
      <c r="CH18" s="191">
        <v>76</v>
      </c>
      <c r="CI18" s="191">
        <v>42</v>
      </c>
      <c r="CJ18" s="191">
        <v>26</v>
      </c>
      <c r="CK18" s="196">
        <v>194</v>
      </c>
      <c r="CL18" s="195">
        <v>194</v>
      </c>
      <c r="CM18" s="190">
        <v>0</v>
      </c>
      <c r="CN18" s="191">
        <v>0</v>
      </c>
      <c r="CO18" s="196">
        <v>0</v>
      </c>
      <c r="CP18" s="193">
        <v>0</v>
      </c>
      <c r="CQ18" s="191">
        <v>0</v>
      </c>
      <c r="CR18" s="191">
        <v>0</v>
      </c>
      <c r="CS18" s="191">
        <v>0</v>
      </c>
      <c r="CT18" s="191">
        <v>0</v>
      </c>
      <c r="CU18" s="191">
        <v>0</v>
      </c>
      <c r="CV18" s="196">
        <v>0</v>
      </c>
      <c r="CW18" s="195">
        <v>0</v>
      </c>
      <c r="CX18" s="190">
        <v>0</v>
      </c>
      <c r="CY18" s="191">
        <v>0</v>
      </c>
      <c r="CZ18" s="196">
        <v>0</v>
      </c>
      <c r="DA18" s="193">
        <v>0</v>
      </c>
      <c r="DB18" s="191">
        <v>0</v>
      </c>
      <c r="DC18" s="191">
        <v>0</v>
      </c>
      <c r="DD18" s="191">
        <v>0</v>
      </c>
      <c r="DE18" s="191">
        <v>0</v>
      </c>
      <c r="DF18" s="191">
        <v>0</v>
      </c>
      <c r="DG18" s="196">
        <v>0</v>
      </c>
      <c r="DH18" s="195">
        <v>0</v>
      </c>
    </row>
    <row r="19" spans="2:112" ht="21" customHeight="1" x14ac:dyDescent="0.2">
      <c r="B19" s="106" t="s">
        <v>17</v>
      </c>
      <c r="C19" s="190">
        <v>0</v>
      </c>
      <c r="D19" s="191">
        <v>0</v>
      </c>
      <c r="E19" s="192">
        <v>0</v>
      </c>
      <c r="F19" s="193">
        <v>0</v>
      </c>
      <c r="G19" s="191">
        <v>2352</v>
      </c>
      <c r="H19" s="191">
        <v>7386</v>
      </c>
      <c r="I19" s="191">
        <v>10421</v>
      </c>
      <c r="J19" s="191">
        <v>15219</v>
      </c>
      <c r="K19" s="191">
        <v>10499</v>
      </c>
      <c r="L19" s="194">
        <v>45877</v>
      </c>
      <c r="M19" s="195">
        <v>45877</v>
      </c>
      <c r="N19" s="190">
        <v>0</v>
      </c>
      <c r="O19" s="191">
        <v>3</v>
      </c>
      <c r="P19" s="196">
        <v>3</v>
      </c>
      <c r="Q19" s="193">
        <v>0</v>
      </c>
      <c r="R19" s="191">
        <v>0</v>
      </c>
      <c r="S19" s="191">
        <v>29</v>
      </c>
      <c r="T19" s="191">
        <v>96</v>
      </c>
      <c r="U19" s="191">
        <v>171</v>
      </c>
      <c r="V19" s="191">
        <v>317</v>
      </c>
      <c r="W19" s="196">
        <v>613</v>
      </c>
      <c r="X19" s="195">
        <v>616</v>
      </c>
      <c r="Y19" s="190">
        <v>162</v>
      </c>
      <c r="Z19" s="191">
        <v>755</v>
      </c>
      <c r="AA19" s="196">
        <v>917</v>
      </c>
      <c r="AB19" s="193">
        <v>0</v>
      </c>
      <c r="AC19" s="191">
        <v>1285</v>
      </c>
      <c r="AD19" s="191">
        <v>3547</v>
      </c>
      <c r="AE19" s="191">
        <v>2230</v>
      </c>
      <c r="AF19" s="191">
        <v>1816</v>
      </c>
      <c r="AG19" s="191">
        <v>1250</v>
      </c>
      <c r="AH19" s="196">
        <v>10128</v>
      </c>
      <c r="AI19" s="195">
        <v>11045</v>
      </c>
      <c r="AJ19" s="190">
        <v>50</v>
      </c>
      <c r="AK19" s="191">
        <v>100</v>
      </c>
      <c r="AL19" s="196">
        <v>150</v>
      </c>
      <c r="AM19" s="193">
        <v>0</v>
      </c>
      <c r="AN19" s="191">
        <v>102</v>
      </c>
      <c r="AO19" s="191">
        <v>508</v>
      </c>
      <c r="AP19" s="191">
        <v>413</v>
      </c>
      <c r="AQ19" s="191">
        <v>257</v>
      </c>
      <c r="AR19" s="191">
        <v>212</v>
      </c>
      <c r="AS19" s="196">
        <v>1492</v>
      </c>
      <c r="AT19" s="195">
        <v>1642</v>
      </c>
      <c r="AU19" s="190">
        <v>0</v>
      </c>
      <c r="AV19" s="191">
        <v>0</v>
      </c>
      <c r="AW19" s="196">
        <v>0</v>
      </c>
      <c r="AX19" s="193">
        <v>0</v>
      </c>
      <c r="AY19" s="191">
        <v>2703</v>
      </c>
      <c r="AZ19" s="191">
        <v>4471</v>
      </c>
      <c r="BA19" s="191">
        <v>3415</v>
      </c>
      <c r="BB19" s="191">
        <v>2160</v>
      </c>
      <c r="BC19" s="191">
        <v>978</v>
      </c>
      <c r="BD19" s="194">
        <v>13727</v>
      </c>
      <c r="BE19" s="195">
        <v>13727</v>
      </c>
      <c r="BF19" s="190">
        <v>0</v>
      </c>
      <c r="BG19" s="191">
        <v>0</v>
      </c>
      <c r="BH19" s="196">
        <v>0</v>
      </c>
      <c r="BI19" s="193">
        <v>0</v>
      </c>
      <c r="BJ19" s="191">
        <v>473</v>
      </c>
      <c r="BK19" s="191">
        <v>1504</v>
      </c>
      <c r="BL19" s="191">
        <v>869</v>
      </c>
      <c r="BM19" s="191">
        <v>373</v>
      </c>
      <c r="BN19" s="191">
        <v>116</v>
      </c>
      <c r="BO19" s="196">
        <v>3335</v>
      </c>
      <c r="BP19" s="195">
        <v>3335</v>
      </c>
      <c r="BQ19" s="190">
        <v>9</v>
      </c>
      <c r="BR19" s="191">
        <v>25</v>
      </c>
      <c r="BS19" s="196">
        <v>34</v>
      </c>
      <c r="BT19" s="193">
        <v>0</v>
      </c>
      <c r="BU19" s="191">
        <v>199</v>
      </c>
      <c r="BV19" s="191">
        <v>947</v>
      </c>
      <c r="BW19" s="191">
        <v>1278</v>
      </c>
      <c r="BX19" s="191">
        <v>1163</v>
      </c>
      <c r="BY19" s="191">
        <v>482</v>
      </c>
      <c r="BZ19" s="196">
        <v>4069</v>
      </c>
      <c r="CA19" s="195">
        <v>4103</v>
      </c>
      <c r="CB19" s="190">
        <v>0</v>
      </c>
      <c r="CC19" s="191">
        <v>0</v>
      </c>
      <c r="CD19" s="196">
        <v>0</v>
      </c>
      <c r="CE19" s="193">
        <v>0</v>
      </c>
      <c r="CF19" s="191">
        <v>51</v>
      </c>
      <c r="CG19" s="191">
        <v>116</v>
      </c>
      <c r="CH19" s="191">
        <v>101</v>
      </c>
      <c r="CI19" s="191">
        <v>81</v>
      </c>
      <c r="CJ19" s="191">
        <v>66</v>
      </c>
      <c r="CK19" s="196">
        <v>415</v>
      </c>
      <c r="CL19" s="195">
        <v>415</v>
      </c>
      <c r="CM19" s="190">
        <v>0</v>
      </c>
      <c r="CN19" s="191">
        <v>0</v>
      </c>
      <c r="CO19" s="196">
        <v>0</v>
      </c>
      <c r="CP19" s="193">
        <v>0</v>
      </c>
      <c r="CQ19" s="191">
        <v>0</v>
      </c>
      <c r="CR19" s="191">
        <v>0</v>
      </c>
      <c r="CS19" s="191">
        <v>0</v>
      </c>
      <c r="CT19" s="191">
        <v>0</v>
      </c>
      <c r="CU19" s="191">
        <v>0</v>
      </c>
      <c r="CV19" s="196">
        <v>0</v>
      </c>
      <c r="CW19" s="195">
        <v>0</v>
      </c>
      <c r="CX19" s="190">
        <v>0</v>
      </c>
      <c r="CY19" s="191">
        <v>0</v>
      </c>
      <c r="CZ19" s="196">
        <v>0</v>
      </c>
      <c r="DA19" s="193">
        <v>0</v>
      </c>
      <c r="DB19" s="191">
        <v>0</v>
      </c>
      <c r="DC19" s="191">
        <v>0</v>
      </c>
      <c r="DD19" s="191">
        <v>0</v>
      </c>
      <c r="DE19" s="191">
        <v>0</v>
      </c>
      <c r="DF19" s="191">
        <v>0</v>
      </c>
      <c r="DG19" s="196">
        <v>0</v>
      </c>
      <c r="DH19" s="195">
        <v>0</v>
      </c>
    </row>
    <row r="20" spans="2:112" ht="21" customHeight="1" x14ac:dyDescent="0.2">
      <c r="B20" s="106" t="s">
        <v>18</v>
      </c>
      <c r="C20" s="190">
        <v>0</v>
      </c>
      <c r="D20" s="191">
        <v>0</v>
      </c>
      <c r="E20" s="192">
        <v>0</v>
      </c>
      <c r="F20" s="193">
        <v>0</v>
      </c>
      <c r="G20" s="191">
        <v>5642</v>
      </c>
      <c r="H20" s="191">
        <v>9368</v>
      </c>
      <c r="I20" s="191">
        <v>11322</v>
      </c>
      <c r="J20" s="191">
        <v>14984</v>
      </c>
      <c r="K20" s="191">
        <v>13627</v>
      </c>
      <c r="L20" s="194">
        <v>54943</v>
      </c>
      <c r="M20" s="195">
        <v>54943</v>
      </c>
      <c r="N20" s="190">
        <v>0</v>
      </c>
      <c r="O20" s="191">
        <v>0</v>
      </c>
      <c r="P20" s="196">
        <v>0</v>
      </c>
      <c r="Q20" s="193">
        <v>0</v>
      </c>
      <c r="R20" s="191">
        <v>12</v>
      </c>
      <c r="S20" s="191">
        <v>38</v>
      </c>
      <c r="T20" s="191">
        <v>36</v>
      </c>
      <c r="U20" s="191">
        <v>222</v>
      </c>
      <c r="V20" s="191">
        <v>395</v>
      </c>
      <c r="W20" s="196">
        <v>703</v>
      </c>
      <c r="X20" s="195">
        <v>703</v>
      </c>
      <c r="Y20" s="190">
        <v>402</v>
      </c>
      <c r="Z20" s="191">
        <v>905</v>
      </c>
      <c r="AA20" s="196">
        <v>1307</v>
      </c>
      <c r="AB20" s="193">
        <v>0</v>
      </c>
      <c r="AC20" s="191">
        <v>3160</v>
      </c>
      <c r="AD20" s="191">
        <v>3892</v>
      </c>
      <c r="AE20" s="191">
        <v>2478</v>
      </c>
      <c r="AF20" s="191">
        <v>2142</v>
      </c>
      <c r="AG20" s="191">
        <v>1727</v>
      </c>
      <c r="AH20" s="196">
        <v>13399</v>
      </c>
      <c r="AI20" s="195">
        <v>14706</v>
      </c>
      <c r="AJ20" s="190">
        <v>58</v>
      </c>
      <c r="AK20" s="191">
        <v>192</v>
      </c>
      <c r="AL20" s="196">
        <v>250</v>
      </c>
      <c r="AM20" s="193">
        <v>0</v>
      </c>
      <c r="AN20" s="191">
        <v>645</v>
      </c>
      <c r="AO20" s="191">
        <v>722</v>
      </c>
      <c r="AP20" s="191">
        <v>545</v>
      </c>
      <c r="AQ20" s="191">
        <v>441</v>
      </c>
      <c r="AR20" s="191">
        <v>209</v>
      </c>
      <c r="AS20" s="196">
        <v>2562</v>
      </c>
      <c r="AT20" s="195">
        <v>2812</v>
      </c>
      <c r="AU20" s="190">
        <v>0</v>
      </c>
      <c r="AV20" s="191">
        <v>0</v>
      </c>
      <c r="AW20" s="196">
        <v>0</v>
      </c>
      <c r="AX20" s="193">
        <v>0</v>
      </c>
      <c r="AY20" s="191">
        <v>6145</v>
      </c>
      <c r="AZ20" s="191">
        <v>5950</v>
      </c>
      <c r="BA20" s="191">
        <v>4184</v>
      </c>
      <c r="BB20" s="191">
        <v>2187</v>
      </c>
      <c r="BC20" s="191">
        <v>1213</v>
      </c>
      <c r="BD20" s="194">
        <v>19679</v>
      </c>
      <c r="BE20" s="195">
        <v>19679</v>
      </c>
      <c r="BF20" s="190">
        <v>0</v>
      </c>
      <c r="BG20" s="191">
        <v>0</v>
      </c>
      <c r="BH20" s="196">
        <v>0</v>
      </c>
      <c r="BI20" s="193">
        <v>0</v>
      </c>
      <c r="BJ20" s="191">
        <v>1261</v>
      </c>
      <c r="BK20" s="191">
        <v>1367</v>
      </c>
      <c r="BL20" s="191">
        <v>927</v>
      </c>
      <c r="BM20" s="191">
        <v>526</v>
      </c>
      <c r="BN20" s="191">
        <v>184</v>
      </c>
      <c r="BO20" s="196">
        <v>4265</v>
      </c>
      <c r="BP20" s="195">
        <v>4265</v>
      </c>
      <c r="BQ20" s="190">
        <v>8</v>
      </c>
      <c r="BR20" s="191">
        <v>83</v>
      </c>
      <c r="BS20" s="196">
        <v>91</v>
      </c>
      <c r="BT20" s="193">
        <v>0</v>
      </c>
      <c r="BU20" s="191">
        <v>518</v>
      </c>
      <c r="BV20" s="191">
        <v>776</v>
      </c>
      <c r="BW20" s="191">
        <v>1789</v>
      </c>
      <c r="BX20" s="191">
        <v>1570</v>
      </c>
      <c r="BY20" s="191">
        <v>679</v>
      </c>
      <c r="BZ20" s="196">
        <v>5332</v>
      </c>
      <c r="CA20" s="195">
        <v>5423</v>
      </c>
      <c r="CB20" s="190">
        <v>0</v>
      </c>
      <c r="CC20" s="191">
        <v>0</v>
      </c>
      <c r="CD20" s="196">
        <v>0</v>
      </c>
      <c r="CE20" s="193">
        <v>0</v>
      </c>
      <c r="CF20" s="191">
        <v>36</v>
      </c>
      <c r="CG20" s="191">
        <v>53</v>
      </c>
      <c r="CH20" s="191">
        <v>28</v>
      </c>
      <c r="CI20" s="191">
        <v>19</v>
      </c>
      <c r="CJ20" s="191">
        <v>0</v>
      </c>
      <c r="CK20" s="196">
        <v>136</v>
      </c>
      <c r="CL20" s="195">
        <v>136</v>
      </c>
      <c r="CM20" s="190">
        <v>0</v>
      </c>
      <c r="CN20" s="191">
        <v>0</v>
      </c>
      <c r="CO20" s="196">
        <v>0</v>
      </c>
      <c r="CP20" s="193">
        <v>0</v>
      </c>
      <c r="CQ20" s="191">
        <v>0</v>
      </c>
      <c r="CR20" s="191">
        <v>0</v>
      </c>
      <c r="CS20" s="191">
        <v>0</v>
      </c>
      <c r="CT20" s="191">
        <v>0</v>
      </c>
      <c r="CU20" s="191">
        <v>0</v>
      </c>
      <c r="CV20" s="196">
        <v>0</v>
      </c>
      <c r="CW20" s="195">
        <v>0</v>
      </c>
      <c r="CX20" s="190">
        <v>0</v>
      </c>
      <c r="CY20" s="191">
        <v>0</v>
      </c>
      <c r="CZ20" s="196">
        <v>0</v>
      </c>
      <c r="DA20" s="193">
        <v>0</v>
      </c>
      <c r="DB20" s="191">
        <v>0</v>
      </c>
      <c r="DC20" s="191">
        <v>0</v>
      </c>
      <c r="DD20" s="191">
        <v>0</v>
      </c>
      <c r="DE20" s="191">
        <v>0</v>
      </c>
      <c r="DF20" s="191">
        <v>0</v>
      </c>
      <c r="DG20" s="196">
        <v>0</v>
      </c>
      <c r="DH20" s="195">
        <v>0</v>
      </c>
    </row>
    <row r="21" spans="2:112" ht="21" customHeight="1" x14ac:dyDescent="0.2">
      <c r="B21" s="106" t="s">
        <v>19</v>
      </c>
      <c r="C21" s="190">
        <v>0</v>
      </c>
      <c r="D21" s="191">
        <v>0</v>
      </c>
      <c r="E21" s="192">
        <v>0</v>
      </c>
      <c r="F21" s="193">
        <v>0</v>
      </c>
      <c r="G21" s="191">
        <v>2118</v>
      </c>
      <c r="H21" s="191">
        <v>2926</v>
      </c>
      <c r="I21" s="191">
        <v>3660</v>
      </c>
      <c r="J21" s="191">
        <v>3518</v>
      </c>
      <c r="K21" s="191">
        <v>3047</v>
      </c>
      <c r="L21" s="194">
        <v>15269</v>
      </c>
      <c r="M21" s="195">
        <v>15269</v>
      </c>
      <c r="N21" s="190">
        <v>0</v>
      </c>
      <c r="O21" s="191">
        <v>0</v>
      </c>
      <c r="P21" s="196">
        <v>0</v>
      </c>
      <c r="Q21" s="193">
        <v>0</v>
      </c>
      <c r="R21" s="191">
        <v>17</v>
      </c>
      <c r="S21" s="191">
        <v>7</v>
      </c>
      <c r="T21" s="191">
        <v>61</v>
      </c>
      <c r="U21" s="191">
        <v>71</v>
      </c>
      <c r="V21" s="191">
        <v>126</v>
      </c>
      <c r="W21" s="196">
        <v>282</v>
      </c>
      <c r="X21" s="195">
        <v>282</v>
      </c>
      <c r="Y21" s="190">
        <v>198</v>
      </c>
      <c r="Z21" s="191">
        <v>393</v>
      </c>
      <c r="AA21" s="196">
        <v>591</v>
      </c>
      <c r="AB21" s="193">
        <v>0</v>
      </c>
      <c r="AC21" s="191">
        <v>1641</v>
      </c>
      <c r="AD21" s="191">
        <v>1300</v>
      </c>
      <c r="AE21" s="191">
        <v>1140</v>
      </c>
      <c r="AF21" s="191">
        <v>676</v>
      </c>
      <c r="AG21" s="191">
        <v>628</v>
      </c>
      <c r="AH21" s="196">
        <v>5385</v>
      </c>
      <c r="AI21" s="195">
        <v>5976</v>
      </c>
      <c r="AJ21" s="190">
        <v>38</v>
      </c>
      <c r="AK21" s="191">
        <v>96</v>
      </c>
      <c r="AL21" s="196">
        <v>134</v>
      </c>
      <c r="AM21" s="193">
        <v>0</v>
      </c>
      <c r="AN21" s="191">
        <v>229</v>
      </c>
      <c r="AO21" s="191">
        <v>100</v>
      </c>
      <c r="AP21" s="191">
        <v>177</v>
      </c>
      <c r="AQ21" s="191">
        <v>86</v>
      </c>
      <c r="AR21" s="191">
        <v>22</v>
      </c>
      <c r="AS21" s="196">
        <v>614</v>
      </c>
      <c r="AT21" s="195">
        <v>748</v>
      </c>
      <c r="AU21" s="190">
        <v>0</v>
      </c>
      <c r="AV21" s="191">
        <v>0</v>
      </c>
      <c r="AW21" s="196">
        <v>0</v>
      </c>
      <c r="AX21" s="193">
        <v>0</v>
      </c>
      <c r="AY21" s="191">
        <v>2125</v>
      </c>
      <c r="AZ21" s="191">
        <v>2209</v>
      </c>
      <c r="BA21" s="191">
        <v>1275</v>
      </c>
      <c r="BB21" s="191">
        <v>543</v>
      </c>
      <c r="BC21" s="191">
        <v>574</v>
      </c>
      <c r="BD21" s="194">
        <v>6726</v>
      </c>
      <c r="BE21" s="195">
        <v>6726</v>
      </c>
      <c r="BF21" s="190">
        <v>0</v>
      </c>
      <c r="BG21" s="191">
        <v>0</v>
      </c>
      <c r="BH21" s="196">
        <v>0</v>
      </c>
      <c r="BI21" s="193">
        <v>0</v>
      </c>
      <c r="BJ21" s="191">
        <v>883</v>
      </c>
      <c r="BK21" s="191">
        <v>732</v>
      </c>
      <c r="BL21" s="191">
        <v>387</v>
      </c>
      <c r="BM21" s="191">
        <v>242</v>
      </c>
      <c r="BN21" s="191">
        <v>62</v>
      </c>
      <c r="BO21" s="196">
        <v>2306</v>
      </c>
      <c r="BP21" s="195">
        <v>2306</v>
      </c>
      <c r="BQ21" s="190">
        <v>6</v>
      </c>
      <c r="BR21" s="191">
        <v>23</v>
      </c>
      <c r="BS21" s="196">
        <v>29</v>
      </c>
      <c r="BT21" s="193">
        <v>0</v>
      </c>
      <c r="BU21" s="191">
        <v>250</v>
      </c>
      <c r="BV21" s="191">
        <v>267</v>
      </c>
      <c r="BW21" s="191">
        <v>497</v>
      </c>
      <c r="BX21" s="191">
        <v>193</v>
      </c>
      <c r="BY21" s="191">
        <v>124</v>
      </c>
      <c r="BZ21" s="196">
        <v>1331</v>
      </c>
      <c r="CA21" s="195">
        <v>1360</v>
      </c>
      <c r="CB21" s="190">
        <v>0</v>
      </c>
      <c r="CC21" s="191">
        <v>2</v>
      </c>
      <c r="CD21" s="196">
        <v>2</v>
      </c>
      <c r="CE21" s="193">
        <v>0</v>
      </c>
      <c r="CF21" s="191">
        <v>29</v>
      </c>
      <c r="CG21" s="191">
        <v>32</v>
      </c>
      <c r="CH21" s="191">
        <v>48</v>
      </c>
      <c r="CI21" s="191">
        <v>97</v>
      </c>
      <c r="CJ21" s="191">
        <v>10</v>
      </c>
      <c r="CK21" s="196">
        <v>216</v>
      </c>
      <c r="CL21" s="195">
        <v>218</v>
      </c>
      <c r="CM21" s="190">
        <v>0</v>
      </c>
      <c r="CN21" s="191">
        <v>0</v>
      </c>
      <c r="CO21" s="196">
        <v>0</v>
      </c>
      <c r="CP21" s="193">
        <v>0</v>
      </c>
      <c r="CQ21" s="191">
        <v>0</v>
      </c>
      <c r="CR21" s="191">
        <v>0</v>
      </c>
      <c r="CS21" s="191">
        <v>0</v>
      </c>
      <c r="CT21" s="191">
        <v>0</v>
      </c>
      <c r="CU21" s="191">
        <v>0</v>
      </c>
      <c r="CV21" s="196">
        <v>0</v>
      </c>
      <c r="CW21" s="195">
        <v>0</v>
      </c>
      <c r="CX21" s="190">
        <v>0</v>
      </c>
      <c r="CY21" s="191">
        <v>0</v>
      </c>
      <c r="CZ21" s="196">
        <v>0</v>
      </c>
      <c r="DA21" s="193">
        <v>0</v>
      </c>
      <c r="DB21" s="191">
        <v>0</v>
      </c>
      <c r="DC21" s="191">
        <v>0</v>
      </c>
      <c r="DD21" s="191">
        <v>0</v>
      </c>
      <c r="DE21" s="191">
        <v>0</v>
      </c>
      <c r="DF21" s="191">
        <v>0</v>
      </c>
      <c r="DG21" s="196">
        <v>0</v>
      </c>
      <c r="DH21" s="195">
        <v>0</v>
      </c>
    </row>
    <row r="22" spans="2:112" ht="21" customHeight="1" x14ac:dyDescent="0.2">
      <c r="B22" s="106" t="s">
        <v>20</v>
      </c>
      <c r="C22" s="190">
        <v>0</v>
      </c>
      <c r="D22" s="191">
        <v>0</v>
      </c>
      <c r="E22" s="192">
        <v>0</v>
      </c>
      <c r="F22" s="193">
        <v>0</v>
      </c>
      <c r="G22" s="191">
        <v>3438</v>
      </c>
      <c r="H22" s="191">
        <v>4317</v>
      </c>
      <c r="I22" s="191">
        <v>5851</v>
      </c>
      <c r="J22" s="191">
        <v>5560</v>
      </c>
      <c r="K22" s="191">
        <v>6459</v>
      </c>
      <c r="L22" s="194">
        <v>25625</v>
      </c>
      <c r="M22" s="195">
        <v>25625</v>
      </c>
      <c r="N22" s="190">
        <v>0</v>
      </c>
      <c r="O22" s="191">
        <v>0</v>
      </c>
      <c r="P22" s="196">
        <v>0</v>
      </c>
      <c r="Q22" s="193">
        <v>0</v>
      </c>
      <c r="R22" s="191">
        <v>8</v>
      </c>
      <c r="S22" s="191">
        <v>24</v>
      </c>
      <c r="T22" s="191">
        <v>55</v>
      </c>
      <c r="U22" s="191">
        <v>123</v>
      </c>
      <c r="V22" s="191">
        <v>173</v>
      </c>
      <c r="W22" s="196">
        <v>383</v>
      </c>
      <c r="X22" s="195">
        <v>383</v>
      </c>
      <c r="Y22" s="190">
        <v>294</v>
      </c>
      <c r="Z22" s="191">
        <v>780</v>
      </c>
      <c r="AA22" s="196">
        <v>1074</v>
      </c>
      <c r="AB22" s="193">
        <v>0</v>
      </c>
      <c r="AC22" s="191">
        <v>2405</v>
      </c>
      <c r="AD22" s="191">
        <v>2059</v>
      </c>
      <c r="AE22" s="191">
        <v>1234</v>
      </c>
      <c r="AF22" s="191">
        <v>1462</v>
      </c>
      <c r="AG22" s="191">
        <v>745</v>
      </c>
      <c r="AH22" s="196">
        <v>7905</v>
      </c>
      <c r="AI22" s="195">
        <v>8979</v>
      </c>
      <c r="AJ22" s="190">
        <v>109</v>
      </c>
      <c r="AK22" s="191">
        <v>359</v>
      </c>
      <c r="AL22" s="196">
        <v>468</v>
      </c>
      <c r="AM22" s="193">
        <v>0</v>
      </c>
      <c r="AN22" s="191">
        <v>829</v>
      </c>
      <c r="AO22" s="191">
        <v>640</v>
      </c>
      <c r="AP22" s="191">
        <v>543</v>
      </c>
      <c r="AQ22" s="191">
        <v>445</v>
      </c>
      <c r="AR22" s="191">
        <v>190</v>
      </c>
      <c r="AS22" s="196">
        <v>2647</v>
      </c>
      <c r="AT22" s="195">
        <v>3115</v>
      </c>
      <c r="AU22" s="190">
        <v>0</v>
      </c>
      <c r="AV22" s="191">
        <v>0</v>
      </c>
      <c r="AW22" s="196">
        <v>0</v>
      </c>
      <c r="AX22" s="193">
        <v>0</v>
      </c>
      <c r="AY22" s="191">
        <v>2963</v>
      </c>
      <c r="AZ22" s="191">
        <v>2122</v>
      </c>
      <c r="BA22" s="191">
        <v>1653</v>
      </c>
      <c r="BB22" s="191">
        <v>966</v>
      </c>
      <c r="BC22" s="191">
        <v>256</v>
      </c>
      <c r="BD22" s="194">
        <v>7960</v>
      </c>
      <c r="BE22" s="195">
        <v>7960</v>
      </c>
      <c r="BF22" s="190">
        <v>0</v>
      </c>
      <c r="BG22" s="191">
        <v>0</v>
      </c>
      <c r="BH22" s="196">
        <v>0</v>
      </c>
      <c r="BI22" s="193">
        <v>0</v>
      </c>
      <c r="BJ22" s="191">
        <v>863</v>
      </c>
      <c r="BK22" s="191">
        <v>631</v>
      </c>
      <c r="BL22" s="191">
        <v>311</v>
      </c>
      <c r="BM22" s="191">
        <v>299</v>
      </c>
      <c r="BN22" s="191">
        <v>111</v>
      </c>
      <c r="BO22" s="196">
        <v>2215</v>
      </c>
      <c r="BP22" s="195">
        <v>2215</v>
      </c>
      <c r="BQ22" s="190">
        <v>0</v>
      </c>
      <c r="BR22" s="191">
        <v>0</v>
      </c>
      <c r="BS22" s="196">
        <v>0</v>
      </c>
      <c r="BT22" s="193">
        <v>0</v>
      </c>
      <c r="BU22" s="191">
        <v>315</v>
      </c>
      <c r="BV22" s="191">
        <v>442</v>
      </c>
      <c r="BW22" s="191">
        <v>1139</v>
      </c>
      <c r="BX22" s="191">
        <v>635</v>
      </c>
      <c r="BY22" s="191">
        <v>368</v>
      </c>
      <c r="BZ22" s="196">
        <v>2899</v>
      </c>
      <c r="CA22" s="195">
        <v>2899</v>
      </c>
      <c r="CB22" s="190">
        <v>0</v>
      </c>
      <c r="CC22" s="191">
        <v>0</v>
      </c>
      <c r="CD22" s="196">
        <v>0</v>
      </c>
      <c r="CE22" s="193">
        <v>0</v>
      </c>
      <c r="CF22" s="191">
        <v>18</v>
      </c>
      <c r="CG22" s="191">
        <v>12</v>
      </c>
      <c r="CH22" s="191">
        <v>28</v>
      </c>
      <c r="CI22" s="191">
        <v>22</v>
      </c>
      <c r="CJ22" s="191">
        <v>58</v>
      </c>
      <c r="CK22" s="196">
        <v>138</v>
      </c>
      <c r="CL22" s="195">
        <v>138</v>
      </c>
      <c r="CM22" s="190">
        <v>0</v>
      </c>
      <c r="CN22" s="191">
        <v>0</v>
      </c>
      <c r="CO22" s="196">
        <v>0</v>
      </c>
      <c r="CP22" s="193">
        <v>0</v>
      </c>
      <c r="CQ22" s="191">
        <v>0</v>
      </c>
      <c r="CR22" s="191">
        <v>0</v>
      </c>
      <c r="CS22" s="191">
        <v>0</v>
      </c>
      <c r="CT22" s="191">
        <v>0</v>
      </c>
      <c r="CU22" s="191">
        <v>0</v>
      </c>
      <c r="CV22" s="196">
        <v>0</v>
      </c>
      <c r="CW22" s="195">
        <v>0</v>
      </c>
      <c r="CX22" s="190">
        <v>0</v>
      </c>
      <c r="CY22" s="191">
        <v>0</v>
      </c>
      <c r="CZ22" s="196">
        <v>0</v>
      </c>
      <c r="DA22" s="193">
        <v>0</v>
      </c>
      <c r="DB22" s="191">
        <v>0</v>
      </c>
      <c r="DC22" s="191">
        <v>0</v>
      </c>
      <c r="DD22" s="191">
        <v>0</v>
      </c>
      <c r="DE22" s="191">
        <v>0</v>
      </c>
      <c r="DF22" s="191">
        <v>0</v>
      </c>
      <c r="DG22" s="196">
        <v>0</v>
      </c>
      <c r="DH22" s="195">
        <v>0</v>
      </c>
    </row>
    <row r="23" spans="2:112" ht="21" customHeight="1" x14ac:dyDescent="0.2">
      <c r="B23" s="106" t="s">
        <v>21</v>
      </c>
      <c r="C23" s="190">
        <v>0</v>
      </c>
      <c r="D23" s="191">
        <v>0</v>
      </c>
      <c r="E23" s="192">
        <v>0</v>
      </c>
      <c r="F23" s="193">
        <v>0</v>
      </c>
      <c r="G23" s="191">
        <v>3308</v>
      </c>
      <c r="H23" s="191">
        <v>6131</v>
      </c>
      <c r="I23" s="191">
        <v>7909</v>
      </c>
      <c r="J23" s="191">
        <v>7701</v>
      </c>
      <c r="K23" s="191">
        <v>7907</v>
      </c>
      <c r="L23" s="194">
        <v>32956</v>
      </c>
      <c r="M23" s="195">
        <v>32956</v>
      </c>
      <c r="N23" s="190">
        <v>0</v>
      </c>
      <c r="O23" s="191">
        <v>0</v>
      </c>
      <c r="P23" s="196">
        <v>0</v>
      </c>
      <c r="Q23" s="193">
        <v>0</v>
      </c>
      <c r="R23" s="191">
        <v>0</v>
      </c>
      <c r="S23" s="191">
        <v>8</v>
      </c>
      <c r="T23" s="191">
        <v>39</v>
      </c>
      <c r="U23" s="191">
        <v>121</v>
      </c>
      <c r="V23" s="191">
        <v>213</v>
      </c>
      <c r="W23" s="196">
        <v>381</v>
      </c>
      <c r="X23" s="195">
        <v>381</v>
      </c>
      <c r="Y23" s="190">
        <v>348</v>
      </c>
      <c r="Z23" s="191">
        <v>671</v>
      </c>
      <c r="AA23" s="196">
        <v>1019</v>
      </c>
      <c r="AB23" s="193">
        <v>0</v>
      </c>
      <c r="AC23" s="191">
        <v>1834</v>
      </c>
      <c r="AD23" s="191">
        <v>2824</v>
      </c>
      <c r="AE23" s="191">
        <v>1867</v>
      </c>
      <c r="AF23" s="191">
        <v>1427</v>
      </c>
      <c r="AG23" s="191">
        <v>955</v>
      </c>
      <c r="AH23" s="196">
        <v>8907</v>
      </c>
      <c r="AI23" s="195">
        <v>9926</v>
      </c>
      <c r="AJ23" s="190">
        <v>127</v>
      </c>
      <c r="AK23" s="191">
        <v>313</v>
      </c>
      <c r="AL23" s="196">
        <v>440</v>
      </c>
      <c r="AM23" s="193">
        <v>0</v>
      </c>
      <c r="AN23" s="191">
        <v>255</v>
      </c>
      <c r="AO23" s="191">
        <v>454</v>
      </c>
      <c r="AP23" s="191">
        <v>293</v>
      </c>
      <c r="AQ23" s="191">
        <v>114</v>
      </c>
      <c r="AR23" s="191">
        <v>66</v>
      </c>
      <c r="AS23" s="196">
        <v>1182</v>
      </c>
      <c r="AT23" s="195">
        <v>1622</v>
      </c>
      <c r="AU23" s="190">
        <v>0</v>
      </c>
      <c r="AV23" s="191">
        <v>0</v>
      </c>
      <c r="AW23" s="196">
        <v>0</v>
      </c>
      <c r="AX23" s="193">
        <v>0</v>
      </c>
      <c r="AY23" s="191">
        <v>2909</v>
      </c>
      <c r="AZ23" s="191">
        <v>3332</v>
      </c>
      <c r="BA23" s="191">
        <v>2317</v>
      </c>
      <c r="BB23" s="191">
        <v>1074</v>
      </c>
      <c r="BC23" s="191">
        <v>455</v>
      </c>
      <c r="BD23" s="194">
        <v>10087</v>
      </c>
      <c r="BE23" s="195">
        <v>10087</v>
      </c>
      <c r="BF23" s="190">
        <v>0</v>
      </c>
      <c r="BG23" s="191">
        <v>0</v>
      </c>
      <c r="BH23" s="196">
        <v>0</v>
      </c>
      <c r="BI23" s="193">
        <v>0</v>
      </c>
      <c r="BJ23" s="191">
        <v>392</v>
      </c>
      <c r="BK23" s="191">
        <v>405</v>
      </c>
      <c r="BL23" s="191">
        <v>248</v>
      </c>
      <c r="BM23" s="191">
        <v>120</v>
      </c>
      <c r="BN23" s="191">
        <v>56</v>
      </c>
      <c r="BO23" s="196">
        <v>1221</v>
      </c>
      <c r="BP23" s="195">
        <v>1221</v>
      </c>
      <c r="BQ23" s="190">
        <v>3</v>
      </c>
      <c r="BR23" s="191">
        <v>42</v>
      </c>
      <c r="BS23" s="196">
        <v>45</v>
      </c>
      <c r="BT23" s="193">
        <v>0</v>
      </c>
      <c r="BU23" s="191">
        <v>103</v>
      </c>
      <c r="BV23" s="191">
        <v>496</v>
      </c>
      <c r="BW23" s="191">
        <v>844</v>
      </c>
      <c r="BX23" s="191">
        <v>577</v>
      </c>
      <c r="BY23" s="191">
        <v>467</v>
      </c>
      <c r="BZ23" s="196">
        <v>2487</v>
      </c>
      <c r="CA23" s="195">
        <v>2532</v>
      </c>
      <c r="CB23" s="190">
        <v>0</v>
      </c>
      <c r="CC23" s="191">
        <v>12</v>
      </c>
      <c r="CD23" s="196">
        <v>12</v>
      </c>
      <c r="CE23" s="193">
        <v>0</v>
      </c>
      <c r="CF23" s="191">
        <v>6</v>
      </c>
      <c r="CG23" s="191">
        <v>24</v>
      </c>
      <c r="CH23" s="191">
        <v>34</v>
      </c>
      <c r="CI23" s="191">
        <v>30</v>
      </c>
      <c r="CJ23" s="191">
        <v>39</v>
      </c>
      <c r="CK23" s="196">
        <v>133</v>
      </c>
      <c r="CL23" s="195">
        <v>145</v>
      </c>
      <c r="CM23" s="190">
        <v>0</v>
      </c>
      <c r="CN23" s="191">
        <v>0</v>
      </c>
      <c r="CO23" s="196">
        <v>0</v>
      </c>
      <c r="CP23" s="193">
        <v>0</v>
      </c>
      <c r="CQ23" s="191">
        <v>0</v>
      </c>
      <c r="CR23" s="191">
        <v>0</v>
      </c>
      <c r="CS23" s="191">
        <v>0</v>
      </c>
      <c r="CT23" s="191">
        <v>0</v>
      </c>
      <c r="CU23" s="191">
        <v>0</v>
      </c>
      <c r="CV23" s="196">
        <v>0</v>
      </c>
      <c r="CW23" s="195">
        <v>0</v>
      </c>
      <c r="CX23" s="190">
        <v>0</v>
      </c>
      <c r="CY23" s="191">
        <v>0</v>
      </c>
      <c r="CZ23" s="196">
        <v>0</v>
      </c>
      <c r="DA23" s="193">
        <v>0</v>
      </c>
      <c r="DB23" s="191">
        <v>0</v>
      </c>
      <c r="DC23" s="191">
        <v>0</v>
      </c>
      <c r="DD23" s="191">
        <v>0</v>
      </c>
      <c r="DE23" s="191">
        <v>0</v>
      </c>
      <c r="DF23" s="191">
        <v>0</v>
      </c>
      <c r="DG23" s="196">
        <v>0</v>
      </c>
      <c r="DH23" s="195">
        <v>0</v>
      </c>
    </row>
    <row r="24" spans="2:112" ht="21" customHeight="1" x14ac:dyDescent="0.2">
      <c r="B24" s="106" t="s">
        <v>22</v>
      </c>
      <c r="C24" s="190">
        <v>0</v>
      </c>
      <c r="D24" s="191">
        <v>0</v>
      </c>
      <c r="E24" s="192">
        <v>0</v>
      </c>
      <c r="F24" s="193">
        <v>0</v>
      </c>
      <c r="G24" s="191">
        <v>676</v>
      </c>
      <c r="H24" s="191">
        <v>1434</v>
      </c>
      <c r="I24" s="191">
        <v>1341</v>
      </c>
      <c r="J24" s="191">
        <v>1898</v>
      </c>
      <c r="K24" s="191">
        <v>2070</v>
      </c>
      <c r="L24" s="194">
        <v>7419</v>
      </c>
      <c r="M24" s="195">
        <v>7419</v>
      </c>
      <c r="N24" s="190">
        <v>0</v>
      </c>
      <c r="O24" s="191">
        <v>0</v>
      </c>
      <c r="P24" s="196">
        <v>0</v>
      </c>
      <c r="Q24" s="193">
        <v>0</v>
      </c>
      <c r="R24" s="191">
        <v>12</v>
      </c>
      <c r="S24" s="191">
        <v>3</v>
      </c>
      <c r="T24" s="191">
        <v>14</v>
      </c>
      <c r="U24" s="191">
        <v>38</v>
      </c>
      <c r="V24" s="191">
        <v>97</v>
      </c>
      <c r="W24" s="196">
        <v>164</v>
      </c>
      <c r="X24" s="195">
        <v>164</v>
      </c>
      <c r="Y24" s="190">
        <v>33</v>
      </c>
      <c r="Z24" s="191">
        <v>78</v>
      </c>
      <c r="AA24" s="196">
        <v>111</v>
      </c>
      <c r="AB24" s="193">
        <v>0</v>
      </c>
      <c r="AC24" s="191">
        <v>389</v>
      </c>
      <c r="AD24" s="191">
        <v>621</v>
      </c>
      <c r="AE24" s="191">
        <v>264</v>
      </c>
      <c r="AF24" s="191">
        <v>365</v>
      </c>
      <c r="AG24" s="191">
        <v>323</v>
      </c>
      <c r="AH24" s="196">
        <v>1962</v>
      </c>
      <c r="AI24" s="195">
        <v>2073</v>
      </c>
      <c r="AJ24" s="190">
        <v>0</v>
      </c>
      <c r="AK24" s="191">
        <v>9</v>
      </c>
      <c r="AL24" s="196">
        <v>9</v>
      </c>
      <c r="AM24" s="193">
        <v>0</v>
      </c>
      <c r="AN24" s="191">
        <v>148</v>
      </c>
      <c r="AO24" s="191">
        <v>138</v>
      </c>
      <c r="AP24" s="191">
        <v>24</v>
      </c>
      <c r="AQ24" s="191">
        <v>64</v>
      </c>
      <c r="AR24" s="191">
        <v>2</v>
      </c>
      <c r="AS24" s="196">
        <v>376</v>
      </c>
      <c r="AT24" s="195">
        <v>385</v>
      </c>
      <c r="AU24" s="190">
        <v>0</v>
      </c>
      <c r="AV24" s="191">
        <v>0</v>
      </c>
      <c r="AW24" s="196">
        <v>0</v>
      </c>
      <c r="AX24" s="193">
        <v>0</v>
      </c>
      <c r="AY24" s="191">
        <v>966</v>
      </c>
      <c r="AZ24" s="191">
        <v>1169</v>
      </c>
      <c r="BA24" s="191">
        <v>831</v>
      </c>
      <c r="BB24" s="191">
        <v>327</v>
      </c>
      <c r="BC24" s="191">
        <v>155</v>
      </c>
      <c r="BD24" s="194">
        <v>3448</v>
      </c>
      <c r="BE24" s="195">
        <v>3448</v>
      </c>
      <c r="BF24" s="190">
        <v>0</v>
      </c>
      <c r="BG24" s="191">
        <v>0</v>
      </c>
      <c r="BH24" s="196">
        <v>0</v>
      </c>
      <c r="BI24" s="193">
        <v>0</v>
      </c>
      <c r="BJ24" s="191">
        <v>209</v>
      </c>
      <c r="BK24" s="191">
        <v>237</v>
      </c>
      <c r="BL24" s="191">
        <v>76</v>
      </c>
      <c r="BM24" s="191">
        <v>94</v>
      </c>
      <c r="BN24" s="191">
        <v>48</v>
      </c>
      <c r="BO24" s="196">
        <v>664</v>
      </c>
      <c r="BP24" s="195">
        <v>664</v>
      </c>
      <c r="BQ24" s="190">
        <v>0</v>
      </c>
      <c r="BR24" s="191">
        <v>0</v>
      </c>
      <c r="BS24" s="196">
        <v>0</v>
      </c>
      <c r="BT24" s="193">
        <v>0</v>
      </c>
      <c r="BU24" s="191">
        <v>41</v>
      </c>
      <c r="BV24" s="191">
        <v>117</v>
      </c>
      <c r="BW24" s="191">
        <v>337</v>
      </c>
      <c r="BX24" s="191">
        <v>171</v>
      </c>
      <c r="BY24" s="191">
        <v>28</v>
      </c>
      <c r="BZ24" s="196">
        <v>694</v>
      </c>
      <c r="CA24" s="195">
        <v>694</v>
      </c>
      <c r="CB24" s="190">
        <v>0</v>
      </c>
      <c r="CC24" s="191">
        <v>0</v>
      </c>
      <c r="CD24" s="196">
        <v>0</v>
      </c>
      <c r="CE24" s="193">
        <v>0</v>
      </c>
      <c r="CF24" s="191">
        <v>7</v>
      </c>
      <c r="CG24" s="191">
        <v>0</v>
      </c>
      <c r="CH24" s="191">
        <v>4</v>
      </c>
      <c r="CI24" s="191">
        <v>13</v>
      </c>
      <c r="CJ24" s="191">
        <v>2</v>
      </c>
      <c r="CK24" s="196">
        <v>26</v>
      </c>
      <c r="CL24" s="195">
        <v>26</v>
      </c>
      <c r="CM24" s="190">
        <v>0</v>
      </c>
      <c r="CN24" s="191">
        <v>0</v>
      </c>
      <c r="CO24" s="196">
        <v>0</v>
      </c>
      <c r="CP24" s="193">
        <v>0</v>
      </c>
      <c r="CQ24" s="191">
        <v>0</v>
      </c>
      <c r="CR24" s="191">
        <v>0</v>
      </c>
      <c r="CS24" s="191">
        <v>0</v>
      </c>
      <c r="CT24" s="191">
        <v>0</v>
      </c>
      <c r="CU24" s="191">
        <v>0</v>
      </c>
      <c r="CV24" s="196">
        <v>0</v>
      </c>
      <c r="CW24" s="195">
        <v>0</v>
      </c>
      <c r="CX24" s="190">
        <v>0</v>
      </c>
      <c r="CY24" s="191">
        <v>0</v>
      </c>
      <c r="CZ24" s="196">
        <v>0</v>
      </c>
      <c r="DA24" s="193">
        <v>0</v>
      </c>
      <c r="DB24" s="191">
        <v>0</v>
      </c>
      <c r="DC24" s="191">
        <v>0</v>
      </c>
      <c r="DD24" s="191">
        <v>0</v>
      </c>
      <c r="DE24" s="191">
        <v>0</v>
      </c>
      <c r="DF24" s="191">
        <v>0</v>
      </c>
      <c r="DG24" s="196">
        <v>0</v>
      </c>
      <c r="DH24" s="195">
        <v>0</v>
      </c>
    </row>
    <row r="25" spans="2:112" ht="21" customHeight="1" x14ac:dyDescent="0.2">
      <c r="B25" s="106" t="s">
        <v>23</v>
      </c>
      <c r="C25" s="190">
        <v>0</v>
      </c>
      <c r="D25" s="191">
        <v>0</v>
      </c>
      <c r="E25" s="192">
        <v>0</v>
      </c>
      <c r="F25" s="193">
        <v>0</v>
      </c>
      <c r="G25" s="191">
        <v>1658</v>
      </c>
      <c r="H25" s="191">
        <v>2884</v>
      </c>
      <c r="I25" s="191">
        <v>2439</v>
      </c>
      <c r="J25" s="191">
        <v>4102</v>
      </c>
      <c r="K25" s="191">
        <v>3254</v>
      </c>
      <c r="L25" s="194">
        <v>14337</v>
      </c>
      <c r="M25" s="195">
        <v>14337</v>
      </c>
      <c r="N25" s="190">
        <v>0</v>
      </c>
      <c r="O25" s="191">
        <v>0</v>
      </c>
      <c r="P25" s="196">
        <v>0</v>
      </c>
      <c r="Q25" s="193">
        <v>0</v>
      </c>
      <c r="R25" s="191">
        <v>0</v>
      </c>
      <c r="S25" s="191">
        <v>28</v>
      </c>
      <c r="T25" s="191">
        <v>23</v>
      </c>
      <c r="U25" s="191">
        <v>84</v>
      </c>
      <c r="V25" s="191">
        <v>134</v>
      </c>
      <c r="W25" s="196">
        <v>269</v>
      </c>
      <c r="X25" s="195">
        <v>269</v>
      </c>
      <c r="Y25" s="190">
        <v>244</v>
      </c>
      <c r="Z25" s="191">
        <v>752</v>
      </c>
      <c r="AA25" s="196">
        <v>996</v>
      </c>
      <c r="AB25" s="193">
        <v>0</v>
      </c>
      <c r="AC25" s="191">
        <v>1036</v>
      </c>
      <c r="AD25" s="191">
        <v>1907</v>
      </c>
      <c r="AE25" s="191">
        <v>907</v>
      </c>
      <c r="AF25" s="191">
        <v>948</v>
      </c>
      <c r="AG25" s="191">
        <v>637</v>
      </c>
      <c r="AH25" s="196">
        <v>5435</v>
      </c>
      <c r="AI25" s="195">
        <v>6431</v>
      </c>
      <c r="AJ25" s="190">
        <v>30</v>
      </c>
      <c r="AK25" s="191">
        <v>175</v>
      </c>
      <c r="AL25" s="196">
        <v>205</v>
      </c>
      <c r="AM25" s="193">
        <v>0</v>
      </c>
      <c r="AN25" s="191">
        <v>187</v>
      </c>
      <c r="AO25" s="191">
        <v>190</v>
      </c>
      <c r="AP25" s="191">
        <v>130</v>
      </c>
      <c r="AQ25" s="191">
        <v>112</v>
      </c>
      <c r="AR25" s="191">
        <v>37</v>
      </c>
      <c r="AS25" s="196">
        <v>656</v>
      </c>
      <c r="AT25" s="195">
        <v>861</v>
      </c>
      <c r="AU25" s="190">
        <v>0</v>
      </c>
      <c r="AV25" s="191">
        <v>0</v>
      </c>
      <c r="AW25" s="196">
        <v>0</v>
      </c>
      <c r="AX25" s="193">
        <v>0</v>
      </c>
      <c r="AY25" s="191">
        <v>2358</v>
      </c>
      <c r="AZ25" s="191">
        <v>2469</v>
      </c>
      <c r="BA25" s="191">
        <v>1396</v>
      </c>
      <c r="BB25" s="191">
        <v>778</v>
      </c>
      <c r="BC25" s="191">
        <v>285</v>
      </c>
      <c r="BD25" s="194">
        <v>7286</v>
      </c>
      <c r="BE25" s="195">
        <v>7286</v>
      </c>
      <c r="BF25" s="190">
        <v>0</v>
      </c>
      <c r="BG25" s="191">
        <v>0</v>
      </c>
      <c r="BH25" s="196">
        <v>0</v>
      </c>
      <c r="BI25" s="193">
        <v>0</v>
      </c>
      <c r="BJ25" s="191">
        <v>219</v>
      </c>
      <c r="BK25" s="191">
        <v>296</v>
      </c>
      <c r="BL25" s="191">
        <v>178</v>
      </c>
      <c r="BM25" s="191">
        <v>111</v>
      </c>
      <c r="BN25" s="191">
        <v>37</v>
      </c>
      <c r="BO25" s="196">
        <v>841</v>
      </c>
      <c r="BP25" s="195">
        <v>841</v>
      </c>
      <c r="BQ25" s="190">
        <v>14</v>
      </c>
      <c r="BR25" s="191">
        <v>12</v>
      </c>
      <c r="BS25" s="196">
        <v>26</v>
      </c>
      <c r="BT25" s="193">
        <v>0</v>
      </c>
      <c r="BU25" s="191">
        <v>232</v>
      </c>
      <c r="BV25" s="191">
        <v>274</v>
      </c>
      <c r="BW25" s="191">
        <v>658</v>
      </c>
      <c r="BX25" s="191">
        <v>625</v>
      </c>
      <c r="BY25" s="191">
        <v>134</v>
      </c>
      <c r="BZ25" s="196">
        <v>1923</v>
      </c>
      <c r="CA25" s="195">
        <v>1949</v>
      </c>
      <c r="CB25" s="190">
        <v>0</v>
      </c>
      <c r="CC25" s="191">
        <v>0</v>
      </c>
      <c r="CD25" s="196">
        <v>0</v>
      </c>
      <c r="CE25" s="193">
        <v>0</v>
      </c>
      <c r="CF25" s="191">
        <v>9</v>
      </c>
      <c r="CG25" s="191">
        <v>11</v>
      </c>
      <c r="CH25" s="191">
        <v>0</v>
      </c>
      <c r="CI25" s="191">
        <v>3</v>
      </c>
      <c r="CJ25" s="191">
        <v>31</v>
      </c>
      <c r="CK25" s="196">
        <v>54</v>
      </c>
      <c r="CL25" s="195">
        <v>54</v>
      </c>
      <c r="CM25" s="190">
        <v>0</v>
      </c>
      <c r="CN25" s="191">
        <v>0</v>
      </c>
      <c r="CO25" s="196">
        <v>0</v>
      </c>
      <c r="CP25" s="193">
        <v>0</v>
      </c>
      <c r="CQ25" s="191">
        <v>0</v>
      </c>
      <c r="CR25" s="191">
        <v>0</v>
      </c>
      <c r="CS25" s="191">
        <v>0</v>
      </c>
      <c r="CT25" s="191">
        <v>0</v>
      </c>
      <c r="CU25" s="191">
        <v>0</v>
      </c>
      <c r="CV25" s="196">
        <v>0</v>
      </c>
      <c r="CW25" s="195">
        <v>0</v>
      </c>
      <c r="CX25" s="190">
        <v>0</v>
      </c>
      <c r="CY25" s="191">
        <v>0</v>
      </c>
      <c r="CZ25" s="196">
        <v>0</v>
      </c>
      <c r="DA25" s="193">
        <v>0</v>
      </c>
      <c r="DB25" s="191">
        <v>0</v>
      </c>
      <c r="DC25" s="191">
        <v>0</v>
      </c>
      <c r="DD25" s="191">
        <v>0</v>
      </c>
      <c r="DE25" s="191">
        <v>0</v>
      </c>
      <c r="DF25" s="191">
        <v>0</v>
      </c>
      <c r="DG25" s="196">
        <v>0</v>
      </c>
      <c r="DH25" s="195">
        <v>0</v>
      </c>
    </row>
    <row r="26" spans="2:112" ht="21" customHeight="1" x14ac:dyDescent="0.2">
      <c r="B26" s="106" t="s">
        <v>24</v>
      </c>
      <c r="C26" s="190">
        <v>0</v>
      </c>
      <c r="D26" s="191">
        <v>0</v>
      </c>
      <c r="E26" s="192">
        <v>0</v>
      </c>
      <c r="F26" s="193">
        <v>0</v>
      </c>
      <c r="G26" s="191">
        <v>858</v>
      </c>
      <c r="H26" s="191">
        <v>1086</v>
      </c>
      <c r="I26" s="191">
        <v>1115</v>
      </c>
      <c r="J26" s="191">
        <v>2212</v>
      </c>
      <c r="K26" s="191">
        <v>2351</v>
      </c>
      <c r="L26" s="194">
        <v>7622</v>
      </c>
      <c r="M26" s="195">
        <v>7622</v>
      </c>
      <c r="N26" s="190">
        <v>0</v>
      </c>
      <c r="O26" s="191">
        <v>0</v>
      </c>
      <c r="P26" s="196">
        <v>0</v>
      </c>
      <c r="Q26" s="193">
        <v>0</v>
      </c>
      <c r="R26" s="191">
        <v>0</v>
      </c>
      <c r="S26" s="191">
        <v>14</v>
      </c>
      <c r="T26" s="191">
        <v>16</v>
      </c>
      <c r="U26" s="191">
        <v>49</v>
      </c>
      <c r="V26" s="191">
        <v>123</v>
      </c>
      <c r="W26" s="196">
        <v>202</v>
      </c>
      <c r="X26" s="195">
        <v>202</v>
      </c>
      <c r="Y26" s="190">
        <v>87</v>
      </c>
      <c r="Z26" s="191">
        <v>177</v>
      </c>
      <c r="AA26" s="196">
        <v>264</v>
      </c>
      <c r="AB26" s="193">
        <v>0</v>
      </c>
      <c r="AC26" s="191">
        <v>608</v>
      </c>
      <c r="AD26" s="191">
        <v>646</v>
      </c>
      <c r="AE26" s="191">
        <v>471</v>
      </c>
      <c r="AF26" s="191">
        <v>395</v>
      </c>
      <c r="AG26" s="191">
        <v>309</v>
      </c>
      <c r="AH26" s="196">
        <v>2429</v>
      </c>
      <c r="AI26" s="195">
        <v>2693</v>
      </c>
      <c r="AJ26" s="190">
        <v>0</v>
      </c>
      <c r="AK26" s="191">
        <v>8</v>
      </c>
      <c r="AL26" s="196">
        <v>8</v>
      </c>
      <c r="AM26" s="193">
        <v>0</v>
      </c>
      <c r="AN26" s="191">
        <v>54</v>
      </c>
      <c r="AO26" s="191">
        <v>50</v>
      </c>
      <c r="AP26" s="191">
        <v>40</v>
      </c>
      <c r="AQ26" s="191">
        <v>58</v>
      </c>
      <c r="AR26" s="191">
        <v>28</v>
      </c>
      <c r="AS26" s="196">
        <v>230</v>
      </c>
      <c r="AT26" s="195">
        <v>238</v>
      </c>
      <c r="AU26" s="190">
        <v>0</v>
      </c>
      <c r="AV26" s="191">
        <v>0</v>
      </c>
      <c r="AW26" s="196">
        <v>0</v>
      </c>
      <c r="AX26" s="193">
        <v>0</v>
      </c>
      <c r="AY26" s="191">
        <v>946</v>
      </c>
      <c r="AZ26" s="191">
        <v>701</v>
      </c>
      <c r="BA26" s="191">
        <v>457</v>
      </c>
      <c r="BB26" s="191">
        <v>246</v>
      </c>
      <c r="BC26" s="191">
        <v>137</v>
      </c>
      <c r="BD26" s="194">
        <v>2487</v>
      </c>
      <c r="BE26" s="195">
        <v>2487</v>
      </c>
      <c r="BF26" s="190">
        <v>0</v>
      </c>
      <c r="BG26" s="191">
        <v>0</v>
      </c>
      <c r="BH26" s="196">
        <v>0</v>
      </c>
      <c r="BI26" s="193">
        <v>0</v>
      </c>
      <c r="BJ26" s="191">
        <v>293</v>
      </c>
      <c r="BK26" s="191">
        <v>229</v>
      </c>
      <c r="BL26" s="191">
        <v>163</v>
      </c>
      <c r="BM26" s="191">
        <v>109</v>
      </c>
      <c r="BN26" s="191">
        <v>58</v>
      </c>
      <c r="BO26" s="196">
        <v>852</v>
      </c>
      <c r="BP26" s="195">
        <v>852</v>
      </c>
      <c r="BQ26" s="190">
        <v>8</v>
      </c>
      <c r="BR26" s="191">
        <v>7</v>
      </c>
      <c r="BS26" s="196">
        <v>15</v>
      </c>
      <c r="BT26" s="193">
        <v>0</v>
      </c>
      <c r="BU26" s="191">
        <v>110</v>
      </c>
      <c r="BV26" s="191">
        <v>185</v>
      </c>
      <c r="BW26" s="191">
        <v>207</v>
      </c>
      <c r="BX26" s="191">
        <v>246</v>
      </c>
      <c r="BY26" s="191">
        <v>89</v>
      </c>
      <c r="BZ26" s="196">
        <v>837</v>
      </c>
      <c r="CA26" s="195">
        <v>852</v>
      </c>
      <c r="CB26" s="190">
        <v>0</v>
      </c>
      <c r="CC26" s="191">
        <v>0</v>
      </c>
      <c r="CD26" s="196">
        <v>0</v>
      </c>
      <c r="CE26" s="193">
        <v>0</v>
      </c>
      <c r="CF26" s="191">
        <v>5</v>
      </c>
      <c r="CG26" s="191">
        <v>6</v>
      </c>
      <c r="CH26" s="191">
        <v>4</v>
      </c>
      <c r="CI26" s="191">
        <v>27</v>
      </c>
      <c r="CJ26" s="191">
        <v>10</v>
      </c>
      <c r="CK26" s="196">
        <v>52</v>
      </c>
      <c r="CL26" s="195">
        <v>52</v>
      </c>
      <c r="CM26" s="190">
        <v>0</v>
      </c>
      <c r="CN26" s="191">
        <v>0</v>
      </c>
      <c r="CO26" s="196">
        <v>0</v>
      </c>
      <c r="CP26" s="193">
        <v>0</v>
      </c>
      <c r="CQ26" s="191">
        <v>0</v>
      </c>
      <c r="CR26" s="191">
        <v>0</v>
      </c>
      <c r="CS26" s="191">
        <v>0</v>
      </c>
      <c r="CT26" s="191">
        <v>0</v>
      </c>
      <c r="CU26" s="191">
        <v>0</v>
      </c>
      <c r="CV26" s="196">
        <v>0</v>
      </c>
      <c r="CW26" s="195">
        <v>0</v>
      </c>
      <c r="CX26" s="190">
        <v>0</v>
      </c>
      <c r="CY26" s="191">
        <v>0</v>
      </c>
      <c r="CZ26" s="196">
        <v>0</v>
      </c>
      <c r="DA26" s="193">
        <v>0</v>
      </c>
      <c r="DB26" s="191">
        <v>0</v>
      </c>
      <c r="DC26" s="191">
        <v>0</v>
      </c>
      <c r="DD26" s="191">
        <v>0</v>
      </c>
      <c r="DE26" s="191">
        <v>0</v>
      </c>
      <c r="DF26" s="191">
        <v>0</v>
      </c>
      <c r="DG26" s="196">
        <v>0</v>
      </c>
      <c r="DH26" s="195">
        <v>0</v>
      </c>
    </row>
    <row r="27" spans="2:112" ht="21" customHeight="1" x14ac:dyDescent="0.2">
      <c r="B27" s="106" t="s">
        <v>25</v>
      </c>
      <c r="C27" s="190">
        <v>0</v>
      </c>
      <c r="D27" s="191">
        <v>0</v>
      </c>
      <c r="E27" s="192">
        <v>0</v>
      </c>
      <c r="F27" s="193">
        <v>0</v>
      </c>
      <c r="G27" s="191">
        <v>1225</v>
      </c>
      <c r="H27" s="191">
        <v>1964</v>
      </c>
      <c r="I27" s="191">
        <v>1868</v>
      </c>
      <c r="J27" s="191">
        <v>2518</v>
      </c>
      <c r="K27" s="191">
        <v>2636</v>
      </c>
      <c r="L27" s="194">
        <v>10211</v>
      </c>
      <c r="M27" s="195">
        <v>10211</v>
      </c>
      <c r="N27" s="190">
        <v>0</v>
      </c>
      <c r="O27" s="191">
        <v>0</v>
      </c>
      <c r="P27" s="196">
        <v>0</v>
      </c>
      <c r="Q27" s="193">
        <v>0</v>
      </c>
      <c r="R27" s="191">
        <v>16</v>
      </c>
      <c r="S27" s="191">
        <v>20</v>
      </c>
      <c r="T27" s="191">
        <v>35</v>
      </c>
      <c r="U27" s="191">
        <v>63</v>
      </c>
      <c r="V27" s="191">
        <v>114</v>
      </c>
      <c r="W27" s="196">
        <v>248</v>
      </c>
      <c r="X27" s="195">
        <v>248</v>
      </c>
      <c r="Y27" s="190">
        <v>166</v>
      </c>
      <c r="Z27" s="191">
        <v>443</v>
      </c>
      <c r="AA27" s="196">
        <v>609</v>
      </c>
      <c r="AB27" s="193">
        <v>0</v>
      </c>
      <c r="AC27" s="191">
        <v>511</v>
      </c>
      <c r="AD27" s="191">
        <v>823</v>
      </c>
      <c r="AE27" s="191">
        <v>385</v>
      </c>
      <c r="AF27" s="191">
        <v>358</v>
      </c>
      <c r="AG27" s="191">
        <v>297</v>
      </c>
      <c r="AH27" s="196">
        <v>2374</v>
      </c>
      <c r="AI27" s="195">
        <v>2983</v>
      </c>
      <c r="AJ27" s="190">
        <v>14</v>
      </c>
      <c r="AK27" s="191">
        <v>16</v>
      </c>
      <c r="AL27" s="196">
        <v>30</v>
      </c>
      <c r="AM27" s="193">
        <v>0</v>
      </c>
      <c r="AN27" s="191">
        <v>0</v>
      </c>
      <c r="AO27" s="191">
        <v>142</v>
      </c>
      <c r="AP27" s="191">
        <v>62</v>
      </c>
      <c r="AQ27" s="191">
        <v>24</v>
      </c>
      <c r="AR27" s="191">
        <v>37</v>
      </c>
      <c r="AS27" s="196">
        <v>265</v>
      </c>
      <c r="AT27" s="195">
        <v>295</v>
      </c>
      <c r="AU27" s="190">
        <v>0</v>
      </c>
      <c r="AV27" s="191">
        <v>0</v>
      </c>
      <c r="AW27" s="196">
        <v>0</v>
      </c>
      <c r="AX27" s="193">
        <v>0</v>
      </c>
      <c r="AY27" s="191">
        <v>1427</v>
      </c>
      <c r="AZ27" s="191">
        <v>1037</v>
      </c>
      <c r="BA27" s="191">
        <v>686</v>
      </c>
      <c r="BB27" s="191">
        <v>388</v>
      </c>
      <c r="BC27" s="191">
        <v>162</v>
      </c>
      <c r="BD27" s="194">
        <v>3700</v>
      </c>
      <c r="BE27" s="195">
        <v>3700</v>
      </c>
      <c r="BF27" s="190">
        <v>0</v>
      </c>
      <c r="BG27" s="191">
        <v>0</v>
      </c>
      <c r="BH27" s="196">
        <v>0</v>
      </c>
      <c r="BI27" s="193">
        <v>0</v>
      </c>
      <c r="BJ27" s="191">
        <v>200</v>
      </c>
      <c r="BK27" s="191">
        <v>431</v>
      </c>
      <c r="BL27" s="191">
        <v>212</v>
      </c>
      <c r="BM27" s="191">
        <v>73</v>
      </c>
      <c r="BN27" s="191">
        <v>5</v>
      </c>
      <c r="BO27" s="196">
        <v>921</v>
      </c>
      <c r="BP27" s="195">
        <v>921</v>
      </c>
      <c r="BQ27" s="190">
        <v>0</v>
      </c>
      <c r="BR27" s="191">
        <v>12</v>
      </c>
      <c r="BS27" s="196">
        <v>12</v>
      </c>
      <c r="BT27" s="193">
        <v>0</v>
      </c>
      <c r="BU27" s="191">
        <v>112</v>
      </c>
      <c r="BV27" s="191">
        <v>243</v>
      </c>
      <c r="BW27" s="191">
        <v>276</v>
      </c>
      <c r="BX27" s="191">
        <v>144</v>
      </c>
      <c r="BY27" s="191">
        <v>24</v>
      </c>
      <c r="BZ27" s="196">
        <v>799</v>
      </c>
      <c r="CA27" s="195">
        <v>811</v>
      </c>
      <c r="CB27" s="190">
        <v>0</v>
      </c>
      <c r="CC27" s="191">
        <v>0</v>
      </c>
      <c r="CD27" s="196">
        <v>0</v>
      </c>
      <c r="CE27" s="193">
        <v>0</v>
      </c>
      <c r="CF27" s="191">
        <v>13</v>
      </c>
      <c r="CG27" s="191">
        <v>33</v>
      </c>
      <c r="CH27" s="191">
        <v>64</v>
      </c>
      <c r="CI27" s="191">
        <v>47</v>
      </c>
      <c r="CJ27" s="191">
        <v>0</v>
      </c>
      <c r="CK27" s="196">
        <v>157</v>
      </c>
      <c r="CL27" s="195">
        <v>157</v>
      </c>
      <c r="CM27" s="190">
        <v>0</v>
      </c>
      <c r="CN27" s="191">
        <v>0</v>
      </c>
      <c r="CO27" s="196">
        <v>0</v>
      </c>
      <c r="CP27" s="193">
        <v>0</v>
      </c>
      <c r="CQ27" s="191">
        <v>0</v>
      </c>
      <c r="CR27" s="191">
        <v>0</v>
      </c>
      <c r="CS27" s="191">
        <v>0</v>
      </c>
      <c r="CT27" s="191">
        <v>0</v>
      </c>
      <c r="CU27" s="191">
        <v>0</v>
      </c>
      <c r="CV27" s="196">
        <v>0</v>
      </c>
      <c r="CW27" s="195">
        <v>0</v>
      </c>
      <c r="CX27" s="190">
        <v>0</v>
      </c>
      <c r="CY27" s="191">
        <v>0</v>
      </c>
      <c r="CZ27" s="196">
        <v>0</v>
      </c>
      <c r="DA27" s="193">
        <v>0</v>
      </c>
      <c r="DB27" s="191">
        <v>0</v>
      </c>
      <c r="DC27" s="191">
        <v>0</v>
      </c>
      <c r="DD27" s="191">
        <v>0</v>
      </c>
      <c r="DE27" s="191">
        <v>0</v>
      </c>
      <c r="DF27" s="191">
        <v>0</v>
      </c>
      <c r="DG27" s="196">
        <v>0</v>
      </c>
      <c r="DH27" s="195">
        <v>0</v>
      </c>
    </row>
    <row r="28" spans="2:112" ht="21" customHeight="1" x14ac:dyDescent="0.2">
      <c r="B28" s="106" t="s">
        <v>26</v>
      </c>
      <c r="C28" s="190">
        <v>0</v>
      </c>
      <c r="D28" s="191">
        <v>0</v>
      </c>
      <c r="E28" s="192">
        <v>0</v>
      </c>
      <c r="F28" s="193">
        <v>0</v>
      </c>
      <c r="G28" s="191">
        <v>579</v>
      </c>
      <c r="H28" s="191">
        <v>1867</v>
      </c>
      <c r="I28" s="191">
        <v>1780</v>
      </c>
      <c r="J28" s="191">
        <v>1404</v>
      </c>
      <c r="K28" s="191">
        <v>2390</v>
      </c>
      <c r="L28" s="194">
        <v>8020</v>
      </c>
      <c r="M28" s="195">
        <v>8020</v>
      </c>
      <c r="N28" s="190">
        <v>0</v>
      </c>
      <c r="O28" s="191">
        <v>0</v>
      </c>
      <c r="P28" s="196">
        <v>0</v>
      </c>
      <c r="Q28" s="193">
        <v>0</v>
      </c>
      <c r="R28" s="191">
        <v>0</v>
      </c>
      <c r="S28" s="191">
        <v>3</v>
      </c>
      <c r="T28" s="191">
        <v>23</v>
      </c>
      <c r="U28" s="191">
        <v>38</v>
      </c>
      <c r="V28" s="191">
        <v>96</v>
      </c>
      <c r="W28" s="196">
        <v>160</v>
      </c>
      <c r="X28" s="195">
        <v>160</v>
      </c>
      <c r="Y28" s="190">
        <v>128</v>
      </c>
      <c r="Z28" s="191">
        <v>124</v>
      </c>
      <c r="AA28" s="196">
        <v>252</v>
      </c>
      <c r="AB28" s="193">
        <v>0</v>
      </c>
      <c r="AC28" s="191">
        <v>445</v>
      </c>
      <c r="AD28" s="191">
        <v>739</v>
      </c>
      <c r="AE28" s="191">
        <v>538</v>
      </c>
      <c r="AF28" s="191">
        <v>312</v>
      </c>
      <c r="AG28" s="191">
        <v>383</v>
      </c>
      <c r="AH28" s="196">
        <v>2417</v>
      </c>
      <c r="AI28" s="195">
        <v>2669</v>
      </c>
      <c r="AJ28" s="190">
        <v>15</v>
      </c>
      <c r="AK28" s="191">
        <v>28</v>
      </c>
      <c r="AL28" s="196">
        <v>43</v>
      </c>
      <c r="AM28" s="193">
        <v>0</v>
      </c>
      <c r="AN28" s="191">
        <v>28</v>
      </c>
      <c r="AO28" s="191">
        <v>20</v>
      </c>
      <c r="AP28" s="191">
        <v>39</v>
      </c>
      <c r="AQ28" s="191">
        <v>39</v>
      </c>
      <c r="AR28" s="191">
        <v>34</v>
      </c>
      <c r="AS28" s="196">
        <v>160</v>
      </c>
      <c r="AT28" s="195">
        <v>203</v>
      </c>
      <c r="AU28" s="190">
        <v>0</v>
      </c>
      <c r="AV28" s="191">
        <v>0</v>
      </c>
      <c r="AW28" s="196">
        <v>0</v>
      </c>
      <c r="AX28" s="193">
        <v>0</v>
      </c>
      <c r="AY28" s="191">
        <v>791</v>
      </c>
      <c r="AZ28" s="191">
        <v>1063</v>
      </c>
      <c r="BA28" s="191">
        <v>495</v>
      </c>
      <c r="BB28" s="191">
        <v>169</v>
      </c>
      <c r="BC28" s="191">
        <v>183</v>
      </c>
      <c r="BD28" s="194">
        <v>2701</v>
      </c>
      <c r="BE28" s="195">
        <v>2701</v>
      </c>
      <c r="BF28" s="190">
        <v>0</v>
      </c>
      <c r="BG28" s="191">
        <v>0</v>
      </c>
      <c r="BH28" s="196">
        <v>0</v>
      </c>
      <c r="BI28" s="193">
        <v>0</v>
      </c>
      <c r="BJ28" s="191">
        <v>118</v>
      </c>
      <c r="BK28" s="191">
        <v>193</v>
      </c>
      <c r="BL28" s="191">
        <v>113</v>
      </c>
      <c r="BM28" s="191">
        <v>76</v>
      </c>
      <c r="BN28" s="191">
        <v>40</v>
      </c>
      <c r="BO28" s="196">
        <v>540</v>
      </c>
      <c r="BP28" s="195">
        <v>540</v>
      </c>
      <c r="BQ28" s="190">
        <v>0</v>
      </c>
      <c r="BR28" s="191">
        <v>5</v>
      </c>
      <c r="BS28" s="196">
        <v>5</v>
      </c>
      <c r="BT28" s="193">
        <v>0</v>
      </c>
      <c r="BU28" s="191">
        <v>120</v>
      </c>
      <c r="BV28" s="191">
        <v>301</v>
      </c>
      <c r="BW28" s="191">
        <v>266</v>
      </c>
      <c r="BX28" s="191">
        <v>101</v>
      </c>
      <c r="BY28" s="191">
        <v>221</v>
      </c>
      <c r="BZ28" s="196">
        <v>1009</v>
      </c>
      <c r="CA28" s="195">
        <v>1014</v>
      </c>
      <c r="CB28" s="190">
        <v>0</v>
      </c>
      <c r="CC28" s="191">
        <v>0</v>
      </c>
      <c r="CD28" s="196">
        <v>0</v>
      </c>
      <c r="CE28" s="193">
        <v>0</v>
      </c>
      <c r="CF28" s="191">
        <v>11</v>
      </c>
      <c r="CG28" s="191">
        <v>19</v>
      </c>
      <c r="CH28" s="191">
        <v>5</v>
      </c>
      <c r="CI28" s="191">
        <v>28</v>
      </c>
      <c r="CJ28" s="191">
        <v>13</v>
      </c>
      <c r="CK28" s="196">
        <v>76</v>
      </c>
      <c r="CL28" s="195">
        <v>76</v>
      </c>
      <c r="CM28" s="190">
        <v>0</v>
      </c>
      <c r="CN28" s="191">
        <v>0</v>
      </c>
      <c r="CO28" s="196">
        <v>0</v>
      </c>
      <c r="CP28" s="193">
        <v>0</v>
      </c>
      <c r="CQ28" s="191">
        <v>0</v>
      </c>
      <c r="CR28" s="191">
        <v>0</v>
      </c>
      <c r="CS28" s="191">
        <v>0</v>
      </c>
      <c r="CT28" s="191">
        <v>0</v>
      </c>
      <c r="CU28" s="191">
        <v>0</v>
      </c>
      <c r="CV28" s="196">
        <v>0</v>
      </c>
      <c r="CW28" s="195">
        <v>0</v>
      </c>
      <c r="CX28" s="190">
        <v>0</v>
      </c>
      <c r="CY28" s="191">
        <v>0</v>
      </c>
      <c r="CZ28" s="196">
        <v>0</v>
      </c>
      <c r="DA28" s="193">
        <v>0</v>
      </c>
      <c r="DB28" s="191">
        <v>0</v>
      </c>
      <c r="DC28" s="191">
        <v>0</v>
      </c>
      <c r="DD28" s="191">
        <v>0</v>
      </c>
      <c r="DE28" s="191">
        <v>0</v>
      </c>
      <c r="DF28" s="191">
        <v>0</v>
      </c>
      <c r="DG28" s="196">
        <v>0</v>
      </c>
      <c r="DH28" s="195">
        <v>0</v>
      </c>
    </row>
    <row r="29" spans="2:112" ht="21" customHeight="1" x14ac:dyDescent="0.2">
      <c r="B29" s="106" t="s">
        <v>27</v>
      </c>
      <c r="C29" s="190">
        <v>0</v>
      </c>
      <c r="D29" s="191">
        <v>0</v>
      </c>
      <c r="E29" s="192">
        <v>0</v>
      </c>
      <c r="F29" s="193">
        <v>0</v>
      </c>
      <c r="G29" s="191">
        <v>686</v>
      </c>
      <c r="H29" s="191">
        <v>962</v>
      </c>
      <c r="I29" s="191">
        <v>908</v>
      </c>
      <c r="J29" s="191">
        <v>1531</v>
      </c>
      <c r="K29" s="191">
        <v>1391</v>
      </c>
      <c r="L29" s="194">
        <v>5478</v>
      </c>
      <c r="M29" s="195">
        <v>5478</v>
      </c>
      <c r="N29" s="190">
        <v>0</v>
      </c>
      <c r="O29" s="191">
        <v>0</v>
      </c>
      <c r="P29" s="196">
        <v>0</v>
      </c>
      <c r="Q29" s="193">
        <v>0</v>
      </c>
      <c r="R29" s="191">
        <v>5</v>
      </c>
      <c r="S29" s="191">
        <v>11</v>
      </c>
      <c r="T29" s="191">
        <v>15</v>
      </c>
      <c r="U29" s="191">
        <v>40</v>
      </c>
      <c r="V29" s="191">
        <v>71</v>
      </c>
      <c r="W29" s="196">
        <v>142</v>
      </c>
      <c r="X29" s="195">
        <v>142</v>
      </c>
      <c r="Y29" s="190">
        <v>173</v>
      </c>
      <c r="Z29" s="191">
        <v>322</v>
      </c>
      <c r="AA29" s="196">
        <v>495</v>
      </c>
      <c r="AB29" s="193">
        <v>0</v>
      </c>
      <c r="AC29" s="191">
        <v>241</v>
      </c>
      <c r="AD29" s="191">
        <v>463</v>
      </c>
      <c r="AE29" s="191">
        <v>309</v>
      </c>
      <c r="AF29" s="191">
        <v>293</v>
      </c>
      <c r="AG29" s="191">
        <v>230</v>
      </c>
      <c r="AH29" s="196">
        <v>1536</v>
      </c>
      <c r="AI29" s="195">
        <v>2031</v>
      </c>
      <c r="AJ29" s="190">
        <v>12</v>
      </c>
      <c r="AK29" s="191">
        <v>50</v>
      </c>
      <c r="AL29" s="196">
        <v>62</v>
      </c>
      <c r="AM29" s="193">
        <v>0</v>
      </c>
      <c r="AN29" s="191">
        <v>12</v>
      </c>
      <c r="AO29" s="191">
        <v>0</v>
      </c>
      <c r="AP29" s="191">
        <v>0</v>
      </c>
      <c r="AQ29" s="191">
        <v>0</v>
      </c>
      <c r="AR29" s="191">
        <v>13</v>
      </c>
      <c r="AS29" s="196">
        <v>25</v>
      </c>
      <c r="AT29" s="195">
        <v>87</v>
      </c>
      <c r="AU29" s="190">
        <v>0</v>
      </c>
      <c r="AV29" s="191">
        <v>0</v>
      </c>
      <c r="AW29" s="196">
        <v>0</v>
      </c>
      <c r="AX29" s="193">
        <v>0</v>
      </c>
      <c r="AY29" s="191">
        <v>909</v>
      </c>
      <c r="AZ29" s="191">
        <v>498</v>
      </c>
      <c r="BA29" s="191">
        <v>342</v>
      </c>
      <c r="BB29" s="191">
        <v>256</v>
      </c>
      <c r="BC29" s="191">
        <v>134</v>
      </c>
      <c r="BD29" s="194">
        <v>2139</v>
      </c>
      <c r="BE29" s="195">
        <v>2139</v>
      </c>
      <c r="BF29" s="190">
        <v>0</v>
      </c>
      <c r="BG29" s="191">
        <v>0</v>
      </c>
      <c r="BH29" s="196">
        <v>0</v>
      </c>
      <c r="BI29" s="193">
        <v>0</v>
      </c>
      <c r="BJ29" s="191">
        <v>193</v>
      </c>
      <c r="BK29" s="191">
        <v>202</v>
      </c>
      <c r="BL29" s="191">
        <v>146</v>
      </c>
      <c r="BM29" s="191">
        <v>58</v>
      </c>
      <c r="BN29" s="191">
        <v>31</v>
      </c>
      <c r="BO29" s="196">
        <v>630</v>
      </c>
      <c r="BP29" s="195">
        <v>630</v>
      </c>
      <c r="BQ29" s="190">
        <v>0</v>
      </c>
      <c r="BR29" s="191">
        <v>0</v>
      </c>
      <c r="BS29" s="196">
        <v>0</v>
      </c>
      <c r="BT29" s="193">
        <v>0</v>
      </c>
      <c r="BU29" s="191">
        <v>92</v>
      </c>
      <c r="BV29" s="191">
        <v>132</v>
      </c>
      <c r="BW29" s="191">
        <v>109</v>
      </c>
      <c r="BX29" s="191">
        <v>230</v>
      </c>
      <c r="BY29" s="191">
        <v>64</v>
      </c>
      <c r="BZ29" s="196">
        <v>627</v>
      </c>
      <c r="CA29" s="195">
        <v>627</v>
      </c>
      <c r="CB29" s="190">
        <v>2</v>
      </c>
      <c r="CC29" s="191">
        <v>0</v>
      </c>
      <c r="CD29" s="196">
        <v>2</v>
      </c>
      <c r="CE29" s="193">
        <v>0</v>
      </c>
      <c r="CF29" s="191">
        <v>6</v>
      </c>
      <c r="CG29" s="191">
        <v>9</v>
      </c>
      <c r="CH29" s="191">
        <v>9</v>
      </c>
      <c r="CI29" s="191">
        <v>6</v>
      </c>
      <c r="CJ29" s="191">
        <v>0</v>
      </c>
      <c r="CK29" s="196">
        <v>30</v>
      </c>
      <c r="CL29" s="195">
        <v>32</v>
      </c>
      <c r="CM29" s="190">
        <v>0</v>
      </c>
      <c r="CN29" s="191">
        <v>0</v>
      </c>
      <c r="CO29" s="196">
        <v>0</v>
      </c>
      <c r="CP29" s="193">
        <v>0</v>
      </c>
      <c r="CQ29" s="191">
        <v>0</v>
      </c>
      <c r="CR29" s="191">
        <v>0</v>
      </c>
      <c r="CS29" s="191">
        <v>0</v>
      </c>
      <c r="CT29" s="191">
        <v>0</v>
      </c>
      <c r="CU29" s="191">
        <v>0</v>
      </c>
      <c r="CV29" s="196">
        <v>0</v>
      </c>
      <c r="CW29" s="195">
        <v>0</v>
      </c>
      <c r="CX29" s="190">
        <v>0</v>
      </c>
      <c r="CY29" s="191">
        <v>0</v>
      </c>
      <c r="CZ29" s="196">
        <v>0</v>
      </c>
      <c r="DA29" s="193">
        <v>0</v>
      </c>
      <c r="DB29" s="191">
        <v>0</v>
      </c>
      <c r="DC29" s="191">
        <v>0</v>
      </c>
      <c r="DD29" s="191">
        <v>0</v>
      </c>
      <c r="DE29" s="191">
        <v>0</v>
      </c>
      <c r="DF29" s="191">
        <v>0</v>
      </c>
      <c r="DG29" s="196">
        <v>0</v>
      </c>
      <c r="DH29" s="195">
        <v>0</v>
      </c>
    </row>
    <row r="30" spans="2:112" ht="21" customHeight="1" x14ac:dyDescent="0.2">
      <c r="B30" s="106" t="s">
        <v>28</v>
      </c>
      <c r="C30" s="190">
        <v>0</v>
      </c>
      <c r="D30" s="191">
        <v>0</v>
      </c>
      <c r="E30" s="192">
        <v>0</v>
      </c>
      <c r="F30" s="193">
        <v>0</v>
      </c>
      <c r="G30" s="191">
        <v>169</v>
      </c>
      <c r="H30" s="191">
        <v>232</v>
      </c>
      <c r="I30" s="191">
        <v>191</v>
      </c>
      <c r="J30" s="191">
        <v>193</v>
      </c>
      <c r="K30" s="191">
        <v>541</v>
      </c>
      <c r="L30" s="194">
        <v>1326</v>
      </c>
      <c r="M30" s="195">
        <v>1326</v>
      </c>
      <c r="N30" s="190">
        <v>0</v>
      </c>
      <c r="O30" s="191">
        <v>0</v>
      </c>
      <c r="P30" s="196">
        <v>0</v>
      </c>
      <c r="Q30" s="193">
        <v>0</v>
      </c>
      <c r="R30" s="191">
        <v>5</v>
      </c>
      <c r="S30" s="191">
        <v>8</v>
      </c>
      <c r="T30" s="191">
        <v>0</v>
      </c>
      <c r="U30" s="191">
        <v>10</v>
      </c>
      <c r="V30" s="191">
        <v>9</v>
      </c>
      <c r="W30" s="196">
        <v>32</v>
      </c>
      <c r="X30" s="195">
        <v>32</v>
      </c>
      <c r="Y30" s="190">
        <v>13</v>
      </c>
      <c r="Z30" s="191">
        <v>22</v>
      </c>
      <c r="AA30" s="196">
        <v>35</v>
      </c>
      <c r="AB30" s="193">
        <v>0</v>
      </c>
      <c r="AC30" s="191">
        <v>91</v>
      </c>
      <c r="AD30" s="191">
        <v>65</v>
      </c>
      <c r="AE30" s="191">
        <v>51</v>
      </c>
      <c r="AF30" s="191">
        <v>130</v>
      </c>
      <c r="AG30" s="191">
        <v>41</v>
      </c>
      <c r="AH30" s="196">
        <v>378</v>
      </c>
      <c r="AI30" s="195">
        <v>413</v>
      </c>
      <c r="AJ30" s="190">
        <v>0</v>
      </c>
      <c r="AK30" s="191">
        <v>0</v>
      </c>
      <c r="AL30" s="196">
        <v>0</v>
      </c>
      <c r="AM30" s="193">
        <v>0</v>
      </c>
      <c r="AN30" s="191">
        <v>8</v>
      </c>
      <c r="AO30" s="191">
        <v>0</v>
      </c>
      <c r="AP30" s="191">
        <v>29</v>
      </c>
      <c r="AQ30" s="191">
        <v>9</v>
      </c>
      <c r="AR30" s="191">
        <v>24</v>
      </c>
      <c r="AS30" s="196">
        <v>70</v>
      </c>
      <c r="AT30" s="195">
        <v>70</v>
      </c>
      <c r="AU30" s="190">
        <v>0</v>
      </c>
      <c r="AV30" s="191">
        <v>0</v>
      </c>
      <c r="AW30" s="196">
        <v>0</v>
      </c>
      <c r="AX30" s="193">
        <v>0</v>
      </c>
      <c r="AY30" s="191">
        <v>243</v>
      </c>
      <c r="AZ30" s="191">
        <v>345</v>
      </c>
      <c r="BA30" s="191">
        <v>212</v>
      </c>
      <c r="BB30" s="191">
        <v>106</v>
      </c>
      <c r="BC30" s="191">
        <v>47</v>
      </c>
      <c r="BD30" s="194">
        <v>953</v>
      </c>
      <c r="BE30" s="195">
        <v>953</v>
      </c>
      <c r="BF30" s="190">
        <v>0</v>
      </c>
      <c r="BG30" s="191">
        <v>0</v>
      </c>
      <c r="BH30" s="196">
        <v>0</v>
      </c>
      <c r="BI30" s="193">
        <v>0</v>
      </c>
      <c r="BJ30" s="191">
        <v>70</v>
      </c>
      <c r="BK30" s="191">
        <v>114</v>
      </c>
      <c r="BL30" s="191">
        <v>62</v>
      </c>
      <c r="BM30" s="191">
        <v>61</v>
      </c>
      <c r="BN30" s="191">
        <v>21</v>
      </c>
      <c r="BO30" s="196">
        <v>328</v>
      </c>
      <c r="BP30" s="195">
        <v>328</v>
      </c>
      <c r="BQ30" s="190">
        <v>0</v>
      </c>
      <c r="BR30" s="191">
        <v>3</v>
      </c>
      <c r="BS30" s="196">
        <v>3</v>
      </c>
      <c r="BT30" s="193">
        <v>0</v>
      </c>
      <c r="BU30" s="191">
        <v>13</v>
      </c>
      <c r="BV30" s="191">
        <v>35</v>
      </c>
      <c r="BW30" s="191">
        <v>23</v>
      </c>
      <c r="BX30" s="191">
        <v>26</v>
      </c>
      <c r="BY30" s="191">
        <v>34</v>
      </c>
      <c r="BZ30" s="196">
        <v>131</v>
      </c>
      <c r="CA30" s="195">
        <v>134</v>
      </c>
      <c r="CB30" s="190">
        <v>0</v>
      </c>
      <c r="CC30" s="191">
        <v>0</v>
      </c>
      <c r="CD30" s="196">
        <v>0</v>
      </c>
      <c r="CE30" s="193">
        <v>0</v>
      </c>
      <c r="CF30" s="191">
        <v>2</v>
      </c>
      <c r="CG30" s="191">
        <v>0</v>
      </c>
      <c r="CH30" s="191">
        <v>15</v>
      </c>
      <c r="CI30" s="191">
        <v>10</v>
      </c>
      <c r="CJ30" s="191">
        <v>3</v>
      </c>
      <c r="CK30" s="196">
        <v>30</v>
      </c>
      <c r="CL30" s="195">
        <v>30</v>
      </c>
      <c r="CM30" s="190">
        <v>0</v>
      </c>
      <c r="CN30" s="191">
        <v>0</v>
      </c>
      <c r="CO30" s="196">
        <v>0</v>
      </c>
      <c r="CP30" s="193">
        <v>0</v>
      </c>
      <c r="CQ30" s="191">
        <v>0</v>
      </c>
      <c r="CR30" s="191">
        <v>0</v>
      </c>
      <c r="CS30" s="191">
        <v>0</v>
      </c>
      <c r="CT30" s="191">
        <v>0</v>
      </c>
      <c r="CU30" s="191">
        <v>0</v>
      </c>
      <c r="CV30" s="196">
        <v>0</v>
      </c>
      <c r="CW30" s="195">
        <v>0</v>
      </c>
      <c r="CX30" s="190">
        <v>0</v>
      </c>
      <c r="CY30" s="191">
        <v>0</v>
      </c>
      <c r="CZ30" s="196">
        <v>0</v>
      </c>
      <c r="DA30" s="193">
        <v>0</v>
      </c>
      <c r="DB30" s="191">
        <v>0</v>
      </c>
      <c r="DC30" s="191">
        <v>0</v>
      </c>
      <c r="DD30" s="191">
        <v>0</v>
      </c>
      <c r="DE30" s="191">
        <v>0</v>
      </c>
      <c r="DF30" s="191">
        <v>0</v>
      </c>
      <c r="DG30" s="196">
        <v>0</v>
      </c>
      <c r="DH30" s="195">
        <v>0</v>
      </c>
    </row>
    <row r="31" spans="2:112" ht="21" customHeight="1" x14ac:dyDescent="0.2">
      <c r="B31" s="106" t="s">
        <v>29</v>
      </c>
      <c r="C31" s="190">
        <v>0</v>
      </c>
      <c r="D31" s="191">
        <v>0</v>
      </c>
      <c r="E31" s="192">
        <v>0</v>
      </c>
      <c r="F31" s="193">
        <v>0</v>
      </c>
      <c r="G31" s="191">
        <v>260</v>
      </c>
      <c r="H31" s="191">
        <v>481</v>
      </c>
      <c r="I31" s="191">
        <v>501</v>
      </c>
      <c r="J31" s="191">
        <v>1108</v>
      </c>
      <c r="K31" s="191">
        <v>744</v>
      </c>
      <c r="L31" s="194">
        <v>3094</v>
      </c>
      <c r="M31" s="195">
        <v>3094</v>
      </c>
      <c r="N31" s="190">
        <v>0</v>
      </c>
      <c r="O31" s="191">
        <v>0</v>
      </c>
      <c r="P31" s="196">
        <v>0</v>
      </c>
      <c r="Q31" s="193">
        <v>0</v>
      </c>
      <c r="R31" s="191">
        <v>0</v>
      </c>
      <c r="S31" s="191">
        <v>8</v>
      </c>
      <c r="T31" s="191">
        <v>1</v>
      </c>
      <c r="U31" s="191">
        <v>11</v>
      </c>
      <c r="V31" s="191">
        <v>25</v>
      </c>
      <c r="W31" s="196">
        <v>45</v>
      </c>
      <c r="X31" s="195">
        <v>45</v>
      </c>
      <c r="Y31" s="190">
        <v>9</v>
      </c>
      <c r="Z31" s="191">
        <v>54</v>
      </c>
      <c r="AA31" s="196">
        <v>63</v>
      </c>
      <c r="AB31" s="193">
        <v>0</v>
      </c>
      <c r="AC31" s="191">
        <v>179</v>
      </c>
      <c r="AD31" s="191">
        <v>247</v>
      </c>
      <c r="AE31" s="191">
        <v>117</v>
      </c>
      <c r="AF31" s="191">
        <v>135</v>
      </c>
      <c r="AG31" s="191">
        <v>158</v>
      </c>
      <c r="AH31" s="196">
        <v>836</v>
      </c>
      <c r="AI31" s="195">
        <v>899</v>
      </c>
      <c r="AJ31" s="190">
        <v>0</v>
      </c>
      <c r="AK31" s="191">
        <v>12</v>
      </c>
      <c r="AL31" s="196">
        <v>12</v>
      </c>
      <c r="AM31" s="193">
        <v>0</v>
      </c>
      <c r="AN31" s="191">
        <v>33</v>
      </c>
      <c r="AO31" s="191">
        <v>34</v>
      </c>
      <c r="AP31" s="191">
        <v>24</v>
      </c>
      <c r="AQ31" s="191">
        <v>32</v>
      </c>
      <c r="AR31" s="191">
        <v>0</v>
      </c>
      <c r="AS31" s="196">
        <v>123</v>
      </c>
      <c r="AT31" s="195">
        <v>135</v>
      </c>
      <c r="AU31" s="190">
        <v>0</v>
      </c>
      <c r="AV31" s="191">
        <v>0</v>
      </c>
      <c r="AW31" s="196">
        <v>0</v>
      </c>
      <c r="AX31" s="193">
        <v>0</v>
      </c>
      <c r="AY31" s="191">
        <v>338</v>
      </c>
      <c r="AZ31" s="191">
        <v>344</v>
      </c>
      <c r="BA31" s="191">
        <v>259</v>
      </c>
      <c r="BB31" s="191">
        <v>199</v>
      </c>
      <c r="BC31" s="191">
        <v>44</v>
      </c>
      <c r="BD31" s="194">
        <v>1184</v>
      </c>
      <c r="BE31" s="195">
        <v>1184</v>
      </c>
      <c r="BF31" s="190">
        <v>0</v>
      </c>
      <c r="BG31" s="191">
        <v>0</v>
      </c>
      <c r="BH31" s="196">
        <v>0</v>
      </c>
      <c r="BI31" s="193">
        <v>0</v>
      </c>
      <c r="BJ31" s="191">
        <v>59</v>
      </c>
      <c r="BK31" s="191">
        <v>92</v>
      </c>
      <c r="BL31" s="191">
        <v>92</v>
      </c>
      <c r="BM31" s="191">
        <v>31</v>
      </c>
      <c r="BN31" s="191">
        <v>10</v>
      </c>
      <c r="BO31" s="196">
        <v>284</v>
      </c>
      <c r="BP31" s="195">
        <v>284</v>
      </c>
      <c r="BQ31" s="190">
        <v>0</v>
      </c>
      <c r="BR31" s="191">
        <v>0</v>
      </c>
      <c r="BS31" s="196">
        <v>0</v>
      </c>
      <c r="BT31" s="193">
        <v>0</v>
      </c>
      <c r="BU31" s="191">
        <v>29</v>
      </c>
      <c r="BV31" s="191">
        <v>32</v>
      </c>
      <c r="BW31" s="191">
        <v>109</v>
      </c>
      <c r="BX31" s="191">
        <v>59</v>
      </c>
      <c r="BY31" s="191">
        <v>62</v>
      </c>
      <c r="BZ31" s="196">
        <v>291</v>
      </c>
      <c r="CA31" s="195">
        <v>291</v>
      </c>
      <c r="CB31" s="190">
        <v>0</v>
      </c>
      <c r="CC31" s="191">
        <v>0</v>
      </c>
      <c r="CD31" s="196">
        <v>0</v>
      </c>
      <c r="CE31" s="193">
        <v>0</v>
      </c>
      <c r="CF31" s="191">
        <v>0</v>
      </c>
      <c r="CG31" s="191">
        <v>2</v>
      </c>
      <c r="CH31" s="191">
        <v>93</v>
      </c>
      <c r="CI31" s="191">
        <v>0</v>
      </c>
      <c r="CJ31" s="191">
        <v>0</v>
      </c>
      <c r="CK31" s="196">
        <v>95</v>
      </c>
      <c r="CL31" s="195">
        <v>95</v>
      </c>
      <c r="CM31" s="190">
        <v>0</v>
      </c>
      <c r="CN31" s="191">
        <v>0</v>
      </c>
      <c r="CO31" s="196">
        <v>0</v>
      </c>
      <c r="CP31" s="193">
        <v>0</v>
      </c>
      <c r="CQ31" s="191">
        <v>0</v>
      </c>
      <c r="CR31" s="191">
        <v>0</v>
      </c>
      <c r="CS31" s="191">
        <v>0</v>
      </c>
      <c r="CT31" s="191">
        <v>0</v>
      </c>
      <c r="CU31" s="191">
        <v>0</v>
      </c>
      <c r="CV31" s="196">
        <v>0</v>
      </c>
      <c r="CW31" s="195">
        <v>0</v>
      </c>
      <c r="CX31" s="190">
        <v>0</v>
      </c>
      <c r="CY31" s="191">
        <v>0</v>
      </c>
      <c r="CZ31" s="196">
        <v>0</v>
      </c>
      <c r="DA31" s="193">
        <v>0</v>
      </c>
      <c r="DB31" s="191">
        <v>0</v>
      </c>
      <c r="DC31" s="191">
        <v>0</v>
      </c>
      <c r="DD31" s="191">
        <v>0</v>
      </c>
      <c r="DE31" s="191">
        <v>0</v>
      </c>
      <c r="DF31" s="191">
        <v>0</v>
      </c>
      <c r="DG31" s="196">
        <v>0</v>
      </c>
      <c r="DH31" s="195">
        <v>0</v>
      </c>
    </row>
    <row r="32" spans="2:112" ht="21" customHeight="1" x14ac:dyDescent="0.2">
      <c r="B32" s="106" t="s">
        <v>30</v>
      </c>
      <c r="C32" s="190">
        <v>0</v>
      </c>
      <c r="D32" s="191">
        <v>0</v>
      </c>
      <c r="E32" s="192">
        <v>0</v>
      </c>
      <c r="F32" s="193">
        <v>0</v>
      </c>
      <c r="G32" s="191">
        <v>602</v>
      </c>
      <c r="H32" s="191">
        <v>299</v>
      </c>
      <c r="I32" s="191">
        <v>668</v>
      </c>
      <c r="J32" s="191">
        <v>728</v>
      </c>
      <c r="K32" s="191">
        <v>506</v>
      </c>
      <c r="L32" s="194">
        <v>2803</v>
      </c>
      <c r="M32" s="195">
        <v>2803</v>
      </c>
      <c r="N32" s="190">
        <v>0</v>
      </c>
      <c r="O32" s="191">
        <v>0</v>
      </c>
      <c r="P32" s="196">
        <v>0</v>
      </c>
      <c r="Q32" s="193">
        <v>0</v>
      </c>
      <c r="R32" s="191">
        <v>0</v>
      </c>
      <c r="S32" s="191">
        <v>4</v>
      </c>
      <c r="T32" s="191">
        <v>22</v>
      </c>
      <c r="U32" s="191">
        <v>19</v>
      </c>
      <c r="V32" s="191">
        <v>12</v>
      </c>
      <c r="W32" s="196">
        <v>57</v>
      </c>
      <c r="X32" s="195">
        <v>57</v>
      </c>
      <c r="Y32" s="190">
        <v>19</v>
      </c>
      <c r="Z32" s="191">
        <v>66</v>
      </c>
      <c r="AA32" s="196">
        <v>85</v>
      </c>
      <c r="AB32" s="193">
        <v>0</v>
      </c>
      <c r="AC32" s="191">
        <v>196</v>
      </c>
      <c r="AD32" s="191">
        <v>130</v>
      </c>
      <c r="AE32" s="191">
        <v>175</v>
      </c>
      <c r="AF32" s="191">
        <v>102</v>
      </c>
      <c r="AG32" s="191">
        <v>35</v>
      </c>
      <c r="AH32" s="196">
        <v>638</v>
      </c>
      <c r="AI32" s="195">
        <v>723</v>
      </c>
      <c r="AJ32" s="190">
        <v>6</v>
      </c>
      <c r="AK32" s="191">
        <v>0</v>
      </c>
      <c r="AL32" s="196">
        <v>6</v>
      </c>
      <c r="AM32" s="193">
        <v>0</v>
      </c>
      <c r="AN32" s="191">
        <v>57</v>
      </c>
      <c r="AO32" s="191">
        <v>29</v>
      </c>
      <c r="AP32" s="191">
        <v>26</v>
      </c>
      <c r="AQ32" s="191">
        <v>0</v>
      </c>
      <c r="AR32" s="191">
        <v>0</v>
      </c>
      <c r="AS32" s="196">
        <v>112</v>
      </c>
      <c r="AT32" s="195">
        <v>118</v>
      </c>
      <c r="AU32" s="190">
        <v>0</v>
      </c>
      <c r="AV32" s="191">
        <v>0</v>
      </c>
      <c r="AW32" s="196">
        <v>0</v>
      </c>
      <c r="AX32" s="193">
        <v>0</v>
      </c>
      <c r="AY32" s="191">
        <v>305</v>
      </c>
      <c r="AZ32" s="191">
        <v>280</v>
      </c>
      <c r="BA32" s="191">
        <v>109</v>
      </c>
      <c r="BB32" s="191">
        <v>82</v>
      </c>
      <c r="BC32" s="191">
        <v>25</v>
      </c>
      <c r="BD32" s="194">
        <v>801</v>
      </c>
      <c r="BE32" s="195">
        <v>801</v>
      </c>
      <c r="BF32" s="190">
        <v>0</v>
      </c>
      <c r="BG32" s="191">
        <v>0</v>
      </c>
      <c r="BH32" s="196">
        <v>0</v>
      </c>
      <c r="BI32" s="193">
        <v>0</v>
      </c>
      <c r="BJ32" s="191">
        <v>52</v>
      </c>
      <c r="BK32" s="191">
        <v>52</v>
      </c>
      <c r="BL32" s="191">
        <v>44</v>
      </c>
      <c r="BM32" s="191">
        <v>21</v>
      </c>
      <c r="BN32" s="191">
        <v>8</v>
      </c>
      <c r="BO32" s="196">
        <v>177</v>
      </c>
      <c r="BP32" s="195">
        <v>177</v>
      </c>
      <c r="BQ32" s="190">
        <v>0</v>
      </c>
      <c r="BR32" s="191">
        <v>6</v>
      </c>
      <c r="BS32" s="196">
        <v>6</v>
      </c>
      <c r="BT32" s="193">
        <v>0</v>
      </c>
      <c r="BU32" s="191">
        <v>24</v>
      </c>
      <c r="BV32" s="191">
        <v>44</v>
      </c>
      <c r="BW32" s="191">
        <v>116</v>
      </c>
      <c r="BX32" s="191">
        <v>34</v>
      </c>
      <c r="BY32" s="191">
        <v>30</v>
      </c>
      <c r="BZ32" s="196">
        <v>248</v>
      </c>
      <c r="CA32" s="195">
        <v>254</v>
      </c>
      <c r="CB32" s="190">
        <v>0</v>
      </c>
      <c r="CC32" s="191">
        <v>0</v>
      </c>
      <c r="CD32" s="196">
        <v>0</v>
      </c>
      <c r="CE32" s="193">
        <v>0</v>
      </c>
      <c r="CF32" s="191">
        <v>0</v>
      </c>
      <c r="CG32" s="191">
        <v>3</v>
      </c>
      <c r="CH32" s="191">
        <v>0</v>
      </c>
      <c r="CI32" s="191">
        <v>3</v>
      </c>
      <c r="CJ32" s="191">
        <v>4</v>
      </c>
      <c r="CK32" s="196">
        <v>10</v>
      </c>
      <c r="CL32" s="195">
        <v>10</v>
      </c>
      <c r="CM32" s="190">
        <v>0</v>
      </c>
      <c r="CN32" s="191">
        <v>0</v>
      </c>
      <c r="CO32" s="196">
        <v>0</v>
      </c>
      <c r="CP32" s="193">
        <v>0</v>
      </c>
      <c r="CQ32" s="191">
        <v>0</v>
      </c>
      <c r="CR32" s="191">
        <v>0</v>
      </c>
      <c r="CS32" s="191">
        <v>0</v>
      </c>
      <c r="CT32" s="191">
        <v>0</v>
      </c>
      <c r="CU32" s="191">
        <v>0</v>
      </c>
      <c r="CV32" s="196">
        <v>0</v>
      </c>
      <c r="CW32" s="195">
        <v>0</v>
      </c>
      <c r="CX32" s="190">
        <v>0</v>
      </c>
      <c r="CY32" s="191">
        <v>0</v>
      </c>
      <c r="CZ32" s="196">
        <v>0</v>
      </c>
      <c r="DA32" s="193">
        <v>0</v>
      </c>
      <c r="DB32" s="191">
        <v>0</v>
      </c>
      <c r="DC32" s="191">
        <v>0</v>
      </c>
      <c r="DD32" s="191">
        <v>0</v>
      </c>
      <c r="DE32" s="191">
        <v>0</v>
      </c>
      <c r="DF32" s="191">
        <v>0</v>
      </c>
      <c r="DG32" s="196">
        <v>0</v>
      </c>
      <c r="DH32" s="195">
        <v>0</v>
      </c>
    </row>
    <row r="33" spans="2:112" ht="21" customHeight="1" x14ac:dyDescent="0.2">
      <c r="B33" s="106" t="s">
        <v>31</v>
      </c>
      <c r="C33" s="190">
        <v>0</v>
      </c>
      <c r="D33" s="191">
        <v>0</v>
      </c>
      <c r="E33" s="192">
        <v>0</v>
      </c>
      <c r="F33" s="193">
        <v>0</v>
      </c>
      <c r="G33" s="191">
        <v>180</v>
      </c>
      <c r="H33" s="191">
        <v>190</v>
      </c>
      <c r="I33" s="191">
        <v>302</v>
      </c>
      <c r="J33" s="191">
        <v>473</v>
      </c>
      <c r="K33" s="191">
        <v>41</v>
      </c>
      <c r="L33" s="194">
        <v>1186</v>
      </c>
      <c r="M33" s="195">
        <v>1186</v>
      </c>
      <c r="N33" s="190">
        <v>0</v>
      </c>
      <c r="O33" s="191">
        <v>0</v>
      </c>
      <c r="P33" s="196">
        <v>0</v>
      </c>
      <c r="Q33" s="193">
        <v>0</v>
      </c>
      <c r="R33" s="191">
        <v>13</v>
      </c>
      <c r="S33" s="191">
        <v>26</v>
      </c>
      <c r="T33" s="191">
        <v>9</v>
      </c>
      <c r="U33" s="191">
        <v>24</v>
      </c>
      <c r="V33" s="191">
        <v>37</v>
      </c>
      <c r="W33" s="196">
        <v>109</v>
      </c>
      <c r="X33" s="195">
        <v>109</v>
      </c>
      <c r="Y33" s="190">
        <v>12</v>
      </c>
      <c r="Z33" s="191">
        <v>20</v>
      </c>
      <c r="AA33" s="196">
        <v>32</v>
      </c>
      <c r="AB33" s="193">
        <v>0</v>
      </c>
      <c r="AC33" s="191">
        <v>125</v>
      </c>
      <c r="AD33" s="191">
        <v>199</v>
      </c>
      <c r="AE33" s="191">
        <v>222</v>
      </c>
      <c r="AF33" s="191">
        <v>76</v>
      </c>
      <c r="AG33" s="191">
        <v>129</v>
      </c>
      <c r="AH33" s="196">
        <v>751</v>
      </c>
      <c r="AI33" s="195">
        <v>783</v>
      </c>
      <c r="AJ33" s="190">
        <v>0</v>
      </c>
      <c r="AK33" s="191">
        <v>21</v>
      </c>
      <c r="AL33" s="196">
        <v>21</v>
      </c>
      <c r="AM33" s="193">
        <v>0</v>
      </c>
      <c r="AN33" s="191">
        <v>33</v>
      </c>
      <c r="AO33" s="191">
        <v>12</v>
      </c>
      <c r="AP33" s="191">
        <v>21</v>
      </c>
      <c r="AQ33" s="191">
        <v>24</v>
      </c>
      <c r="AR33" s="191">
        <v>0</v>
      </c>
      <c r="AS33" s="196">
        <v>90</v>
      </c>
      <c r="AT33" s="195">
        <v>111</v>
      </c>
      <c r="AU33" s="190">
        <v>0</v>
      </c>
      <c r="AV33" s="191">
        <v>0</v>
      </c>
      <c r="AW33" s="196">
        <v>0</v>
      </c>
      <c r="AX33" s="193">
        <v>0</v>
      </c>
      <c r="AY33" s="191">
        <v>295</v>
      </c>
      <c r="AZ33" s="191">
        <v>378</v>
      </c>
      <c r="BA33" s="191">
        <v>171</v>
      </c>
      <c r="BB33" s="191">
        <v>40</v>
      </c>
      <c r="BC33" s="191">
        <v>59</v>
      </c>
      <c r="BD33" s="194">
        <v>943</v>
      </c>
      <c r="BE33" s="195">
        <v>943</v>
      </c>
      <c r="BF33" s="190">
        <v>0</v>
      </c>
      <c r="BG33" s="191">
        <v>0</v>
      </c>
      <c r="BH33" s="196">
        <v>0</v>
      </c>
      <c r="BI33" s="193">
        <v>0</v>
      </c>
      <c r="BJ33" s="191">
        <v>58</v>
      </c>
      <c r="BK33" s="191">
        <v>22</v>
      </c>
      <c r="BL33" s="191">
        <v>57</v>
      </c>
      <c r="BM33" s="191">
        <v>22</v>
      </c>
      <c r="BN33" s="191">
        <v>15</v>
      </c>
      <c r="BO33" s="196">
        <v>174</v>
      </c>
      <c r="BP33" s="195">
        <v>174</v>
      </c>
      <c r="BQ33" s="190">
        <v>0</v>
      </c>
      <c r="BR33" s="191">
        <v>3</v>
      </c>
      <c r="BS33" s="196">
        <v>3</v>
      </c>
      <c r="BT33" s="193">
        <v>0</v>
      </c>
      <c r="BU33" s="191">
        <v>40</v>
      </c>
      <c r="BV33" s="191">
        <v>129</v>
      </c>
      <c r="BW33" s="191">
        <v>102</v>
      </c>
      <c r="BX33" s="191">
        <v>170</v>
      </c>
      <c r="BY33" s="191">
        <v>9</v>
      </c>
      <c r="BZ33" s="196">
        <v>450</v>
      </c>
      <c r="CA33" s="195">
        <v>453</v>
      </c>
      <c r="CB33" s="190">
        <v>0</v>
      </c>
      <c r="CC33" s="191">
        <v>0</v>
      </c>
      <c r="CD33" s="196">
        <v>0</v>
      </c>
      <c r="CE33" s="193">
        <v>0</v>
      </c>
      <c r="CF33" s="191">
        <v>0</v>
      </c>
      <c r="CG33" s="191">
        <v>8</v>
      </c>
      <c r="CH33" s="191">
        <v>0</v>
      </c>
      <c r="CI33" s="191">
        <v>9</v>
      </c>
      <c r="CJ33" s="191">
        <v>5</v>
      </c>
      <c r="CK33" s="196">
        <v>22</v>
      </c>
      <c r="CL33" s="195">
        <v>22</v>
      </c>
      <c r="CM33" s="190">
        <v>0</v>
      </c>
      <c r="CN33" s="191">
        <v>0</v>
      </c>
      <c r="CO33" s="196">
        <v>0</v>
      </c>
      <c r="CP33" s="193">
        <v>0</v>
      </c>
      <c r="CQ33" s="191">
        <v>0</v>
      </c>
      <c r="CR33" s="191">
        <v>0</v>
      </c>
      <c r="CS33" s="191">
        <v>0</v>
      </c>
      <c r="CT33" s="191">
        <v>0</v>
      </c>
      <c r="CU33" s="191">
        <v>0</v>
      </c>
      <c r="CV33" s="196">
        <v>0</v>
      </c>
      <c r="CW33" s="195">
        <v>0</v>
      </c>
      <c r="CX33" s="190">
        <v>0</v>
      </c>
      <c r="CY33" s="191">
        <v>0</v>
      </c>
      <c r="CZ33" s="196">
        <v>0</v>
      </c>
      <c r="DA33" s="193">
        <v>0</v>
      </c>
      <c r="DB33" s="191">
        <v>0</v>
      </c>
      <c r="DC33" s="191">
        <v>0</v>
      </c>
      <c r="DD33" s="191">
        <v>0</v>
      </c>
      <c r="DE33" s="191">
        <v>0</v>
      </c>
      <c r="DF33" s="191">
        <v>0</v>
      </c>
      <c r="DG33" s="196">
        <v>0</v>
      </c>
      <c r="DH33" s="195">
        <v>0</v>
      </c>
    </row>
    <row r="34" spans="2:112" ht="21" customHeight="1" x14ac:dyDescent="0.2">
      <c r="B34" s="106" t="s">
        <v>32</v>
      </c>
      <c r="C34" s="190">
        <v>0</v>
      </c>
      <c r="D34" s="191">
        <v>0</v>
      </c>
      <c r="E34" s="192">
        <v>0</v>
      </c>
      <c r="F34" s="193">
        <v>0</v>
      </c>
      <c r="G34" s="191">
        <v>380</v>
      </c>
      <c r="H34" s="191">
        <v>468</v>
      </c>
      <c r="I34" s="191">
        <v>400</v>
      </c>
      <c r="J34" s="191">
        <v>324</v>
      </c>
      <c r="K34" s="191">
        <v>576</v>
      </c>
      <c r="L34" s="194">
        <v>2148</v>
      </c>
      <c r="M34" s="195">
        <v>2148</v>
      </c>
      <c r="N34" s="190">
        <v>0</v>
      </c>
      <c r="O34" s="191">
        <v>0</v>
      </c>
      <c r="P34" s="196">
        <v>0</v>
      </c>
      <c r="Q34" s="193">
        <v>0</v>
      </c>
      <c r="R34" s="191">
        <v>0</v>
      </c>
      <c r="S34" s="191">
        <v>0</v>
      </c>
      <c r="T34" s="191">
        <v>8</v>
      </c>
      <c r="U34" s="191">
        <v>29</v>
      </c>
      <c r="V34" s="191">
        <v>29</v>
      </c>
      <c r="W34" s="196">
        <v>66</v>
      </c>
      <c r="X34" s="195">
        <v>66</v>
      </c>
      <c r="Y34" s="190">
        <v>57</v>
      </c>
      <c r="Z34" s="191">
        <v>55</v>
      </c>
      <c r="AA34" s="196">
        <v>112</v>
      </c>
      <c r="AB34" s="193">
        <v>0</v>
      </c>
      <c r="AC34" s="191">
        <v>202</v>
      </c>
      <c r="AD34" s="191">
        <v>313</v>
      </c>
      <c r="AE34" s="191">
        <v>76</v>
      </c>
      <c r="AF34" s="191">
        <v>106</v>
      </c>
      <c r="AG34" s="191">
        <v>117</v>
      </c>
      <c r="AH34" s="196">
        <v>814</v>
      </c>
      <c r="AI34" s="195">
        <v>926</v>
      </c>
      <c r="AJ34" s="190">
        <v>0</v>
      </c>
      <c r="AK34" s="191">
        <v>12</v>
      </c>
      <c r="AL34" s="196">
        <v>12</v>
      </c>
      <c r="AM34" s="193">
        <v>0</v>
      </c>
      <c r="AN34" s="191">
        <v>60</v>
      </c>
      <c r="AO34" s="191">
        <v>0</v>
      </c>
      <c r="AP34" s="191">
        <v>0</v>
      </c>
      <c r="AQ34" s="191">
        <v>45</v>
      </c>
      <c r="AR34" s="191">
        <v>12</v>
      </c>
      <c r="AS34" s="196">
        <v>117</v>
      </c>
      <c r="AT34" s="195">
        <v>129</v>
      </c>
      <c r="AU34" s="190">
        <v>0</v>
      </c>
      <c r="AV34" s="191">
        <v>0</v>
      </c>
      <c r="AW34" s="196">
        <v>0</v>
      </c>
      <c r="AX34" s="193">
        <v>0</v>
      </c>
      <c r="AY34" s="191">
        <v>463</v>
      </c>
      <c r="AZ34" s="191">
        <v>423</v>
      </c>
      <c r="BA34" s="191">
        <v>248</v>
      </c>
      <c r="BB34" s="191">
        <v>190</v>
      </c>
      <c r="BC34" s="191">
        <v>60</v>
      </c>
      <c r="BD34" s="194">
        <v>1384</v>
      </c>
      <c r="BE34" s="195">
        <v>1384</v>
      </c>
      <c r="BF34" s="190">
        <v>0</v>
      </c>
      <c r="BG34" s="191">
        <v>0</v>
      </c>
      <c r="BH34" s="196">
        <v>0</v>
      </c>
      <c r="BI34" s="193">
        <v>0</v>
      </c>
      <c r="BJ34" s="191">
        <v>59</v>
      </c>
      <c r="BK34" s="191">
        <v>93</v>
      </c>
      <c r="BL34" s="191">
        <v>25</v>
      </c>
      <c r="BM34" s="191">
        <v>21</v>
      </c>
      <c r="BN34" s="191">
        <v>11</v>
      </c>
      <c r="BO34" s="196">
        <v>209</v>
      </c>
      <c r="BP34" s="195">
        <v>209</v>
      </c>
      <c r="BQ34" s="190">
        <v>0</v>
      </c>
      <c r="BR34" s="191">
        <v>13</v>
      </c>
      <c r="BS34" s="196">
        <v>13</v>
      </c>
      <c r="BT34" s="193">
        <v>0</v>
      </c>
      <c r="BU34" s="191">
        <v>43</v>
      </c>
      <c r="BV34" s="191">
        <v>68</v>
      </c>
      <c r="BW34" s="191">
        <v>103</v>
      </c>
      <c r="BX34" s="191">
        <v>93</v>
      </c>
      <c r="BY34" s="191">
        <v>9</v>
      </c>
      <c r="BZ34" s="196">
        <v>316</v>
      </c>
      <c r="CA34" s="195">
        <v>329</v>
      </c>
      <c r="CB34" s="190">
        <v>0</v>
      </c>
      <c r="CC34" s="191">
        <v>0</v>
      </c>
      <c r="CD34" s="196">
        <v>0</v>
      </c>
      <c r="CE34" s="193">
        <v>0</v>
      </c>
      <c r="CF34" s="191">
        <v>0</v>
      </c>
      <c r="CG34" s="191">
        <v>27</v>
      </c>
      <c r="CH34" s="191">
        <v>0</v>
      </c>
      <c r="CI34" s="191">
        <v>0</v>
      </c>
      <c r="CJ34" s="191">
        <v>10</v>
      </c>
      <c r="CK34" s="196">
        <v>37</v>
      </c>
      <c r="CL34" s="195">
        <v>37</v>
      </c>
      <c r="CM34" s="190">
        <v>0</v>
      </c>
      <c r="CN34" s="191">
        <v>0</v>
      </c>
      <c r="CO34" s="196">
        <v>0</v>
      </c>
      <c r="CP34" s="193">
        <v>0</v>
      </c>
      <c r="CQ34" s="191">
        <v>0</v>
      </c>
      <c r="CR34" s="191">
        <v>0</v>
      </c>
      <c r="CS34" s="191">
        <v>0</v>
      </c>
      <c r="CT34" s="191">
        <v>0</v>
      </c>
      <c r="CU34" s="191">
        <v>0</v>
      </c>
      <c r="CV34" s="196">
        <v>0</v>
      </c>
      <c r="CW34" s="195">
        <v>0</v>
      </c>
      <c r="CX34" s="190">
        <v>0</v>
      </c>
      <c r="CY34" s="191">
        <v>0</v>
      </c>
      <c r="CZ34" s="196">
        <v>0</v>
      </c>
      <c r="DA34" s="193">
        <v>0</v>
      </c>
      <c r="DB34" s="191">
        <v>0</v>
      </c>
      <c r="DC34" s="191">
        <v>0</v>
      </c>
      <c r="DD34" s="191">
        <v>0</v>
      </c>
      <c r="DE34" s="191">
        <v>0</v>
      </c>
      <c r="DF34" s="191">
        <v>0</v>
      </c>
      <c r="DG34" s="196">
        <v>0</v>
      </c>
      <c r="DH34" s="195">
        <v>0</v>
      </c>
    </row>
    <row r="35" spans="2:112" ht="21" customHeight="1" x14ac:dyDescent="0.2">
      <c r="B35" s="106" t="s">
        <v>33</v>
      </c>
      <c r="C35" s="190">
        <v>0</v>
      </c>
      <c r="D35" s="191">
        <v>0</v>
      </c>
      <c r="E35" s="192">
        <v>0</v>
      </c>
      <c r="F35" s="193">
        <v>0</v>
      </c>
      <c r="G35" s="191">
        <v>330</v>
      </c>
      <c r="H35" s="191">
        <v>274</v>
      </c>
      <c r="I35" s="191">
        <v>677</v>
      </c>
      <c r="J35" s="191">
        <v>241</v>
      </c>
      <c r="K35" s="191">
        <v>271</v>
      </c>
      <c r="L35" s="194">
        <v>1793</v>
      </c>
      <c r="M35" s="195">
        <v>1793</v>
      </c>
      <c r="N35" s="190">
        <v>0</v>
      </c>
      <c r="O35" s="191">
        <v>0</v>
      </c>
      <c r="P35" s="196">
        <v>0</v>
      </c>
      <c r="Q35" s="193">
        <v>0</v>
      </c>
      <c r="R35" s="191">
        <v>3</v>
      </c>
      <c r="S35" s="191">
        <v>4</v>
      </c>
      <c r="T35" s="191">
        <v>0</v>
      </c>
      <c r="U35" s="191">
        <v>4</v>
      </c>
      <c r="V35" s="191">
        <v>15</v>
      </c>
      <c r="W35" s="196">
        <v>26</v>
      </c>
      <c r="X35" s="195">
        <v>26</v>
      </c>
      <c r="Y35" s="190">
        <v>8</v>
      </c>
      <c r="Z35" s="191">
        <v>19</v>
      </c>
      <c r="AA35" s="196">
        <v>27</v>
      </c>
      <c r="AB35" s="193">
        <v>0</v>
      </c>
      <c r="AC35" s="191">
        <v>138</v>
      </c>
      <c r="AD35" s="191">
        <v>86</v>
      </c>
      <c r="AE35" s="191">
        <v>65</v>
      </c>
      <c r="AF35" s="191">
        <v>18</v>
      </c>
      <c r="AG35" s="191">
        <v>9</v>
      </c>
      <c r="AH35" s="196">
        <v>316</v>
      </c>
      <c r="AI35" s="195">
        <v>343</v>
      </c>
      <c r="AJ35" s="190">
        <v>72</v>
      </c>
      <c r="AK35" s="191">
        <v>167</v>
      </c>
      <c r="AL35" s="196">
        <v>239</v>
      </c>
      <c r="AM35" s="193">
        <v>0</v>
      </c>
      <c r="AN35" s="191">
        <v>465</v>
      </c>
      <c r="AO35" s="191">
        <v>203</v>
      </c>
      <c r="AP35" s="191">
        <v>81</v>
      </c>
      <c r="AQ35" s="191">
        <v>93</v>
      </c>
      <c r="AR35" s="191">
        <v>38</v>
      </c>
      <c r="AS35" s="196">
        <v>880</v>
      </c>
      <c r="AT35" s="195">
        <v>1119</v>
      </c>
      <c r="AU35" s="190">
        <v>0</v>
      </c>
      <c r="AV35" s="191">
        <v>0</v>
      </c>
      <c r="AW35" s="196">
        <v>0</v>
      </c>
      <c r="AX35" s="193">
        <v>0</v>
      </c>
      <c r="AY35" s="191">
        <v>68</v>
      </c>
      <c r="AZ35" s="191">
        <v>75</v>
      </c>
      <c r="BA35" s="191">
        <v>54</v>
      </c>
      <c r="BB35" s="191">
        <v>18</v>
      </c>
      <c r="BC35" s="191">
        <v>20</v>
      </c>
      <c r="BD35" s="194">
        <v>235</v>
      </c>
      <c r="BE35" s="195">
        <v>235</v>
      </c>
      <c r="BF35" s="190">
        <v>0</v>
      </c>
      <c r="BG35" s="191">
        <v>0</v>
      </c>
      <c r="BH35" s="196">
        <v>0</v>
      </c>
      <c r="BI35" s="193">
        <v>0</v>
      </c>
      <c r="BJ35" s="191">
        <v>199</v>
      </c>
      <c r="BK35" s="191">
        <v>100</v>
      </c>
      <c r="BL35" s="191">
        <v>41</v>
      </c>
      <c r="BM35" s="191">
        <v>23</v>
      </c>
      <c r="BN35" s="191">
        <v>11</v>
      </c>
      <c r="BO35" s="196">
        <v>374</v>
      </c>
      <c r="BP35" s="195">
        <v>374</v>
      </c>
      <c r="BQ35" s="190">
        <v>0</v>
      </c>
      <c r="BR35" s="191">
        <v>0</v>
      </c>
      <c r="BS35" s="196">
        <v>0</v>
      </c>
      <c r="BT35" s="193">
        <v>0</v>
      </c>
      <c r="BU35" s="191">
        <v>31</v>
      </c>
      <c r="BV35" s="191">
        <v>95</v>
      </c>
      <c r="BW35" s="191">
        <v>99</v>
      </c>
      <c r="BX35" s="191">
        <v>70</v>
      </c>
      <c r="BY35" s="191">
        <v>84</v>
      </c>
      <c r="BZ35" s="196">
        <v>379</v>
      </c>
      <c r="CA35" s="195">
        <v>379</v>
      </c>
      <c r="CB35" s="190">
        <v>0</v>
      </c>
      <c r="CC35" s="191">
        <v>0</v>
      </c>
      <c r="CD35" s="196">
        <v>0</v>
      </c>
      <c r="CE35" s="193">
        <v>0</v>
      </c>
      <c r="CF35" s="191">
        <v>8</v>
      </c>
      <c r="CG35" s="191">
        <v>0</v>
      </c>
      <c r="CH35" s="191">
        <v>0</v>
      </c>
      <c r="CI35" s="191">
        <v>0</v>
      </c>
      <c r="CJ35" s="191">
        <v>2</v>
      </c>
      <c r="CK35" s="196">
        <v>10</v>
      </c>
      <c r="CL35" s="195">
        <v>10</v>
      </c>
      <c r="CM35" s="190">
        <v>0</v>
      </c>
      <c r="CN35" s="191">
        <v>0</v>
      </c>
      <c r="CO35" s="196">
        <v>0</v>
      </c>
      <c r="CP35" s="193">
        <v>0</v>
      </c>
      <c r="CQ35" s="191">
        <v>0</v>
      </c>
      <c r="CR35" s="191">
        <v>0</v>
      </c>
      <c r="CS35" s="191">
        <v>0</v>
      </c>
      <c r="CT35" s="191">
        <v>0</v>
      </c>
      <c r="CU35" s="191">
        <v>0</v>
      </c>
      <c r="CV35" s="196">
        <v>0</v>
      </c>
      <c r="CW35" s="195">
        <v>0</v>
      </c>
      <c r="CX35" s="190">
        <v>0</v>
      </c>
      <c r="CY35" s="191">
        <v>0</v>
      </c>
      <c r="CZ35" s="196">
        <v>0</v>
      </c>
      <c r="DA35" s="193">
        <v>0</v>
      </c>
      <c r="DB35" s="191">
        <v>0</v>
      </c>
      <c r="DC35" s="191">
        <v>0</v>
      </c>
      <c r="DD35" s="191">
        <v>0</v>
      </c>
      <c r="DE35" s="191">
        <v>0</v>
      </c>
      <c r="DF35" s="191">
        <v>0</v>
      </c>
      <c r="DG35" s="196">
        <v>0</v>
      </c>
      <c r="DH35" s="195">
        <v>0</v>
      </c>
    </row>
    <row r="36" spans="2:112" ht="21" customHeight="1" x14ac:dyDescent="0.2">
      <c r="B36" s="106" t="s">
        <v>34</v>
      </c>
      <c r="C36" s="190">
        <v>0</v>
      </c>
      <c r="D36" s="191">
        <v>0</v>
      </c>
      <c r="E36" s="192">
        <v>0</v>
      </c>
      <c r="F36" s="193">
        <v>0</v>
      </c>
      <c r="G36" s="191">
        <v>78</v>
      </c>
      <c r="H36" s="191">
        <v>480</v>
      </c>
      <c r="I36" s="191">
        <v>280</v>
      </c>
      <c r="J36" s="191">
        <v>284</v>
      </c>
      <c r="K36" s="191">
        <v>269</v>
      </c>
      <c r="L36" s="194">
        <v>1391</v>
      </c>
      <c r="M36" s="195">
        <v>1391</v>
      </c>
      <c r="N36" s="190">
        <v>0</v>
      </c>
      <c r="O36" s="191">
        <v>0</v>
      </c>
      <c r="P36" s="196">
        <v>0</v>
      </c>
      <c r="Q36" s="193">
        <v>0</v>
      </c>
      <c r="R36" s="191">
        <v>0</v>
      </c>
      <c r="S36" s="191">
        <v>0</v>
      </c>
      <c r="T36" s="191">
        <v>0</v>
      </c>
      <c r="U36" s="191">
        <v>4</v>
      </c>
      <c r="V36" s="191">
        <v>34</v>
      </c>
      <c r="W36" s="196">
        <v>38</v>
      </c>
      <c r="X36" s="195">
        <v>38</v>
      </c>
      <c r="Y36" s="190">
        <v>44</v>
      </c>
      <c r="Z36" s="191">
        <v>69</v>
      </c>
      <c r="AA36" s="196">
        <v>113</v>
      </c>
      <c r="AB36" s="193">
        <v>0</v>
      </c>
      <c r="AC36" s="191">
        <v>149</v>
      </c>
      <c r="AD36" s="191">
        <v>127</v>
      </c>
      <c r="AE36" s="191">
        <v>59</v>
      </c>
      <c r="AF36" s="191">
        <v>25</v>
      </c>
      <c r="AG36" s="191">
        <v>124</v>
      </c>
      <c r="AH36" s="196">
        <v>484</v>
      </c>
      <c r="AI36" s="195">
        <v>597</v>
      </c>
      <c r="AJ36" s="190">
        <v>0</v>
      </c>
      <c r="AK36" s="191">
        <v>0</v>
      </c>
      <c r="AL36" s="196">
        <v>0</v>
      </c>
      <c r="AM36" s="193">
        <v>0</v>
      </c>
      <c r="AN36" s="191">
        <v>56</v>
      </c>
      <c r="AO36" s="191">
        <v>37</v>
      </c>
      <c r="AP36" s="191">
        <v>12</v>
      </c>
      <c r="AQ36" s="191">
        <v>51</v>
      </c>
      <c r="AR36" s="191">
        <v>49</v>
      </c>
      <c r="AS36" s="196">
        <v>205</v>
      </c>
      <c r="AT36" s="195">
        <v>205</v>
      </c>
      <c r="AU36" s="190">
        <v>0</v>
      </c>
      <c r="AV36" s="191">
        <v>0</v>
      </c>
      <c r="AW36" s="196">
        <v>0</v>
      </c>
      <c r="AX36" s="193">
        <v>0</v>
      </c>
      <c r="AY36" s="191">
        <v>211</v>
      </c>
      <c r="AZ36" s="191">
        <v>136</v>
      </c>
      <c r="BA36" s="191">
        <v>281</v>
      </c>
      <c r="BB36" s="191">
        <v>123</v>
      </c>
      <c r="BC36" s="191">
        <v>47</v>
      </c>
      <c r="BD36" s="194">
        <v>798</v>
      </c>
      <c r="BE36" s="195">
        <v>798</v>
      </c>
      <c r="BF36" s="190">
        <v>0</v>
      </c>
      <c r="BG36" s="191">
        <v>0</v>
      </c>
      <c r="BH36" s="196">
        <v>0</v>
      </c>
      <c r="BI36" s="193">
        <v>0</v>
      </c>
      <c r="BJ36" s="191">
        <v>65</v>
      </c>
      <c r="BK36" s="191">
        <v>21</v>
      </c>
      <c r="BL36" s="191">
        <v>0</v>
      </c>
      <c r="BM36" s="191">
        <v>15</v>
      </c>
      <c r="BN36" s="191">
        <v>0</v>
      </c>
      <c r="BO36" s="196">
        <v>101</v>
      </c>
      <c r="BP36" s="195">
        <v>101</v>
      </c>
      <c r="BQ36" s="190">
        <v>0</v>
      </c>
      <c r="BR36" s="191">
        <v>0</v>
      </c>
      <c r="BS36" s="196">
        <v>0</v>
      </c>
      <c r="BT36" s="193">
        <v>0</v>
      </c>
      <c r="BU36" s="191">
        <v>10</v>
      </c>
      <c r="BV36" s="191">
        <v>20</v>
      </c>
      <c r="BW36" s="191">
        <v>23</v>
      </c>
      <c r="BX36" s="191">
        <v>23</v>
      </c>
      <c r="BY36" s="191">
        <v>0</v>
      </c>
      <c r="BZ36" s="196">
        <v>76</v>
      </c>
      <c r="CA36" s="195">
        <v>76</v>
      </c>
      <c r="CB36" s="190">
        <v>0</v>
      </c>
      <c r="CC36" s="191">
        <v>0</v>
      </c>
      <c r="CD36" s="196">
        <v>0</v>
      </c>
      <c r="CE36" s="193">
        <v>0</v>
      </c>
      <c r="CF36" s="191">
        <v>5</v>
      </c>
      <c r="CG36" s="191">
        <v>0</v>
      </c>
      <c r="CH36" s="191">
        <v>0</v>
      </c>
      <c r="CI36" s="191">
        <v>0</v>
      </c>
      <c r="CJ36" s="191">
        <v>0</v>
      </c>
      <c r="CK36" s="196">
        <v>5</v>
      </c>
      <c r="CL36" s="195">
        <v>5</v>
      </c>
      <c r="CM36" s="190">
        <v>0</v>
      </c>
      <c r="CN36" s="191">
        <v>0</v>
      </c>
      <c r="CO36" s="196">
        <v>0</v>
      </c>
      <c r="CP36" s="193">
        <v>0</v>
      </c>
      <c r="CQ36" s="191">
        <v>0</v>
      </c>
      <c r="CR36" s="191">
        <v>0</v>
      </c>
      <c r="CS36" s="191">
        <v>0</v>
      </c>
      <c r="CT36" s="191">
        <v>0</v>
      </c>
      <c r="CU36" s="191">
        <v>0</v>
      </c>
      <c r="CV36" s="196">
        <v>0</v>
      </c>
      <c r="CW36" s="195">
        <v>0</v>
      </c>
      <c r="CX36" s="190">
        <v>0</v>
      </c>
      <c r="CY36" s="191">
        <v>0</v>
      </c>
      <c r="CZ36" s="196">
        <v>0</v>
      </c>
      <c r="DA36" s="193">
        <v>0</v>
      </c>
      <c r="DB36" s="191">
        <v>0</v>
      </c>
      <c r="DC36" s="191">
        <v>0</v>
      </c>
      <c r="DD36" s="191">
        <v>0</v>
      </c>
      <c r="DE36" s="191">
        <v>0</v>
      </c>
      <c r="DF36" s="191">
        <v>0</v>
      </c>
      <c r="DG36" s="196">
        <v>0</v>
      </c>
      <c r="DH36" s="195">
        <v>0</v>
      </c>
    </row>
    <row r="37" spans="2:112" ht="21" customHeight="1" x14ac:dyDescent="0.2">
      <c r="B37" s="106" t="s">
        <v>35</v>
      </c>
      <c r="C37" s="190">
        <v>0</v>
      </c>
      <c r="D37" s="191">
        <v>0</v>
      </c>
      <c r="E37" s="192">
        <v>0</v>
      </c>
      <c r="F37" s="193">
        <v>0</v>
      </c>
      <c r="G37" s="191">
        <v>1319</v>
      </c>
      <c r="H37" s="191">
        <v>1342</v>
      </c>
      <c r="I37" s="191">
        <v>1044</v>
      </c>
      <c r="J37" s="191">
        <v>1652</v>
      </c>
      <c r="K37" s="191">
        <v>1307</v>
      </c>
      <c r="L37" s="194">
        <v>6664</v>
      </c>
      <c r="M37" s="195">
        <v>6664</v>
      </c>
      <c r="N37" s="190">
        <v>0</v>
      </c>
      <c r="O37" s="191">
        <v>0</v>
      </c>
      <c r="P37" s="196">
        <v>0</v>
      </c>
      <c r="Q37" s="193">
        <v>0</v>
      </c>
      <c r="R37" s="191">
        <v>0</v>
      </c>
      <c r="S37" s="191">
        <v>8</v>
      </c>
      <c r="T37" s="191">
        <v>22</v>
      </c>
      <c r="U37" s="191">
        <v>69</v>
      </c>
      <c r="V37" s="191">
        <v>52</v>
      </c>
      <c r="W37" s="196">
        <v>151</v>
      </c>
      <c r="X37" s="195">
        <v>151</v>
      </c>
      <c r="Y37" s="190">
        <v>35</v>
      </c>
      <c r="Z37" s="191">
        <v>113</v>
      </c>
      <c r="AA37" s="196">
        <v>148</v>
      </c>
      <c r="AB37" s="193">
        <v>0</v>
      </c>
      <c r="AC37" s="191">
        <v>472</v>
      </c>
      <c r="AD37" s="191">
        <v>355</v>
      </c>
      <c r="AE37" s="191">
        <v>173</v>
      </c>
      <c r="AF37" s="191">
        <v>223</v>
      </c>
      <c r="AG37" s="191">
        <v>314</v>
      </c>
      <c r="AH37" s="196">
        <v>1537</v>
      </c>
      <c r="AI37" s="195">
        <v>1685</v>
      </c>
      <c r="AJ37" s="190">
        <v>56</v>
      </c>
      <c r="AK37" s="191">
        <v>56</v>
      </c>
      <c r="AL37" s="196">
        <v>112</v>
      </c>
      <c r="AM37" s="193">
        <v>0</v>
      </c>
      <c r="AN37" s="191">
        <v>244</v>
      </c>
      <c r="AO37" s="191">
        <v>162</v>
      </c>
      <c r="AP37" s="191">
        <v>146</v>
      </c>
      <c r="AQ37" s="191">
        <v>201</v>
      </c>
      <c r="AR37" s="191">
        <v>67</v>
      </c>
      <c r="AS37" s="196">
        <v>820</v>
      </c>
      <c r="AT37" s="195">
        <v>932</v>
      </c>
      <c r="AU37" s="190">
        <v>0</v>
      </c>
      <c r="AV37" s="191">
        <v>0</v>
      </c>
      <c r="AW37" s="196">
        <v>0</v>
      </c>
      <c r="AX37" s="193">
        <v>0</v>
      </c>
      <c r="AY37" s="191">
        <v>1241</v>
      </c>
      <c r="AZ37" s="191">
        <v>746</v>
      </c>
      <c r="BA37" s="191">
        <v>489</v>
      </c>
      <c r="BB37" s="191">
        <v>341</v>
      </c>
      <c r="BC37" s="191">
        <v>233</v>
      </c>
      <c r="BD37" s="194">
        <v>3050</v>
      </c>
      <c r="BE37" s="195">
        <v>3050</v>
      </c>
      <c r="BF37" s="190">
        <v>0</v>
      </c>
      <c r="BG37" s="191">
        <v>0</v>
      </c>
      <c r="BH37" s="196">
        <v>0</v>
      </c>
      <c r="BI37" s="193">
        <v>0</v>
      </c>
      <c r="BJ37" s="191">
        <v>442</v>
      </c>
      <c r="BK37" s="191">
        <v>266</v>
      </c>
      <c r="BL37" s="191">
        <v>105</v>
      </c>
      <c r="BM37" s="191">
        <v>66</v>
      </c>
      <c r="BN37" s="191">
        <v>17</v>
      </c>
      <c r="BO37" s="196">
        <v>896</v>
      </c>
      <c r="BP37" s="195">
        <v>896</v>
      </c>
      <c r="BQ37" s="190">
        <v>0</v>
      </c>
      <c r="BR37" s="191">
        <v>0</v>
      </c>
      <c r="BS37" s="196">
        <v>0</v>
      </c>
      <c r="BT37" s="193">
        <v>0</v>
      </c>
      <c r="BU37" s="191">
        <v>70</v>
      </c>
      <c r="BV37" s="191">
        <v>64</v>
      </c>
      <c r="BW37" s="191">
        <v>105</v>
      </c>
      <c r="BX37" s="191">
        <v>114</v>
      </c>
      <c r="BY37" s="191">
        <v>98</v>
      </c>
      <c r="BZ37" s="196">
        <v>451</v>
      </c>
      <c r="CA37" s="195">
        <v>451</v>
      </c>
      <c r="CB37" s="190">
        <v>0</v>
      </c>
      <c r="CC37" s="191">
        <v>0</v>
      </c>
      <c r="CD37" s="196">
        <v>0</v>
      </c>
      <c r="CE37" s="193">
        <v>0</v>
      </c>
      <c r="CF37" s="191">
        <v>6</v>
      </c>
      <c r="CG37" s="191">
        <v>20</v>
      </c>
      <c r="CH37" s="191">
        <v>5</v>
      </c>
      <c r="CI37" s="191">
        <v>0</v>
      </c>
      <c r="CJ37" s="191">
        <v>25</v>
      </c>
      <c r="CK37" s="196">
        <v>56</v>
      </c>
      <c r="CL37" s="195">
        <v>56</v>
      </c>
      <c r="CM37" s="190">
        <v>0</v>
      </c>
      <c r="CN37" s="191">
        <v>0</v>
      </c>
      <c r="CO37" s="196">
        <v>0</v>
      </c>
      <c r="CP37" s="193">
        <v>0</v>
      </c>
      <c r="CQ37" s="191">
        <v>0</v>
      </c>
      <c r="CR37" s="191">
        <v>0</v>
      </c>
      <c r="CS37" s="191">
        <v>0</v>
      </c>
      <c r="CT37" s="191">
        <v>0</v>
      </c>
      <c r="CU37" s="191">
        <v>0</v>
      </c>
      <c r="CV37" s="196">
        <v>0</v>
      </c>
      <c r="CW37" s="195">
        <v>0</v>
      </c>
      <c r="CX37" s="190">
        <v>0</v>
      </c>
      <c r="CY37" s="191">
        <v>0</v>
      </c>
      <c r="CZ37" s="196">
        <v>0</v>
      </c>
      <c r="DA37" s="193">
        <v>0</v>
      </c>
      <c r="DB37" s="191">
        <v>0</v>
      </c>
      <c r="DC37" s="191">
        <v>0</v>
      </c>
      <c r="DD37" s="191">
        <v>0</v>
      </c>
      <c r="DE37" s="191">
        <v>0</v>
      </c>
      <c r="DF37" s="191">
        <v>0</v>
      </c>
      <c r="DG37" s="196">
        <v>0</v>
      </c>
      <c r="DH37" s="195">
        <v>0</v>
      </c>
    </row>
    <row r="38" spans="2:112" ht="21" customHeight="1" x14ac:dyDescent="0.2">
      <c r="B38" s="106" t="s">
        <v>36</v>
      </c>
      <c r="C38" s="190">
        <v>0</v>
      </c>
      <c r="D38" s="191">
        <v>0</v>
      </c>
      <c r="E38" s="192">
        <v>0</v>
      </c>
      <c r="F38" s="193">
        <v>0</v>
      </c>
      <c r="G38" s="191">
        <v>685</v>
      </c>
      <c r="H38" s="191">
        <v>1643</v>
      </c>
      <c r="I38" s="191">
        <v>1481</v>
      </c>
      <c r="J38" s="191">
        <v>988</v>
      </c>
      <c r="K38" s="191">
        <v>2070</v>
      </c>
      <c r="L38" s="194">
        <v>6867</v>
      </c>
      <c r="M38" s="195">
        <v>6867</v>
      </c>
      <c r="N38" s="190">
        <v>0</v>
      </c>
      <c r="O38" s="191">
        <v>4</v>
      </c>
      <c r="P38" s="196">
        <v>4</v>
      </c>
      <c r="Q38" s="193">
        <v>0</v>
      </c>
      <c r="R38" s="191">
        <v>20</v>
      </c>
      <c r="S38" s="191">
        <v>24</v>
      </c>
      <c r="T38" s="191">
        <v>49</v>
      </c>
      <c r="U38" s="191">
        <v>47</v>
      </c>
      <c r="V38" s="191">
        <v>43</v>
      </c>
      <c r="W38" s="196">
        <v>183</v>
      </c>
      <c r="X38" s="195">
        <v>187</v>
      </c>
      <c r="Y38" s="190">
        <v>34</v>
      </c>
      <c r="Z38" s="191">
        <v>148</v>
      </c>
      <c r="AA38" s="196">
        <v>182</v>
      </c>
      <c r="AB38" s="193">
        <v>0</v>
      </c>
      <c r="AC38" s="191">
        <v>546</v>
      </c>
      <c r="AD38" s="191">
        <v>408</v>
      </c>
      <c r="AE38" s="191">
        <v>494</v>
      </c>
      <c r="AF38" s="191">
        <v>322</v>
      </c>
      <c r="AG38" s="191">
        <v>372</v>
      </c>
      <c r="AH38" s="196">
        <v>2142</v>
      </c>
      <c r="AI38" s="195">
        <v>2324</v>
      </c>
      <c r="AJ38" s="190">
        <v>12</v>
      </c>
      <c r="AK38" s="191">
        <v>104</v>
      </c>
      <c r="AL38" s="196">
        <v>116</v>
      </c>
      <c r="AM38" s="193">
        <v>0</v>
      </c>
      <c r="AN38" s="191">
        <v>150</v>
      </c>
      <c r="AO38" s="191">
        <v>187</v>
      </c>
      <c r="AP38" s="191">
        <v>70</v>
      </c>
      <c r="AQ38" s="191">
        <v>48</v>
      </c>
      <c r="AR38" s="191">
        <v>59</v>
      </c>
      <c r="AS38" s="196">
        <v>514</v>
      </c>
      <c r="AT38" s="195">
        <v>630</v>
      </c>
      <c r="AU38" s="190">
        <v>0</v>
      </c>
      <c r="AV38" s="191">
        <v>0</v>
      </c>
      <c r="AW38" s="196">
        <v>0</v>
      </c>
      <c r="AX38" s="193">
        <v>0</v>
      </c>
      <c r="AY38" s="191">
        <v>625</v>
      </c>
      <c r="AZ38" s="191">
        <v>793</v>
      </c>
      <c r="BA38" s="191">
        <v>488</v>
      </c>
      <c r="BB38" s="191">
        <v>293</v>
      </c>
      <c r="BC38" s="191">
        <v>337</v>
      </c>
      <c r="BD38" s="194">
        <v>2536</v>
      </c>
      <c r="BE38" s="195">
        <v>2536</v>
      </c>
      <c r="BF38" s="190">
        <v>0</v>
      </c>
      <c r="BG38" s="191">
        <v>0</v>
      </c>
      <c r="BH38" s="196">
        <v>0</v>
      </c>
      <c r="BI38" s="193">
        <v>0</v>
      </c>
      <c r="BJ38" s="191">
        <v>253</v>
      </c>
      <c r="BK38" s="191">
        <v>262</v>
      </c>
      <c r="BL38" s="191">
        <v>167</v>
      </c>
      <c r="BM38" s="191">
        <v>62</v>
      </c>
      <c r="BN38" s="191">
        <v>17</v>
      </c>
      <c r="BO38" s="196">
        <v>761</v>
      </c>
      <c r="BP38" s="195">
        <v>761</v>
      </c>
      <c r="BQ38" s="190">
        <v>0</v>
      </c>
      <c r="BR38" s="191">
        <v>2</v>
      </c>
      <c r="BS38" s="196">
        <v>2</v>
      </c>
      <c r="BT38" s="193">
        <v>0</v>
      </c>
      <c r="BU38" s="191">
        <v>73</v>
      </c>
      <c r="BV38" s="191">
        <v>153</v>
      </c>
      <c r="BW38" s="191">
        <v>212</v>
      </c>
      <c r="BX38" s="191">
        <v>239</v>
      </c>
      <c r="BY38" s="191">
        <v>140</v>
      </c>
      <c r="BZ38" s="196">
        <v>817</v>
      </c>
      <c r="CA38" s="195">
        <v>819</v>
      </c>
      <c r="CB38" s="190">
        <v>0</v>
      </c>
      <c r="CC38" s="191">
        <v>0</v>
      </c>
      <c r="CD38" s="196">
        <v>0</v>
      </c>
      <c r="CE38" s="193">
        <v>0</v>
      </c>
      <c r="CF38" s="191">
        <v>20</v>
      </c>
      <c r="CG38" s="191">
        <v>0</v>
      </c>
      <c r="CH38" s="191">
        <v>0</v>
      </c>
      <c r="CI38" s="191">
        <v>9</v>
      </c>
      <c r="CJ38" s="191">
        <v>0</v>
      </c>
      <c r="CK38" s="196">
        <v>29</v>
      </c>
      <c r="CL38" s="195">
        <v>29</v>
      </c>
      <c r="CM38" s="190">
        <v>0</v>
      </c>
      <c r="CN38" s="191">
        <v>0</v>
      </c>
      <c r="CO38" s="196">
        <v>0</v>
      </c>
      <c r="CP38" s="193">
        <v>0</v>
      </c>
      <c r="CQ38" s="191">
        <v>0</v>
      </c>
      <c r="CR38" s="191">
        <v>0</v>
      </c>
      <c r="CS38" s="191">
        <v>0</v>
      </c>
      <c r="CT38" s="191">
        <v>0</v>
      </c>
      <c r="CU38" s="191">
        <v>0</v>
      </c>
      <c r="CV38" s="196">
        <v>0</v>
      </c>
      <c r="CW38" s="195">
        <v>0</v>
      </c>
      <c r="CX38" s="190">
        <v>0</v>
      </c>
      <c r="CY38" s="191">
        <v>0</v>
      </c>
      <c r="CZ38" s="196">
        <v>0</v>
      </c>
      <c r="DA38" s="193">
        <v>0</v>
      </c>
      <c r="DB38" s="191">
        <v>0</v>
      </c>
      <c r="DC38" s="191">
        <v>0</v>
      </c>
      <c r="DD38" s="191">
        <v>0</v>
      </c>
      <c r="DE38" s="191">
        <v>0</v>
      </c>
      <c r="DF38" s="191">
        <v>0</v>
      </c>
      <c r="DG38" s="196">
        <v>0</v>
      </c>
      <c r="DH38" s="195">
        <v>0</v>
      </c>
    </row>
    <row r="39" spans="2:112" ht="21" customHeight="1" thickBot="1" x14ac:dyDescent="0.25">
      <c r="B39" s="108" t="s">
        <v>37</v>
      </c>
      <c r="C39" s="197">
        <v>0</v>
      </c>
      <c r="D39" s="198">
        <v>0</v>
      </c>
      <c r="E39" s="199">
        <v>0</v>
      </c>
      <c r="F39" s="200">
        <v>0</v>
      </c>
      <c r="G39" s="198">
        <v>29</v>
      </c>
      <c r="H39" s="198">
        <v>35</v>
      </c>
      <c r="I39" s="198">
        <v>149</v>
      </c>
      <c r="J39" s="198">
        <v>4</v>
      </c>
      <c r="K39" s="198">
        <v>190</v>
      </c>
      <c r="L39" s="201">
        <v>407</v>
      </c>
      <c r="M39" s="202">
        <v>407</v>
      </c>
      <c r="N39" s="197">
        <v>0</v>
      </c>
      <c r="O39" s="198">
        <v>0</v>
      </c>
      <c r="P39" s="203">
        <v>0</v>
      </c>
      <c r="Q39" s="200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2</v>
      </c>
      <c r="W39" s="203">
        <v>2</v>
      </c>
      <c r="X39" s="202">
        <v>2</v>
      </c>
      <c r="Y39" s="197">
        <v>8</v>
      </c>
      <c r="Z39" s="198">
        <v>11</v>
      </c>
      <c r="AA39" s="203">
        <v>19</v>
      </c>
      <c r="AB39" s="200">
        <v>0</v>
      </c>
      <c r="AC39" s="198">
        <v>17</v>
      </c>
      <c r="AD39" s="198">
        <v>55</v>
      </c>
      <c r="AE39" s="198">
        <v>25</v>
      </c>
      <c r="AF39" s="198">
        <v>29</v>
      </c>
      <c r="AG39" s="198">
        <v>72</v>
      </c>
      <c r="AH39" s="203">
        <v>198</v>
      </c>
      <c r="AI39" s="202">
        <v>217</v>
      </c>
      <c r="AJ39" s="197">
        <v>0</v>
      </c>
      <c r="AK39" s="198">
        <v>0</v>
      </c>
      <c r="AL39" s="203">
        <v>0</v>
      </c>
      <c r="AM39" s="200">
        <v>0</v>
      </c>
      <c r="AN39" s="198">
        <v>8</v>
      </c>
      <c r="AO39" s="198">
        <v>8</v>
      </c>
      <c r="AP39" s="198">
        <v>0</v>
      </c>
      <c r="AQ39" s="198">
        <v>2</v>
      </c>
      <c r="AR39" s="198">
        <v>8</v>
      </c>
      <c r="AS39" s="203">
        <v>26</v>
      </c>
      <c r="AT39" s="202">
        <v>26</v>
      </c>
      <c r="AU39" s="197">
        <v>0</v>
      </c>
      <c r="AV39" s="198">
        <v>0</v>
      </c>
      <c r="AW39" s="203">
        <v>0</v>
      </c>
      <c r="AX39" s="200">
        <v>0</v>
      </c>
      <c r="AY39" s="198">
        <v>40</v>
      </c>
      <c r="AZ39" s="198">
        <v>44</v>
      </c>
      <c r="BA39" s="198">
        <v>62</v>
      </c>
      <c r="BB39" s="198">
        <v>44</v>
      </c>
      <c r="BC39" s="198">
        <v>7</v>
      </c>
      <c r="BD39" s="201">
        <v>197</v>
      </c>
      <c r="BE39" s="202">
        <v>197</v>
      </c>
      <c r="BF39" s="197">
        <v>0</v>
      </c>
      <c r="BG39" s="198">
        <v>0</v>
      </c>
      <c r="BH39" s="203">
        <v>0</v>
      </c>
      <c r="BI39" s="200">
        <v>0</v>
      </c>
      <c r="BJ39" s="198">
        <v>37</v>
      </c>
      <c r="BK39" s="198">
        <v>46</v>
      </c>
      <c r="BL39" s="198">
        <v>7</v>
      </c>
      <c r="BM39" s="198">
        <v>46</v>
      </c>
      <c r="BN39" s="198">
        <v>6</v>
      </c>
      <c r="BO39" s="203">
        <v>142</v>
      </c>
      <c r="BP39" s="202">
        <v>142</v>
      </c>
      <c r="BQ39" s="197">
        <v>0</v>
      </c>
      <c r="BR39" s="198">
        <v>0</v>
      </c>
      <c r="BS39" s="203">
        <v>0</v>
      </c>
      <c r="BT39" s="200">
        <v>0</v>
      </c>
      <c r="BU39" s="198">
        <v>0</v>
      </c>
      <c r="BV39" s="198">
        <v>3</v>
      </c>
      <c r="BW39" s="198">
        <v>54</v>
      </c>
      <c r="BX39" s="198">
        <v>4</v>
      </c>
      <c r="BY39" s="198">
        <v>20</v>
      </c>
      <c r="BZ39" s="203">
        <v>81</v>
      </c>
      <c r="CA39" s="202">
        <v>81</v>
      </c>
      <c r="CB39" s="197">
        <v>0</v>
      </c>
      <c r="CC39" s="198">
        <v>0</v>
      </c>
      <c r="CD39" s="203">
        <v>0</v>
      </c>
      <c r="CE39" s="200">
        <v>0</v>
      </c>
      <c r="CF39" s="198">
        <v>10</v>
      </c>
      <c r="CG39" s="198">
        <v>0</v>
      </c>
      <c r="CH39" s="198">
        <v>0</v>
      </c>
      <c r="CI39" s="198">
        <v>0</v>
      </c>
      <c r="CJ39" s="198">
        <v>0</v>
      </c>
      <c r="CK39" s="203">
        <v>10</v>
      </c>
      <c r="CL39" s="202">
        <v>10</v>
      </c>
      <c r="CM39" s="197">
        <v>0</v>
      </c>
      <c r="CN39" s="198">
        <v>0</v>
      </c>
      <c r="CO39" s="203">
        <v>0</v>
      </c>
      <c r="CP39" s="200">
        <v>0</v>
      </c>
      <c r="CQ39" s="198">
        <v>0</v>
      </c>
      <c r="CR39" s="198">
        <v>0</v>
      </c>
      <c r="CS39" s="198">
        <v>0</v>
      </c>
      <c r="CT39" s="198">
        <v>0</v>
      </c>
      <c r="CU39" s="198">
        <v>0</v>
      </c>
      <c r="CV39" s="203">
        <v>0</v>
      </c>
      <c r="CW39" s="202">
        <v>0</v>
      </c>
      <c r="CX39" s="197">
        <v>0</v>
      </c>
      <c r="CY39" s="198">
        <v>0</v>
      </c>
      <c r="CZ39" s="203">
        <v>0</v>
      </c>
      <c r="DA39" s="200">
        <v>0</v>
      </c>
      <c r="DB39" s="198">
        <v>0</v>
      </c>
      <c r="DC39" s="198">
        <v>0</v>
      </c>
      <c r="DD39" s="198">
        <v>0</v>
      </c>
      <c r="DE39" s="198">
        <v>0</v>
      </c>
      <c r="DF39" s="198">
        <v>0</v>
      </c>
      <c r="DG39" s="203">
        <v>0</v>
      </c>
      <c r="DH39" s="202">
        <v>0</v>
      </c>
    </row>
    <row r="40" spans="2:112" ht="27" customHeight="1" x14ac:dyDescent="0.2"/>
  </sheetData>
  <mergeCells count="43">
    <mergeCell ref="CX3:DH3"/>
    <mergeCell ref="CX4:CZ4"/>
    <mergeCell ref="DA4:DG4"/>
    <mergeCell ref="DH4:DH5"/>
    <mergeCell ref="B3:B5"/>
    <mergeCell ref="C3:M3"/>
    <mergeCell ref="C4:E4"/>
    <mergeCell ref="F4:L4"/>
    <mergeCell ref="M4:M5"/>
    <mergeCell ref="BE4:BE5"/>
    <mergeCell ref="N4:P4"/>
    <mergeCell ref="Q4:W4"/>
    <mergeCell ref="X4:X5"/>
    <mergeCell ref="Y4:AA4"/>
    <mergeCell ref="AB4:AH4"/>
    <mergeCell ref="AI4:AI5"/>
    <mergeCell ref="AJ4:AL4"/>
    <mergeCell ref="AM4:AS4"/>
    <mergeCell ref="AT4:AT5"/>
    <mergeCell ref="AU4:AW4"/>
    <mergeCell ref="AX4:BD4"/>
    <mergeCell ref="CW4:CW5"/>
    <mergeCell ref="BF4:BH4"/>
    <mergeCell ref="BI4:BO4"/>
    <mergeCell ref="BP4:BP5"/>
    <mergeCell ref="BQ4:BS4"/>
    <mergeCell ref="BT4:BZ4"/>
    <mergeCell ref="CA4:CA5"/>
    <mergeCell ref="CB4:CD4"/>
    <mergeCell ref="CE4:CK4"/>
    <mergeCell ref="CL4:CL5"/>
    <mergeCell ref="CM4:CO4"/>
    <mergeCell ref="CP4:CV4"/>
    <mergeCell ref="J1:K1"/>
    <mergeCell ref="M1:N1"/>
    <mergeCell ref="CB3:CL3"/>
    <mergeCell ref="CM3:CW3"/>
    <mergeCell ref="N3:X3"/>
    <mergeCell ref="Y3:AI3"/>
    <mergeCell ref="AJ3:AT3"/>
    <mergeCell ref="AU3:BE3"/>
    <mergeCell ref="BF3:BP3"/>
    <mergeCell ref="BQ3:CA3"/>
  </mergeCells>
  <phoneticPr fontId="4"/>
  <pageMargins left="0.70866141732283472" right="0.70866141732283472" top="0.47244094488188981" bottom="0.59055118110236227" header="0.27559055118110237" footer="0.31496062992125984"/>
  <pageSetup paperSize="9" scale="60" orientation="landscape" r:id="rId1"/>
  <headerFooter>
    <oddFooter>&amp;L&amp;20&amp;A&amp;C&amp;P/&amp;N</oddFooter>
  </headerFooter>
  <colBreaks count="4" manualBreakCount="4">
    <brk id="24" max="39" man="1"/>
    <brk id="46" max="39" man="1"/>
    <brk id="68" max="1048575" man="1"/>
    <brk id="90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2</DocSecurity>
  <ScaleCrop>false</ScaleCrop>
  <HeadingPairs>
    <vt:vector size="4" baseType="variant">
      <vt:variant>
        <vt:lpstr>ワークシート</vt:lpstr>
      </vt:variant>
      <vt:variant>
        <vt:i4>25</vt:i4>
      </vt:variant>
      <vt:variant>
        <vt:lpstr>名前付き一覧</vt:lpstr>
      </vt:variant>
      <vt:variant>
        <vt:i4>22</vt:i4>
      </vt:variant>
    </vt:vector>
  </HeadingPairs>
  <TitlesOfParts>
    <vt:vector size="47" baseType="lpstr">
      <vt:lpstr>第１表</vt:lpstr>
      <vt:lpstr>第２-1表</vt:lpstr>
      <vt:lpstr>第２-2表</vt:lpstr>
      <vt:lpstr>第２-3表</vt:lpstr>
      <vt:lpstr>第３-1表</vt:lpstr>
      <vt:lpstr>第３-2-1表</vt:lpstr>
      <vt:lpstr>第３-2-2表</vt:lpstr>
      <vt:lpstr>第３-2-3表 </vt:lpstr>
      <vt:lpstr>第3-3-1表</vt:lpstr>
      <vt:lpstr>第3-3-2表</vt:lpstr>
      <vt:lpstr>第3-3-3表 </vt:lpstr>
      <vt:lpstr>第４-1表</vt:lpstr>
      <vt:lpstr>第4-2-1表</vt:lpstr>
      <vt:lpstr>第4-2-2表</vt:lpstr>
      <vt:lpstr>第4-2-3表</vt:lpstr>
      <vt:lpstr>第4-3-1表</vt:lpstr>
      <vt:lpstr>第4-3-2表</vt:lpstr>
      <vt:lpstr>第4-3-3表</vt:lpstr>
      <vt:lpstr>第5-1表</vt:lpstr>
      <vt:lpstr>第5-2表</vt:lpstr>
      <vt:lpstr>第5-3表</vt:lpstr>
      <vt:lpstr>第６-1表</vt:lpstr>
      <vt:lpstr>第６-2表</vt:lpstr>
      <vt:lpstr>第６-3表 </vt:lpstr>
      <vt:lpstr>第7表</vt:lpstr>
      <vt:lpstr>第１表!Print_Area</vt:lpstr>
      <vt:lpstr>'第２-1表'!Print_Area</vt:lpstr>
      <vt:lpstr>'第２-2表'!Print_Area</vt:lpstr>
      <vt:lpstr>'第２-3表'!Print_Area</vt:lpstr>
      <vt:lpstr>'第3-3-1表'!Print_Area</vt:lpstr>
      <vt:lpstr>'第3-3-2表'!Print_Area</vt:lpstr>
      <vt:lpstr>'第3-3-3表 '!Print_Area</vt:lpstr>
      <vt:lpstr>'第２-1表'!Print_Titles</vt:lpstr>
      <vt:lpstr>'第２-2表'!Print_Titles</vt:lpstr>
      <vt:lpstr>'第２-3表'!Print_Titles</vt:lpstr>
      <vt:lpstr>'第３-1表'!Print_Titles</vt:lpstr>
      <vt:lpstr>'第３-2-1表'!Print_Titles</vt:lpstr>
      <vt:lpstr>'第３-2-2表'!Print_Titles</vt:lpstr>
      <vt:lpstr>'第３-2-3表 '!Print_Titles</vt:lpstr>
      <vt:lpstr>'第４-1表'!Print_Titles</vt:lpstr>
      <vt:lpstr>'第5-1表'!Print_Titles</vt:lpstr>
      <vt:lpstr>'第5-2表'!Print_Titles</vt:lpstr>
      <vt:lpstr>'第5-3表'!Print_Titles</vt:lpstr>
      <vt:lpstr>'第６-1表'!Print_Titles</vt:lpstr>
      <vt:lpstr>'第６-2表'!Print_Titles</vt:lpstr>
      <vt:lpstr>'第６-3表 '!Print_Titles</vt:lpstr>
      <vt:lpstr>第7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高齢福祉課</dc:creator>
  <cp:lastModifiedBy>user</cp:lastModifiedBy>
  <cp:lastPrinted>2023-10-11T06:18:35Z</cp:lastPrinted>
  <dcterms:created xsi:type="dcterms:W3CDTF">2008-02-08T04:23:07Z</dcterms:created>
  <dcterms:modified xsi:type="dcterms:W3CDTF">2025-06-18T05:27:09Z</dcterms:modified>
</cp:coreProperties>
</file>